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2">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34">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12" xfId="3" applyFont="1" applyBorder="1" applyAlignment="1">
      <alignment horizontal="center"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19"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3" xfId="0"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horizontal="left" vertical="center"/>
    </xf>
    <xf numFmtId="0" fontId="0" fillId="0" borderId="14" xfId="0" applyBorder="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3" fontId="5" fillId="0" borderId="0" xfId="0" applyNumberFormat="1" applyFont="1" applyAlignment="1">
      <alignment horizontal="lef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3" fillId="0" borderId="0" xfId="0" applyNumberFormat="1" applyFont="1" applyAlignment="1">
      <alignment horizontal="left" vertical="center"/>
    </xf>
    <xf numFmtId="182" fontId="3" fillId="0" borderId="0" xfId="0" applyNumberFormat="1" applyFont="1" applyBorder="1" applyAlignment="1">
      <alignment horizontal="left"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182" fontId="2" fillId="0" borderId="0" xfId="0" applyNumberFormat="1" applyFont="1" applyBorder="1" applyAlignment="1">
      <alignment horizontal="left"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78" t="s">
        <v>0</v>
      </c>
      <c r="F1" s="478"/>
      <c r="G1" s="478"/>
      <c r="H1" s="478"/>
      <c r="I1" s="2"/>
      <c r="J1" s="2"/>
      <c r="K1" s="2"/>
      <c r="L1" s="2"/>
    </row>
    <row r="2" spans="1:13" ht="24" customHeight="1" x14ac:dyDescent="0.2">
      <c r="A2" s="2"/>
      <c r="B2" s="2"/>
      <c r="C2" s="2"/>
      <c r="D2" s="2"/>
      <c r="E2" s="2"/>
      <c r="F2" s="340">
        <v>5</v>
      </c>
      <c r="G2" s="233">
        <v>11</v>
      </c>
      <c r="H2" s="2"/>
      <c r="I2" s="2"/>
      <c r="J2" s="2"/>
      <c r="K2" s="2"/>
      <c r="L2" s="2"/>
      <c r="M2" s="2"/>
    </row>
    <row r="3" spans="1:13" ht="24" customHeight="1" x14ac:dyDescent="0.2"/>
    <row r="4" spans="1:13" ht="20.25" customHeight="1" x14ac:dyDescent="0.2">
      <c r="D4" s="3"/>
      <c r="E4" s="4" t="s">
        <v>1</v>
      </c>
      <c r="F4" s="3"/>
      <c r="H4" s="240">
        <f>G2</f>
        <v>11</v>
      </c>
    </row>
    <row r="5" spans="1:13" ht="10.5" customHeight="1" thickBot="1" x14ac:dyDescent="0.25">
      <c r="E5" s="5"/>
    </row>
    <row r="6" spans="1:13" ht="21" customHeight="1" x14ac:dyDescent="0.2">
      <c r="E6" s="320"/>
      <c r="F6" s="479" t="s">
        <v>2</v>
      </c>
      <c r="G6" s="480"/>
      <c r="H6" s="480"/>
      <c r="I6" s="481"/>
    </row>
    <row r="7" spans="1:13" ht="21" customHeight="1" x14ac:dyDescent="0.2">
      <c r="E7" s="7"/>
      <c r="F7" s="8"/>
      <c r="G7" s="9" t="s">
        <v>3</v>
      </c>
      <c r="H7" s="322" t="s">
        <v>149</v>
      </c>
      <c r="I7" s="323" t="s">
        <v>148</v>
      </c>
    </row>
    <row r="8" spans="1:13" ht="21" customHeight="1" x14ac:dyDescent="0.2">
      <c r="E8" s="474" t="s">
        <v>4</v>
      </c>
      <c r="F8" s="347">
        <v>2349078</v>
      </c>
      <c r="G8" s="347">
        <v>1020192</v>
      </c>
      <c r="H8" s="347">
        <v>921615</v>
      </c>
      <c r="I8" s="348">
        <v>407271</v>
      </c>
    </row>
    <row r="9" spans="1:13" ht="21" customHeight="1" x14ac:dyDescent="0.2">
      <c r="E9" s="475" t="s">
        <v>5</v>
      </c>
      <c r="F9" s="349">
        <v>937913</v>
      </c>
      <c r="G9" s="349">
        <v>406321</v>
      </c>
      <c r="H9" s="349">
        <v>363033</v>
      </c>
      <c r="I9" s="350">
        <v>168559</v>
      </c>
    </row>
    <row r="10" spans="1:13" ht="21" customHeight="1" x14ac:dyDescent="0.2">
      <c r="E10" s="475" t="s">
        <v>6</v>
      </c>
      <c r="F10" s="349">
        <v>309037</v>
      </c>
      <c r="G10" s="349">
        <v>140489</v>
      </c>
      <c r="H10" s="349">
        <v>115427</v>
      </c>
      <c r="I10" s="350">
        <v>53121</v>
      </c>
    </row>
    <row r="11" spans="1:13" ht="21" customHeight="1" x14ac:dyDescent="0.2">
      <c r="E11" s="475" t="s">
        <v>14</v>
      </c>
      <c r="F11" s="349">
        <v>188817</v>
      </c>
      <c r="G11" s="349">
        <v>82922</v>
      </c>
      <c r="H11" s="349">
        <v>76442</v>
      </c>
      <c r="I11" s="350">
        <v>29453</v>
      </c>
    </row>
    <row r="12" spans="1:13" ht="21" customHeight="1" x14ac:dyDescent="0.2">
      <c r="E12" s="475" t="s">
        <v>7</v>
      </c>
      <c r="F12" s="349">
        <v>125073</v>
      </c>
      <c r="G12" s="349">
        <v>51360</v>
      </c>
      <c r="H12" s="349">
        <v>51031</v>
      </c>
      <c r="I12" s="350">
        <v>22682</v>
      </c>
    </row>
    <row r="13" spans="1:13" ht="21" customHeight="1" x14ac:dyDescent="0.2">
      <c r="E13" s="475" t="s">
        <v>8</v>
      </c>
      <c r="F13" s="349">
        <v>73681</v>
      </c>
      <c r="G13" s="349">
        <v>32645</v>
      </c>
      <c r="H13" s="349">
        <v>29064</v>
      </c>
      <c r="I13" s="350">
        <v>11972</v>
      </c>
    </row>
    <row r="14" spans="1:13" ht="21" customHeight="1" x14ac:dyDescent="0.2">
      <c r="E14" s="475" t="s">
        <v>9</v>
      </c>
      <c r="F14" s="349">
        <v>53499</v>
      </c>
      <c r="G14" s="349">
        <v>20189</v>
      </c>
      <c r="H14" s="349">
        <v>21442</v>
      </c>
      <c r="I14" s="350">
        <v>11868</v>
      </c>
    </row>
    <row r="15" spans="1:13" ht="21" customHeight="1" x14ac:dyDescent="0.2">
      <c r="E15" s="475" t="s">
        <v>10</v>
      </c>
      <c r="F15" s="349">
        <v>108709</v>
      </c>
      <c r="G15" s="349">
        <v>46059</v>
      </c>
      <c r="H15" s="349">
        <v>43037</v>
      </c>
      <c r="I15" s="350">
        <v>19613</v>
      </c>
    </row>
    <row r="16" spans="1:13" ht="21" customHeight="1" x14ac:dyDescent="0.2">
      <c r="E16" s="475" t="s">
        <v>11</v>
      </c>
      <c r="F16" s="349">
        <v>57484</v>
      </c>
      <c r="G16" s="349">
        <v>25162</v>
      </c>
      <c r="H16" s="349">
        <v>22165</v>
      </c>
      <c r="I16" s="350">
        <v>10157</v>
      </c>
    </row>
    <row r="17" spans="5:13" ht="21" customHeight="1" x14ac:dyDescent="0.2">
      <c r="E17" s="475" t="s">
        <v>12</v>
      </c>
      <c r="F17" s="349">
        <v>65982</v>
      </c>
      <c r="G17" s="349">
        <v>27962</v>
      </c>
      <c r="H17" s="349">
        <v>26140</v>
      </c>
      <c r="I17" s="350">
        <v>11880</v>
      </c>
    </row>
    <row r="18" spans="5:13" ht="21" customHeight="1" x14ac:dyDescent="0.2">
      <c r="E18" s="475" t="s">
        <v>13</v>
      </c>
      <c r="F18" s="349">
        <v>18519</v>
      </c>
      <c r="G18" s="349">
        <v>6974</v>
      </c>
      <c r="H18" s="349">
        <v>7461</v>
      </c>
      <c r="I18" s="350">
        <v>4084</v>
      </c>
      <c r="M18" s="1" t="s">
        <v>87</v>
      </c>
    </row>
    <row r="19" spans="5:13" ht="21" customHeight="1" x14ac:dyDescent="0.2">
      <c r="E19" s="475" t="s">
        <v>15</v>
      </c>
      <c r="F19" s="349">
        <v>16098</v>
      </c>
      <c r="G19" s="349">
        <v>6914</v>
      </c>
      <c r="H19" s="349">
        <v>6314</v>
      </c>
      <c r="I19" s="350">
        <v>2870</v>
      </c>
    </row>
    <row r="20" spans="5:13" ht="21" customHeight="1" x14ac:dyDescent="0.2">
      <c r="E20" s="475" t="s">
        <v>16</v>
      </c>
      <c r="F20" s="349">
        <v>49541</v>
      </c>
      <c r="G20" s="349">
        <v>22600</v>
      </c>
      <c r="H20" s="349">
        <v>19802</v>
      </c>
      <c r="I20" s="350">
        <v>7139</v>
      </c>
    </row>
    <row r="21" spans="5:13" ht="21" customHeight="1" x14ac:dyDescent="0.2">
      <c r="E21" s="475" t="s">
        <v>17</v>
      </c>
      <c r="F21" s="349">
        <v>58844</v>
      </c>
      <c r="G21" s="349">
        <v>26698</v>
      </c>
      <c r="H21" s="349">
        <v>23837</v>
      </c>
      <c r="I21" s="350">
        <v>8309</v>
      </c>
    </row>
    <row r="22" spans="5:13" ht="21" customHeight="1" x14ac:dyDescent="0.2">
      <c r="E22" s="475" t="s">
        <v>18</v>
      </c>
      <c r="F22" s="349">
        <v>58380</v>
      </c>
      <c r="G22" s="349">
        <v>25432</v>
      </c>
      <c r="H22" s="349">
        <v>23770</v>
      </c>
      <c r="I22" s="350">
        <v>9178</v>
      </c>
    </row>
    <row r="23" spans="5:13" ht="21" customHeight="1" x14ac:dyDescent="0.2">
      <c r="E23" s="475" t="s">
        <v>19</v>
      </c>
      <c r="F23" s="349">
        <v>26717</v>
      </c>
      <c r="G23" s="349">
        <v>11740</v>
      </c>
      <c r="H23" s="349">
        <v>10761</v>
      </c>
      <c r="I23" s="350">
        <v>4216</v>
      </c>
    </row>
    <row r="24" spans="5:13" ht="21" customHeight="1" x14ac:dyDescent="0.2">
      <c r="E24" s="475" t="s">
        <v>20</v>
      </c>
      <c r="F24" s="349">
        <v>34247</v>
      </c>
      <c r="G24" s="349">
        <v>15267</v>
      </c>
      <c r="H24" s="349">
        <v>13914</v>
      </c>
      <c r="I24" s="350">
        <v>5066</v>
      </c>
    </row>
    <row r="25" spans="5:13" ht="21" customHeight="1" x14ac:dyDescent="0.2">
      <c r="E25" s="475" t="s">
        <v>21</v>
      </c>
      <c r="F25" s="349">
        <v>34499</v>
      </c>
      <c r="G25" s="349">
        <v>15289</v>
      </c>
      <c r="H25" s="349">
        <v>13965</v>
      </c>
      <c r="I25" s="350">
        <v>5245</v>
      </c>
    </row>
    <row r="26" spans="5:13" ht="21" customHeight="1" x14ac:dyDescent="0.2">
      <c r="E26" s="475" t="s">
        <v>22</v>
      </c>
      <c r="F26" s="349">
        <v>13655</v>
      </c>
      <c r="G26" s="349">
        <v>5691</v>
      </c>
      <c r="H26" s="349">
        <v>5547</v>
      </c>
      <c r="I26" s="350">
        <v>2417</v>
      </c>
    </row>
    <row r="27" spans="5:13" ht="21" customHeight="1" x14ac:dyDescent="0.2">
      <c r="E27" s="475" t="s">
        <v>23</v>
      </c>
      <c r="F27" s="349">
        <v>22742</v>
      </c>
      <c r="G27" s="349">
        <v>9373</v>
      </c>
      <c r="H27" s="349">
        <v>10031</v>
      </c>
      <c r="I27" s="350">
        <v>3338</v>
      </c>
    </row>
    <row r="28" spans="5:13" ht="21" customHeight="1" x14ac:dyDescent="0.2">
      <c r="E28" s="475" t="s">
        <v>24</v>
      </c>
      <c r="F28" s="349">
        <v>10137</v>
      </c>
      <c r="G28" s="349">
        <v>3799</v>
      </c>
      <c r="H28" s="349">
        <v>4261</v>
      </c>
      <c r="I28" s="350">
        <v>2077</v>
      </c>
    </row>
    <row r="29" spans="5:13" ht="21" customHeight="1" x14ac:dyDescent="0.2">
      <c r="E29" s="475" t="s">
        <v>25</v>
      </c>
      <c r="F29" s="349">
        <v>13488</v>
      </c>
      <c r="G29" s="349">
        <v>6188</v>
      </c>
      <c r="H29" s="349">
        <v>5421</v>
      </c>
      <c r="I29" s="350">
        <v>1879</v>
      </c>
    </row>
    <row r="30" spans="5:13" ht="21" customHeight="1" x14ac:dyDescent="0.2">
      <c r="E30" s="475" t="s">
        <v>26</v>
      </c>
      <c r="F30" s="349">
        <v>11131</v>
      </c>
      <c r="G30" s="349">
        <v>4587</v>
      </c>
      <c r="H30" s="349">
        <v>4583</v>
      </c>
      <c r="I30" s="350">
        <v>1961</v>
      </c>
    </row>
    <row r="31" spans="5:13" ht="21" customHeight="1" x14ac:dyDescent="0.2">
      <c r="E31" s="475" t="s">
        <v>27</v>
      </c>
      <c r="F31" s="349">
        <v>9831</v>
      </c>
      <c r="G31" s="349">
        <v>3848</v>
      </c>
      <c r="H31" s="349">
        <v>4046</v>
      </c>
      <c r="I31" s="350">
        <v>1937</v>
      </c>
    </row>
    <row r="32" spans="5:13" ht="21" customHeight="1" x14ac:dyDescent="0.2">
      <c r="E32" s="475" t="s">
        <v>28</v>
      </c>
      <c r="F32" s="349">
        <v>3216</v>
      </c>
      <c r="G32" s="349">
        <v>1461</v>
      </c>
      <c r="H32" s="349">
        <v>1313</v>
      </c>
      <c r="I32" s="350">
        <v>442</v>
      </c>
    </row>
    <row r="33" spans="5:9" ht="21" customHeight="1" x14ac:dyDescent="0.2">
      <c r="E33" s="475" t="s">
        <v>29</v>
      </c>
      <c r="F33" s="349">
        <v>5006</v>
      </c>
      <c r="G33" s="349">
        <v>2186</v>
      </c>
      <c r="H33" s="349">
        <v>2056</v>
      </c>
      <c r="I33" s="350">
        <v>764</v>
      </c>
    </row>
    <row r="34" spans="5:9" ht="21" customHeight="1" x14ac:dyDescent="0.2">
      <c r="E34" s="475" t="s">
        <v>30</v>
      </c>
      <c r="F34" s="349">
        <v>3718</v>
      </c>
      <c r="G34" s="349">
        <v>1567</v>
      </c>
      <c r="H34" s="349">
        <v>1428</v>
      </c>
      <c r="I34" s="350">
        <v>723</v>
      </c>
    </row>
    <row r="35" spans="5:9" ht="21" customHeight="1" x14ac:dyDescent="0.2">
      <c r="E35" s="475" t="s">
        <v>31</v>
      </c>
      <c r="F35" s="349">
        <v>4021</v>
      </c>
      <c r="G35" s="349">
        <v>1853</v>
      </c>
      <c r="H35" s="349">
        <v>1410</v>
      </c>
      <c r="I35" s="350">
        <v>758</v>
      </c>
    </row>
    <row r="36" spans="5:9" ht="21" customHeight="1" x14ac:dyDescent="0.2">
      <c r="E36" s="475" t="s">
        <v>32</v>
      </c>
      <c r="F36" s="349">
        <v>4670</v>
      </c>
      <c r="G36" s="349">
        <v>2056</v>
      </c>
      <c r="H36" s="349">
        <v>1837</v>
      </c>
      <c r="I36" s="350">
        <v>777</v>
      </c>
    </row>
    <row r="37" spans="5:9" ht="21" customHeight="1" x14ac:dyDescent="0.2">
      <c r="E37" s="475" t="s">
        <v>33</v>
      </c>
      <c r="F37" s="349">
        <v>4133</v>
      </c>
      <c r="G37" s="349">
        <v>1796</v>
      </c>
      <c r="H37" s="349">
        <v>1627</v>
      </c>
      <c r="I37" s="350">
        <v>710</v>
      </c>
    </row>
    <row r="38" spans="5:9" ht="21" customHeight="1" x14ac:dyDescent="0.2">
      <c r="E38" s="475" t="s">
        <v>34</v>
      </c>
      <c r="F38" s="349">
        <v>3013</v>
      </c>
      <c r="G38" s="349">
        <v>1262</v>
      </c>
      <c r="H38" s="349">
        <v>1206</v>
      </c>
      <c r="I38" s="350">
        <v>545</v>
      </c>
    </row>
    <row r="39" spans="5:9" ht="21" customHeight="1" x14ac:dyDescent="0.2">
      <c r="E39" s="475" t="s">
        <v>35</v>
      </c>
      <c r="F39" s="349">
        <v>9798</v>
      </c>
      <c r="G39" s="349">
        <v>4048</v>
      </c>
      <c r="H39" s="349">
        <v>3965</v>
      </c>
      <c r="I39" s="350">
        <v>1785</v>
      </c>
    </row>
    <row r="40" spans="5:9" ht="21" customHeight="1" x14ac:dyDescent="0.2">
      <c r="E40" s="475" t="s">
        <v>36</v>
      </c>
      <c r="F40" s="349">
        <v>12409</v>
      </c>
      <c r="G40" s="349">
        <v>5933</v>
      </c>
      <c r="H40" s="349">
        <v>4887</v>
      </c>
      <c r="I40" s="350">
        <v>1589</v>
      </c>
    </row>
    <row r="41" spans="5:9" ht="21" customHeight="1" thickBot="1" x14ac:dyDescent="0.25">
      <c r="E41" s="476" t="s">
        <v>37</v>
      </c>
      <c r="F41" s="351">
        <v>1070</v>
      </c>
      <c r="G41" s="351">
        <v>521</v>
      </c>
      <c r="H41" s="351">
        <v>392</v>
      </c>
      <c r="I41" s="352">
        <v>157</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6.777343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3</v>
      </c>
      <c r="J1" s="500">
        <f>第１表!F2</f>
        <v>5</v>
      </c>
      <c r="K1" s="500"/>
      <c r="L1" s="235">
        <f>第１表!G2</f>
        <v>11</v>
      </c>
      <c r="M1" s="505">
        <f>IF(L1&lt;3,L1+12-2,L1-2)</f>
        <v>9</v>
      </c>
      <c r="N1" s="505"/>
    </row>
    <row r="2" spans="2:112" ht="24" customHeight="1" thickBot="1" x14ac:dyDescent="0.25">
      <c r="B2" s="271" t="s">
        <v>130</v>
      </c>
    </row>
    <row r="3" spans="2:112" ht="21" customHeight="1" thickBot="1" x14ac:dyDescent="0.25">
      <c r="B3" s="525"/>
      <c r="C3" s="528" t="s">
        <v>112</v>
      </c>
      <c r="D3" s="528"/>
      <c r="E3" s="528"/>
      <c r="F3" s="528"/>
      <c r="G3" s="528"/>
      <c r="H3" s="528"/>
      <c r="I3" s="528"/>
      <c r="J3" s="528"/>
      <c r="K3" s="528"/>
      <c r="L3" s="528"/>
      <c r="M3" s="529"/>
      <c r="N3" s="523" t="s">
        <v>111</v>
      </c>
      <c r="O3" s="523"/>
      <c r="P3" s="523"/>
      <c r="Q3" s="523"/>
      <c r="R3" s="523"/>
      <c r="S3" s="523"/>
      <c r="T3" s="523"/>
      <c r="U3" s="523"/>
      <c r="V3" s="523"/>
      <c r="W3" s="523"/>
      <c r="X3" s="524"/>
      <c r="Y3" s="522" t="s">
        <v>110</v>
      </c>
      <c r="Z3" s="523"/>
      <c r="AA3" s="523"/>
      <c r="AB3" s="523"/>
      <c r="AC3" s="523"/>
      <c r="AD3" s="523"/>
      <c r="AE3" s="523"/>
      <c r="AF3" s="523"/>
      <c r="AG3" s="523"/>
      <c r="AH3" s="523"/>
      <c r="AI3" s="524"/>
      <c r="AJ3" s="522" t="s">
        <v>109</v>
      </c>
      <c r="AK3" s="523"/>
      <c r="AL3" s="523"/>
      <c r="AM3" s="523"/>
      <c r="AN3" s="523"/>
      <c r="AO3" s="523"/>
      <c r="AP3" s="523"/>
      <c r="AQ3" s="523"/>
      <c r="AR3" s="523"/>
      <c r="AS3" s="523"/>
      <c r="AT3" s="524"/>
      <c r="AU3" s="522" t="s">
        <v>108</v>
      </c>
      <c r="AV3" s="523"/>
      <c r="AW3" s="523"/>
      <c r="AX3" s="523"/>
      <c r="AY3" s="523"/>
      <c r="AZ3" s="523"/>
      <c r="BA3" s="523"/>
      <c r="BB3" s="523"/>
      <c r="BC3" s="523"/>
      <c r="BD3" s="523"/>
      <c r="BE3" s="524"/>
      <c r="BF3" s="522" t="s">
        <v>107</v>
      </c>
      <c r="BG3" s="523"/>
      <c r="BH3" s="523"/>
      <c r="BI3" s="523"/>
      <c r="BJ3" s="523"/>
      <c r="BK3" s="523"/>
      <c r="BL3" s="523"/>
      <c r="BM3" s="523"/>
      <c r="BN3" s="523"/>
      <c r="BO3" s="523"/>
      <c r="BP3" s="524"/>
      <c r="BQ3" s="522" t="s">
        <v>106</v>
      </c>
      <c r="BR3" s="523"/>
      <c r="BS3" s="523"/>
      <c r="BT3" s="523"/>
      <c r="BU3" s="523"/>
      <c r="BV3" s="523"/>
      <c r="BW3" s="523"/>
      <c r="BX3" s="523"/>
      <c r="BY3" s="523"/>
      <c r="BZ3" s="523"/>
      <c r="CA3" s="524"/>
      <c r="CB3" s="522" t="s">
        <v>127</v>
      </c>
      <c r="CC3" s="523"/>
      <c r="CD3" s="523"/>
      <c r="CE3" s="523"/>
      <c r="CF3" s="523"/>
      <c r="CG3" s="523"/>
      <c r="CH3" s="523"/>
      <c r="CI3" s="523"/>
      <c r="CJ3" s="523"/>
      <c r="CK3" s="523"/>
      <c r="CL3" s="524"/>
      <c r="CM3" s="522" t="s">
        <v>160</v>
      </c>
      <c r="CN3" s="523"/>
      <c r="CO3" s="523"/>
      <c r="CP3" s="523"/>
      <c r="CQ3" s="523"/>
      <c r="CR3" s="523"/>
      <c r="CS3" s="523"/>
      <c r="CT3" s="523"/>
      <c r="CU3" s="523"/>
      <c r="CV3" s="523"/>
      <c r="CW3" s="524"/>
      <c r="CX3" s="522" t="s">
        <v>156</v>
      </c>
      <c r="CY3" s="523"/>
      <c r="CZ3" s="523"/>
      <c r="DA3" s="523"/>
      <c r="DB3" s="523"/>
      <c r="DC3" s="523"/>
      <c r="DD3" s="523"/>
      <c r="DE3" s="523"/>
      <c r="DF3" s="523"/>
      <c r="DG3" s="523"/>
      <c r="DH3" s="524"/>
    </row>
    <row r="4" spans="2:112" ht="21" customHeight="1" x14ac:dyDescent="0.2">
      <c r="B4" s="526"/>
      <c r="C4" s="530" t="s">
        <v>61</v>
      </c>
      <c r="D4" s="509"/>
      <c r="E4" s="510"/>
      <c r="F4" s="511" t="s">
        <v>62</v>
      </c>
      <c r="G4" s="509"/>
      <c r="H4" s="509"/>
      <c r="I4" s="509"/>
      <c r="J4" s="509"/>
      <c r="K4" s="509"/>
      <c r="L4" s="512"/>
      <c r="M4" s="506" t="s">
        <v>52</v>
      </c>
      <c r="N4" s="530" t="s">
        <v>61</v>
      </c>
      <c r="O4" s="509"/>
      <c r="P4" s="510"/>
      <c r="Q4" s="511" t="s">
        <v>62</v>
      </c>
      <c r="R4" s="509"/>
      <c r="S4" s="509"/>
      <c r="T4" s="509"/>
      <c r="U4" s="509"/>
      <c r="V4" s="509"/>
      <c r="W4" s="510"/>
      <c r="X4" s="506" t="s">
        <v>52</v>
      </c>
      <c r="Y4" s="508" t="s">
        <v>61</v>
      </c>
      <c r="Z4" s="509"/>
      <c r="AA4" s="512"/>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2"/>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row>
    <row r="5" spans="2:112" ht="30" customHeight="1" thickBot="1" x14ac:dyDescent="0.25">
      <c r="B5" s="527"/>
      <c r="C5" s="245" t="s">
        <v>43</v>
      </c>
      <c r="D5" s="243" t="s">
        <v>44</v>
      </c>
      <c r="E5" s="356" t="s">
        <v>45</v>
      </c>
      <c r="F5" s="248" t="s">
        <v>83</v>
      </c>
      <c r="G5" s="243" t="s">
        <v>47</v>
      </c>
      <c r="H5" s="243" t="s">
        <v>48</v>
      </c>
      <c r="I5" s="243" t="s">
        <v>49</v>
      </c>
      <c r="J5" s="243" t="s">
        <v>50</v>
      </c>
      <c r="K5" s="243" t="s">
        <v>51</v>
      </c>
      <c r="L5" s="249" t="s">
        <v>45</v>
      </c>
      <c r="M5" s="507"/>
      <c r="N5" s="245" t="s">
        <v>43</v>
      </c>
      <c r="O5" s="243" t="s">
        <v>44</v>
      </c>
      <c r="P5" s="246" t="s">
        <v>45</v>
      </c>
      <c r="Q5" s="248" t="s">
        <v>83</v>
      </c>
      <c r="R5" s="243" t="s">
        <v>47</v>
      </c>
      <c r="S5" s="243" t="s">
        <v>48</v>
      </c>
      <c r="T5" s="243" t="s">
        <v>49</v>
      </c>
      <c r="U5" s="243" t="s">
        <v>50</v>
      </c>
      <c r="V5" s="243" t="s">
        <v>51</v>
      </c>
      <c r="W5" s="246" t="s">
        <v>45</v>
      </c>
      <c r="X5" s="507"/>
      <c r="Y5" s="301" t="s">
        <v>43</v>
      </c>
      <c r="Z5" s="243" t="s">
        <v>44</v>
      </c>
      <c r="AA5" s="249" t="s">
        <v>45</v>
      </c>
      <c r="AB5" s="248" t="s">
        <v>83</v>
      </c>
      <c r="AC5" s="243" t="s">
        <v>47</v>
      </c>
      <c r="AD5" s="243" t="s">
        <v>48</v>
      </c>
      <c r="AE5" s="243" t="s">
        <v>49</v>
      </c>
      <c r="AF5" s="243" t="s">
        <v>50</v>
      </c>
      <c r="AG5" s="243" t="s">
        <v>51</v>
      </c>
      <c r="AH5" s="246" t="s">
        <v>45</v>
      </c>
      <c r="AI5" s="507"/>
      <c r="AJ5" s="301" t="s">
        <v>43</v>
      </c>
      <c r="AK5" s="243" t="s">
        <v>44</v>
      </c>
      <c r="AL5" s="246" t="s">
        <v>45</v>
      </c>
      <c r="AM5" s="248" t="s">
        <v>83</v>
      </c>
      <c r="AN5" s="243" t="s">
        <v>47</v>
      </c>
      <c r="AO5" s="243" t="s">
        <v>48</v>
      </c>
      <c r="AP5" s="243" t="s">
        <v>49</v>
      </c>
      <c r="AQ5" s="243" t="s">
        <v>50</v>
      </c>
      <c r="AR5" s="243" t="s">
        <v>51</v>
      </c>
      <c r="AS5" s="246" t="s">
        <v>45</v>
      </c>
      <c r="AT5" s="507"/>
      <c r="AU5" s="301" t="s">
        <v>43</v>
      </c>
      <c r="AV5" s="243" t="s">
        <v>44</v>
      </c>
      <c r="AW5" s="249" t="s">
        <v>45</v>
      </c>
      <c r="AX5" s="248" t="s">
        <v>83</v>
      </c>
      <c r="AY5" s="243" t="s">
        <v>47</v>
      </c>
      <c r="AZ5" s="243" t="s">
        <v>48</v>
      </c>
      <c r="BA5" s="243" t="s">
        <v>49</v>
      </c>
      <c r="BB5" s="243" t="s">
        <v>50</v>
      </c>
      <c r="BC5" s="243" t="s">
        <v>51</v>
      </c>
      <c r="BD5" s="249" t="s">
        <v>45</v>
      </c>
      <c r="BE5" s="507"/>
      <c r="BF5" s="301" t="s">
        <v>43</v>
      </c>
      <c r="BG5" s="243" t="s">
        <v>44</v>
      </c>
      <c r="BH5" s="246" t="s">
        <v>45</v>
      </c>
      <c r="BI5" s="248" t="s">
        <v>83</v>
      </c>
      <c r="BJ5" s="243" t="s">
        <v>47</v>
      </c>
      <c r="BK5" s="243" t="s">
        <v>48</v>
      </c>
      <c r="BL5" s="243" t="s">
        <v>49</v>
      </c>
      <c r="BM5" s="243" t="s">
        <v>50</v>
      </c>
      <c r="BN5" s="243" t="s">
        <v>51</v>
      </c>
      <c r="BO5" s="246" t="s">
        <v>45</v>
      </c>
      <c r="BP5" s="507"/>
      <c r="BQ5" s="301" t="s">
        <v>43</v>
      </c>
      <c r="BR5" s="243" t="s">
        <v>44</v>
      </c>
      <c r="BS5" s="246" t="s">
        <v>45</v>
      </c>
      <c r="BT5" s="248" t="s">
        <v>83</v>
      </c>
      <c r="BU5" s="243" t="s">
        <v>47</v>
      </c>
      <c r="BV5" s="243" t="s">
        <v>48</v>
      </c>
      <c r="BW5" s="243" t="s">
        <v>49</v>
      </c>
      <c r="BX5" s="243" t="s">
        <v>50</v>
      </c>
      <c r="BY5" s="243" t="s">
        <v>51</v>
      </c>
      <c r="BZ5" s="246" t="s">
        <v>45</v>
      </c>
      <c r="CA5" s="507"/>
      <c r="CB5" s="301" t="s">
        <v>43</v>
      </c>
      <c r="CC5" s="243" t="s">
        <v>44</v>
      </c>
      <c r="CD5" s="246" t="s">
        <v>45</v>
      </c>
      <c r="CE5" s="248" t="s">
        <v>83</v>
      </c>
      <c r="CF5" s="243" t="s">
        <v>47</v>
      </c>
      <c r="CG5" s="243" t="s">
        <v>48</v>
      </c>
      <c r="CH5" s="243" t="s">
        <v>49</v>
      </c>
      <c r="CI5" s="243" t="s">
        <v>50</v>
      </c>
      <c r="CJ5" s="243" t="s">
        <v>51</v>
      </c>
      <c r="CK5" s="246" t="s">
        <v>45</v>
      </c>
      <c r="CL5" s="507"/>
      <c r="CM5" s="301" t="s">
        <v>43</v>
      </c>
      <c r="CN5" s="243" t="s">
        <v>44</v>
      </c>
      <c r="CO5" s="246" t="s">
        <v>45</v>
      </c>
      <c r="CP5" s="248" t="s">
        <v>83</v>
      </c>
      <c r="CQ5" s="243" t="s">
        <v>47</v>
      </c>
      <c r="CR5" s="243" t="s">
        <v>48</v>
      </c>
      <c r="CS5" s="243" t="s">
        <v>49</v>
      </c>
      <c r="CT5" s="243" t="s">
        <v>50</v>
      </c>
      <c r="CU5" s="243" t="s">
        <v>51</v>
      </c>
      <c r="CV5" s="246" t="s">
        <v>45</v>
      </c>
      <c r="CW5" s="507"/>
      <c r="CX5" s="339" t="s">
        <v>43</v>
      </c>
      <c r="CY5" s="243" t="s">
        <v>44</v>
      </c>
      <c r="CZ5" s="246" t="s">
        <v>45</v>
      </c>
      <c r="DA5" s="248" t="s">
        <v>83</v>
      </c>
      <c r="DB5" s="243" t="s">
        <v>47</v>
      </c>
      <c r="DC5" s="243" t="s">
        <v>48</v>
      </c>
      <c r="DD5" s="243" t="s">
        <v>49</v>
      </c>
      <c r="DE5" s="243" t="s">
        <v>50</v>
      </c>
      <c r="DF5" s="243" t="s">
        <v>51</v>
      </c>
      <c r="DG5" s="246" t="s">
        <v>45</v>
      </c>
      <c r="DH5" s="507"/>
    </row>
    <row r="6" spans="2:112" ht="21" customHeight="1" x14ac:dyDescent="0.2">
      <c r="B6" s="470" t="s">
        <v>4</v>
      </c>
      <c r="C6" s="250">
        <v>0</v>
      </c>
      <c r="D6" s="254">
        <v>0</v>
      </c>
      <c r="E6" s="357">
        <v>0</v>
      </c>
      <c r="F6" s="253">
        <v>0</v>
      </c>
      <c r="G6" s="254">
        <v>13503</v>
      </c>
      <c r="H6" s="254">
        <v>20813</v>
      </c>
      <c r="I6" s="254">
        <v>19451</v>
      </c>
      <c r="J6" s="254">
        <v>24101</v>
      </c>
      <c r="K6" s="254">
        <v>20229</v>
      </c>
      <c r="L6" s="255">
        <v>98097</v>
      </c>
      <c r="M6" s="256">
        <v>98097</v>
      </c>
      <c r="N6" s="250">
        <v>0</v>
      </c>
      <c r="O6" s="254">
        <v>3</v>
      </c>
      <c r="P6" s="251">
        <v>3</v>
      </c>
      <c r="Q6" s="253">
        <v>0</v>
      </c>
      <c r="R6" s="254">
        <v>31</v>
      </c>
      <c r="S6" s="254">
        <v>117</v>
      </c>
      <c r="T6" s="254">
        <v>313</v>
      </c>
      <c r="U6" s="254">
        <v>597</v>
      </c>
      <c r="V6" s="254">
        <v>1071</v>
      </c>
      <c r="W6" s="251">
        <v>2129</v>
      </c>
      <c r="X6" s="256">
        <v>2132</v>
      </c>
      <c r="Y6" s="250">
        <v>1225</v>
      </c>
      <c r="Z6" s="254">
        <v>2445</v>
      </c>
      <c r="AA6" s="251">
        <v>3670</v>
      </c>
      <c r="AB6" s="253">
        <v>0</v>
      </c>
      <c r="AC6" s="254">
        <v>8197</v>
      </c>
      <c r="AD6" s="254">
        <v>13367</v>
      </c>
      <c r="AE6" s="254">
        <v>7882</v>
      </c>
      <c r="AF6" s="254">
        <v>6896</v>
      </c>
      <c r="AG6" s="254">
        <v>4460</v>
      </c>
      <c r="AH6" s="251">
        <v>40802</v>
      </c>
      <c r="AI6" s="256">
        <v>44472</v>
      </c>
      <c r="AJ6" s="250">
        <v>220</v>
      </c>
      <c r="AK6" s="254">
        <v>689</v>
      </c>
      <c r="AL6" s="251">
        <v>909</v>
      </c>
      <c r="AM6" s="253">
        <v>0</v>
      </c>
      <c r="AN6" s="254">
        <v>927</v>
      </c>
      <c r="AO6" s="254">
        <v>1368</v>
      </c>
      <c r="AP6" s="254">
        <v>1142</v>
      </c>
      <c r="AQ6" s="254">
        <v>895</v>
      </c>
      <c r="AR6" s="254">
        <v>470</v>
      </c>
      <c r="AS6" s="251">
        <v>4802</v>
      </c>
      <c r="AT6" s="256">
        <v>5711</v>
      </c>
      <c r="AU6" s="250">
        <v>0</v>
      </c>
      <c r="AV6" s="254">
        <v>0</v>
      </c>
      <c r="AW6" s="251">
        <v>0</v>
      </c>
      <c r="AX6" s="253">
        <v>0</v>
      </c>
      <c r="AY6" s="254">
        <v>12898</v>
      </c>
      <c r="AZ6" s="254">
        <v>12536</v>
      </c>
      <c r="BA6" s="254">
        <v>6943</v>
      </c>
      <c r="BB6" s="254">
        <v>3662</v>
      </c>
      <c r="BC6" s="254">
        <v>1384</v>
      </c>
      <c r="BD6" s="255">
        <v>37423</v>
      </c>
      <c r="BE6" s="256">
        <v>37423</v>
      </c>
      <c r="BF6" s="250">
        <v>0</v>
      </c>
      <c r="BG6" s="254">
        <v>0</v>
      </c>
      <c r="BH6" s="251">
        <v>0</v>
      </c>
      <c r="BI6" s="253">
        <v>0</v>
      </c>
      <c r="BJ6" s="254">
        <v>2269</v>
      </c>
      <c r="BK6" s="254">
        <v>3719</v>
      </c>
      <c r="BL6" s="254">
        <v>2497</v>
      </c>
      <c r="BM6" s="254">
        <v>1341</v>
      </c>
      <c r="BN6" s="254">
        <v>397</v>
      </c>
      <c r="BO6" s="251">
        <v>10223</v>
      </c>
      <c r="BP6" s="256">
        <v>10223</v>
      </c>
      <c r="BQ6" s="250">
        <v>40</v>
      </c>
      <c r="BR6" s="254">
        <v>92</v>
      </c>
      <c r="BS6" s="251">
        <v>132</v>
      </c>
      <c r="BT6" s="253">
        <v>0</v>
      </c>
      <c r="BU6" s="254">
        <v>1158</v>
      </c>
      <c r="BV6" s="254">
        <v>2107</v>
      </c>
      <c r="BW6" s="254">
        <v>3048</v>
      </c>
      <c r="BX6" s="254">
        <v>2569</v>
      </c>
      <c r="BY6" s="254">
        <v>952</v>
      </c>
      <c r="BZ6" s="251">
        <v>9834</v>
      </c>
      <c r="CA6" s="256">
        <v>9966</v>
      </c>
      <c r="CB6" s="250">
        <v>5</v>
      </c>
      <c r="CC6" s="254">
        <v>10</v>
      </c>
      <c r="CD6" s="251">
        <v>15</v>
      </c>
      <c r="CE6" s="253">
        <v>0</v>
      </c>
      <c r="CF6" s="254">
        <v>76</v>
      </c>
      <c r="CG6" s="254">
        <v>350</v>
      </c>
      <c r="CH6" s="254">
        <v>372</v>
      </c>
      <c r="CI6" s="254">
        <v>318</v>
      </c>
      <c r="CJ6" s="254">
        <v>145</v>
      </c>
      <c r="CK6" s="251">
        <v>1261</v>
      </c>
      <c r="CL6" s="256">
        <v>1276</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5024</v>
      </c>
      <c r="H7" s="261">
        <v>8991</v>
      </c>
      <c r="I7" s="261">
        <v>8444</v>
      </c>
      <c r="J7" s="261">
        <v>8764</v>
      </c>
      <c r="K7" s="261">
        <v>8315</v>
      </c>
      <c r="L7" s="262">
        <v>39538</v>
      </c>
      <c r="M7" s="263">
        <v>39538</v>
      </c>
      <c r="N7" s="257">
        <v>0</v>
      </c>
      <c r="O7" s="261">
        <v>3</v>
      </c>
      <c r="P7" s="258">
        <v>3</v>
      </c>
      <c r="Q7" s="260">
        <v>0</v>
      </c>
      <c r="R7" s="261">
        <v>3</v>
      </c>
      <c r="S7" s="261">
        <v>35</v>
      </c>
      <c r="T7" s="261">
        <v>112</v>
      </c>
      <c r="U7" s="261">
        <v>247</v>
      </c>
      <c r="V7" s="261">
        <v>520</v>
      </c>
      <c r="W7" s="258">
        <v>917</v>
      </c>
      <c r="X7" s="263">
        <v>920</v>
      </c>
      <c r="Y7" s="257">
        <v>660</v>
      </c>
      <c r="Z7" s="261">
        <v>1418</v>
      </c>
      <c r="AA7" s="258">
        <v>2078</v>
      </c>
      <c r="AB7" s="260">
        <v>0</v>
      </c>
      <c r="AC7" s="261">
        <v>3409</v>
      </c>
      <c r="AD7" s="261">
        <v>7201</v>
      </c>
      <c r="AE7" s="261">
        <v>4247</v>
      </c>
      <c r="AF7" s="261">
        <v>3729</v>
      </c>
      <c r="AG7" s="261">
        <v>2000</v>
      </c>
      <c r="AH7" s="258">
        <v>20586</v>
      </c>
      <c r="AI7" s="263">
        <v>22664</v>
      </c>
      <c r="AJ7" s="257">
        <v>72</v>
      </c>
      <c r="AK7" s="261">
        <v>361</v>
      </c>
      <c r="AL7" s="258">
        <v>433</v>
      </c>
      <c r="AM7" s="260">
        <v>0</v>
      </c>
      <c r="AN7" s="261">
        <v>285</v>
      </c>
      <c r="AO7" s="261">
        <v>460</v>
      </c>
      <c r="AP7" s="261">
        <v>468</v>
      </c>
      <c r="AQ7" s="261">
        <v>339</v>
      </c>
      <c r="AR7" s="261">
        <v>200</v>
      </c>
      <c r="AS7" s="258">
        <v>1752</v>
      </c>
      <c r="AT7" s="263">
        <v>2185</v>
      </c>
      <c r="AU7" s="257">
        <v>0</v>
      </c>
      <c r="AV7" s="261">
        <v>0</v>
      </c>
      <c r="AW7" s="258">
        <v>0</v>
      </c>
      <c r="AX7" s="260">
        <v>0</v>
      </c>
      <c r="AY7" s="261">
        <v>4619</v>
      </c>
      <c r="AZ7" s="261">
        <v>5324</v>
      </c>
      <c r="BA7" s="261">
        <v>2760</v>
      </c>
      <c r="BB7" s="261">
        <v>1295</v>
      </c>
      <c r="BC7" s="261">
        <v>599</v>
      </c>
      <c r="BD7" s="262">
        <v>14597</v>
      </c>
      <c r="BE7" s="263">
        <v>14597</v>
      </c>
      <c r="BF7" s="257">
        <v>0</v>
      </c>
      <c r="BG7" s="261">
        <v>0</v>
      </c>
      <c r="BH7" s="258">
        <v>0</v>
      </c>
      <c r="BI7" s="260">
        <v>0</v>
      </c>
      <c r="BJ7" s="261">
        <v>788</v>
      </c>
      <c r="BK7" s="261">
        <v>1639</v>
      </c>
      <c r="BL7" s="261">
        <v>1172</v>
      </c>
      <c r="BM7" s="261">
        <v>714</v>
      </c>
      <c r="BN7" s="261">
        <v>158</v>
      </c>
      <c r="BO7" s="258">
        <v>4471</v>
      </c>
      <c r="BP7" s="263">
        <v>4471</v>
      </c>
      <c r="BQ7" s="257">
        <v>4</v>
      </c>
      <c r="BR7" s="261">
        <v>53</v>
      </c>
      <c r="BS7" s="258">
        <v>57</v>
      </c>
      <c r="BT7" s="260">
        <v>0</v>
      </c>
      <c r="BU7" s="261">
        <v>377</v>
      </c>
      <c r="BV7" s="261">
        <v>773</v>
      </c>
      <c r="BW7" s="261">
        <v>1295</v>
      </c>
      <c r="BX7" s="261">
        <v>880</v>
      </c>
      <c r="BY7" s="261">
        <v>403</v>
      </c>
      <c r="BZ7" s="258">
        <v>3728</v>
      </c>
      <c r="CA7" s="263">
        <v>3785</v>
      </c>
      <c r="CB7" s="257">
        <v>2</v>
      </c>
      <c r="CC7" s="261">
        <v>10</v>
      </c>
      <c r="CD7" s="258">
        <v>12</v>
      </c>
      <c r="CE7" s="260">
        <v>0</v>
      </c>
      <c r="CF7" s="261">
        <v>50</v>
      </c>
      <c r="CG7" s="261">
        <v>253</v>
      </c>
      <c r="CH7" s="261">
        <v>240</v>
      </c>
      <c r="CI7" s="261">
        <v>221</v>
      </c>
      <c r="CJ7" s="261">
        <v>92</v>
      </c>
      <c r="CK7" s="258">
        <v>856</v>
      </c>
      <c r="CL7" s="263">
        <v>868</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1819</v>
      </c>
      <c r="H8" s="261">
        <v>2604</v>
      </c>
      <c r="I8" s="261">
        <v>1675</v>
      </c>
      <c r="J8" s="261">
        <v>2720</v>
      </c>
      <c r="K8" s="261">
        <v>2757</v>
      </c>
      <c r="L8" s="262">
        <v>11575</v>
      </c>
      <c r="M8" s="263">
        <v>11575</v>
      </c>
      <c r="N8" s="257">
        <v>0</v>
      </c>
      <c r="O8" s="261">
        <v>0</v>
      </c>
      <c r="P8" s="258">
        <v>0</v>
      </c>
      <c r="Q8" s="260">
        <v>0</v>
      </c>
      <c r="R8" s="261">
        <v>15</v>
      </c>
      <c r="S8" s="261">
        <v>10</v>
      </c>
      <c r="T8" s="261">
        <v>41</v>
      </c>
      <c r="U8" s="261">
        <v>45</v>
      </c>
      <c r="V8" s="261">
        <v>122</v>
      </c>
      <c r="W8" s="258">
        <v>233</v>
      </c>
      <c r="X8" s="263">
        <v>233</v>
      </c>
      <c r="Y8" s="257">
        <v>119</v>
      </c>
      <c r="Z8" s="261">
        <v>308</v>
      </c>
      <c r="AA8" s="258">
        <v>427</v>
      </c>
      <c r="AB8" s="260">
        <v>0</v>
      </c>
      <c r="AC8" s="261">
        <v>1481</v>
      </c>
      <c r="AD8" s="261">
        <v>2065</v>
      </c>
      <c r="AE8" s="261">
        <v>716</v>
      </c>
      <c r="AF8" s="261">
        <v>919</v>
      </c>
      <c r="AG8" s="261">
        <v>713</v>
      </c>
      <c r="AH8" s="258">
        <v>5894</v>
      </c>
      <c r="AI8" s="263">
        <v>6321</v>
      </c>
      <c r="AJ8" s="257">
        <v>28</v>
      </c>
      <c r="AK8" s="261">
        <v>54</v>
      </c>
      <c r="AL8" s="258">
        <v>82</v>
      </c>
      <c r="AM8" s="260">
        <v>0</v>
      </c>
      <c r="AN8" s="261">
        <v>181</v>
      </c>
      <c r="AO8" s="261">
        <v>197</v>
      </c>
      <c r="AP8" s="261">
        <v>132</v>
      </c>
      <c r="AQ8" s="261">
        <v>93</v>
      </c>
      <c r="AR8" s="261">
        <v>95</v>
      </c>
      <c r="AS8" s="258">
        <v>698</v>
      </c>
      <c r="AT8" s="263">
        <v>780</v>
      </c>
      <c r="AU8" s="257">
        <v>0</v>
      </c>
      <c r="AV8" s="261">
        <v>0</v>
      </c>
      <c r="AW8" s="258">
        <v>0</v>
      </c>
      <c r="AX8" s="260">
        <v>0</v>
      </c>
      <c r="AY8" s="261">
        <v>1750</v>
      </c>
      <c r="AZ8" s="261">
        <v>1723</v>
      </c>
      <c r="BA8" s="261">
        <v>660</v>
      </c>
      <c r="BB8" s="261">
        <v>509</v>
      </c>
      <c r="BC8" s="261">
        <v>256</v>
      </c>
      <c r="BD8" s="262">
        <v>4898</v>
      </c>
      <c r="BE8" s="263">
        <v>4898</v>
      </c>
      <c r="BF8" s="257">
        <v>0</v>
      </c>
      <c r="BG8" s="261">
        <v>0</v>
      </c>
      <c r="BH8" s="258">
        <v>0</v>
      </c>
      <c r="BI8" s="260">
        <v>0</v>
      </c>
      <c r="BJ8" s="261">
        <v>263</v>
      </c>
      <c r="BK8" s="261">
        <v>410</v>
      </c>
      <c r="BL8" s="261">
        <v>311</v>
      </c>
      <c r="BM8" s="261">
        <v>152</v>
      </c>
      <c r="BN8" s="261">
        <v>103</v>
      </c>
      <c r="BO8" s="258">
        <v>1239</v>
      </c>
      <c r="BP8" s="263">
        <v>1239</v>
      </c>
      <c r="BQ8" s="257">
        <v>0</v>
      </c>
      <c r="BR8" s="261">
        <v>16</v>
      </c>
      <c r="BS8" s="258">
        <v>16</v>
      </c>
      <c r="BT8" s="260">
        <v>0</v>
      </c>
      <c r="BU8" s="261">
        <v>212</v>
      </c>
      <c r="BV8" s="261">
        <v>164</v>
      </c>
      <c r="BW8" s="261">
        <v>291</v>
      </c>
      <c r="BX8" s="261">
        <v>264</v>
      </c>
      <c r="BY8" s="261">
        <v>104</v>
      </c>
      <c r="BZ8" s="258">
        <v>1035</v>
      </c>
      <c r="CA8" s="263">
        <v>1051</v>
      </c>
      <c r="CB8" s="257">
        <v>0</v>
      </c>
      <c r="CC8" s="261">
        <v>0</v>
      </c>
      <c r="CD8" s="258">
        <v>0</v>
      </c>
      <c r="CE8" s="260">
        <v>0</v>
      </c>
      <c r="CF8" s="261">
        <v>6</v>
      </c>
      <c r="CG8" s="261">
        <v>35</v>
      </c>
      <c r="CH8" s="261">
        <v>17</v>
      </c>
      <c r="CI8" s="261">
        <v>39</v>
      </c>
      <c r="CJ8" s="261">
        <v>29</v>
      </c>
      <c r="CK8" s="258">
        <v>126</v>
      </c>
      <c r="CL8" s="263">
        <v>126</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587</v>
      </c>
      <c r="H9" s="261">
        <v>1568</v>
      </c>
      <c r="I9" s="261">
        <v>1322</v>
      </c>
      <c r="J9" s="261">
        <v>1914</v>
      </c>
      <c r="K9" s="261">
        <v>1436</v>
      </c>
      <c r="L9" s="262">
        <v>6827</v>
      </c>
      <c r="M9" s="263">
        <v>6827</v>
      </c>
      <c r="N9" s="257">
        <v>0</v>
      </c>
      <c r="O9" s="261">
        <v>0</v>
      </c>
      <c r="P9" s="258">
        <v>0</v>
      </c>
      <c r="Q9" s="260">
        <v>0</v>
      </c>
      <c r="R9" s="261">
        <v>0</v>
      </c>
      <c r="S9" s="261">
        <v>8</v>
      </c>
      <c r="T9" s="261">
        <v>23</v>
      </c>
      <c r="U9" s="261">
        <v>34</v>
      </c>
      <c r="V9" s="261">
        <v>42</v>
      </c>
      <c r="W9" s="258">
        <v>107</v>
      </c>
      <c r="X9" s="263">
        <v>107</v>
      </c>
      <c r="Y9" s="257">
        <v>65</v>
      </c>
      <c r="Z9" s="261">
        <v>149</v>
      </c>
      <c r="AA9" s="258">
        <v>214</v>
      </c>
      <c r="AB9" s="260">
        <v>0</v>
      </c>
      <c r="AC9" s="261">
        <v>402</v>
      </c>
      <c r="AD9" s="261">
        <v>828</v>
      </c>
      <c r="AE9" s="261">
        <v>579</v>
      </c>
      <c r="AF9" s="261">
        <v>491</v>
      </c>
      <c r="AG9" s="261">
        <v>450</v>
      </c>
      <c r="AH9" s="258">
        <v>2750</v>
      </c>
      <c r="AI9" s="263">
        <v>2964</v>
      </c>
      <c r="AJ9" s="257">
        <v>12</v>
      </c>
      <c r="AK9" s="261">
        <v>34</v>
      </c>
      <c r="AL9" s="258">
        <v>46</v>
      </c>
      <c r="AM9" s="260">
        <v>0</v>
      </c>
      <c r="AN9" s="261">
        <v>8</v>
      </c>
      <c r="AO9" s="261">
        <v>26</v>
      </c>
      <c r="AP9" s="261">
        <v>61</v>
      </c>
      <c r="AQ9" s="261">
        <v>46</v>
      </c>
      <c r="AR9" s="261">
        <v>26</v>
      </c>
      <c r="AS9" s="258">
        <v>167</v>
      </c>
      <c r="AT9" s="263">
        <v>213</v>
      </c>
      <c r="AU9" s="257">
        <v>0</v>
      </c>
      <c r="AV9" s="261">
        <v>0</v>
      </c>
      <c r="AW9" s="258">
        <v>0</v>
      </c>
      <c r="AX9" s="260">
        <v>0</v>
      </c>
      <c r="AY9" s="261">
        <v>911</v>
      </c>
      <c r="AZ9" s="261">
        <v>969</v>
      </c>
      <c r="BA9" s="261">
        <v>826</v>
      </c>
      <c r="BB9" s="261">
        <v>405</v>
      </c>
      <c r="BC9" s="261">
        <v>116</v>
      </c>
      <c r="BD9" s="262">
        <v>3227</v>
      </c>
      <c r="BE9" s="263">
        <v>3227</v>
      </c>
      <c r="BF9" s="257">
        <v>0</v>
      </c>
      <c r="BG9" s="261">
        <v>0</v>
      </c>
      <c r="BH9" s="258">
        <v>0</v>
      </c>
      <c r="BI9" s="260">
        <v>0</v>
      </c>
      <c r="BJ9" s="261">
        <v>96</v>
      </c>
      <c r="BK9" s="261">
        <v>261</v>
      </c>
      <c r="BL9" s="261">
        <v>103</v>
      </c>
      <c r="BM9" s="261">
        <v>74</v>
      </c>
      <c r="BN9" s="261">
        <v>0</v>
      </c>
      <c r="BO9" s="258">
        <v>534</v>
      </c>
      <c r="BP9" s="263">
        <v>534</v>
      </c>
      <c r="BQ9" s="257">
        <v>0</v>
      </c>
      <c r="BR9" s="261">
        <v>0</v>
      </c>
      <c r="BS9" s="258">
        <v>0</v>
      </c>
      <c r="BT9" s="260">
        <v>0</v>
      </c>
      <c r="BU9" s="261">
        <v>76</v>
      </c>
      <c r="BV9" s="261">
        <v>119</v>
      </c>
      <c r="BW9" s="261">
        <v>380</v>
      </c>
      <c r="BX9" s="261">
        <v>203</v>
      </c>
      <c r="BY9" s="261">
        <v>63</v>
      </c>
      <c r="BZ9" s="258">
        <v>841</v>
      </c>
      <c r="CA9" s="263">
        <v>841</v>
      </c>
      <c r="CB9" s="257">
        <v>0</v>
      </c>
      <c r="CC9" s="261">
        <v>0</v>
      </c>
      <c r="CD9" s="258">
        <v>0</v>
      </c>
      <c r="CE9" s="260">
        <v>0</v>
      </c>
      <c r="CF9" s="261">
        <v>0</v>
      </c>
      <c r="CG9" s="261">
        <v>12</v>
      </c>
      <c r="CH9" s="261">
        <v>10</v>
      </c>
      <c r="CI9" s="261">
        <v>6</v>
      </c>
      <c r="CJ9" s="261">
        <v>4</v>
      </c>
      <c r="CK9" s="258">
        <v>32</v>
      </c>
      <c r="CL9" s="263">
        <v>32</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528</v>
      </c>
      <c r="H10" s="261">
        <v>1511</v>
      </c>
      <c r="I10" s="261">
        <v>1322</v>
      </c>
      <c r="J10" s="261">
        <v>2326</v>
      </c>
      <c r="K10" s="261">
        <v>1306</v>
      </c>
      <c r="L10" s="262">
        <v>7993</v>
      </c>
      <c r="M10" s="263">
        <v>7993</v>
      </c>
      <c r="N10" s="257">
        <v>0</v>
      </c>
      <c r="O10" s="261">
        <v>0</v>
      </c>
      <c r="P10" s="258">
        <v>0</v>
      </c>
      <c r="Q10" s="260">
        <v>0</v>
      </c>
      <c r="R10" s="261">
        <v>1</v>
      </c>
      <c r="S10" s="261">
        <v>23</v>
      </c>
      <c r="T10" s="261">
        <v>27</v>
      </c>
      <c r="U10" s="261">
        <v>58</v>
      </c>
      <c r="V10" s="261">
        <v>60</v>
      </c>
      <c r="W10" s="258">
        <v>169</v>
      </c>
      <c r="X10" s="263">
        <v>169</v>
      </c>
      <c r="Y10" s="257">
        <v>21</v>
      </c>
      <c r="Z10" s="261">
        <v>16</v>
      </c>
      <c r="AA10" s="258">
        <v>37</v>
      </c>
      <c r="AB10" s="260">
        <v>0</v>
      </c>
      <c r="AC10" s="261">
        <v>379</v>
      </c>
      <c r="AD10" s="261">
        <v>397</v>
      </c>
      <c r="AE10" s="261">
        <v>288</v>
      </c>
      <c r="AF10" s="261">
        <v>202</v>
      </c>
      <c r="AG10" s="261">
        <v>101</v>
      </c>
      <c r="AH10" s="258">
        <v>1367</v>
      </c>
      <c r="AI10" s="263">
        <v>1404</v>
      </c>
      <c r="AJ10" s="257">
        <v>16</v>
      </c>
      <c r="AK10" s="261">
        <v>0</v>
      </c>
      <c r="AL10" s="258">
        <v>16</v>
      </c>
      <c r="AM10" s="260">
        <v>0</v>
      </c>
      <c r="AN10" s="261">
        <v>59</v>
      </c>
      <c r="AO10" s="261">
        <v>41</v>
      </c>
      <c r="AP10" s="261">
        <v>133</v>
      </c>
      <c r="AQ10" s="261">
        <v>77</v>
      </c>
      <c r="AR10" s="261">
        <v>2</v>
      </c>
      <c r="AS10" s="258">
        <v>312</v>
      </c>
      <c r="AT10" s="263">
        <v>328</v>
      </c>
      <c r="AU10" s="257">
        <v>0</v>
      </c>
      <c r="AV10" s="261">
        <v>0</v>
      </c>
      <c r="AW10" s="258">
        <v>0</v>
      </c>
      <c r="AX10" s="260">
        <v>0</v>
      </c>
      <c r="AY10" s="261">
        <v>1223</v>
      </c>
      <c r="AZ10" s="261">
        <v>779</v>
      </c>
      <c r="BA10" s="261">
        <v>316</v>
      </c>
      <c r="BB10" s="261">
        <v>165</v>
      </c>
      <c r="BC10" s="261">
        <v>93</v>
      </c>
      <c r="BD10" s="262">
        <v>2576</v>
      </c>
      <c r="BE10" s="263">
        <v>2576</v>
      </c>
      <c r="BF10" s="257">
        <v>0</v>
      </c>
      <c r="BG10" s="261">
        <v>0</v>
      </c>
      <c r="BH10" s="258">
        <v>0</v>
      </c>
      <c r="BI10" s="260">
        <v>0</v>
      </c>
      <c r="BJ10" s="261">
        <v>107</v>
      </c>
      <c r="BK10" s="261">
        <v>175</v>
      </c>
      <c r="BL10" s="261">
        <v>72</v>
      </c>
      <c r="BM10" s="261">
        <v>44</v>
      </c>
      <c r="BN10" s="261">
        <v>12</v>
      </c>
      <c r="BO10" s="258">
        <v>410</v>
      </c>
      <c r="BP10" s="263">
        <v>410</v>
      </c>
      <c r="BQ10" s="257">
        <v>0</v>
      </c>
      <c r="BR10" s="261">
        <v>4</v>
      </c>
      <c r="BS10" s="258">
        <v>4</v>
      </c>
      <c r="BT10" s="260">
        <v>0</v>
      </c>
      <c r="BU10" s="261">
        <v>119</v>
      </c>
      <c r="BV10" s="261">
        <v>316</v>
      </c>
      <c r="BW10" s="261">
        <v>237</v>
      </c>
      <c r="BX10" s="261">
        <v>197</v>
      </c>
      <c r="BY10" s="261">
        <v>34</v>
      </c>
      <c r="BZ10" s="258">
        <v>903</v>
      </c>
      <c r="CA10" s="263">
        <v>907</v>
      </c>
      <c r="CB10" s="257">
        <v>0</v>
      </c>
      <c r="CC10" s="261">
        <v>0</v>
      </c>
      <c r="CD10" s="258">
        <v>0</v>
      </c>
      <c r="CE10" s="260">
        <v>0</v>
      </c>
      <c r="CF10" s="261">
        <v>0</v>
      </c>
      <c r="CG10" s="261">
        <v>0</v>
      </c>
      <c r="CH10" s="261">
        <v>0</v>
      </c>
      <c r="CI10" s="261">
        <v>11</v>
      </c>
      <c r="CJ10" s="261">
        <v>1</v>
      </c>
      <c r="CK10" s="258">
        <v>12</v>
      </c>
      <c r="CL10" s="263">
        <v>12</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229</v>
      </c>
      <c r="H11" s="261">
        <v>840</v>
      </c>
      <c r="I11" s="261">
        <v>949</v>
      </c>
      <c r="J11" s="261">
        <v>312</v>
      </c>
      <c r="K11" s="261">
        <v>483</v>
      </c>
      <c r="L11" s="262">
        <v>2813</v>
      </c>
      <c r="M11" s="263">
        <v>2813</v>
      </c>
      <c r="N11" s="257">
        <v>0</v>
      </c>
      <c r="O11" s="261">
        <v>0</v>
      </c>
      <c r="P11" s="258">
        <v>0</v>
      </c>
      <c r="Q11" s="260">
        <v>0</v>
      </c>
      <c r="R11" s="261">
        <v>0</v>
      </c>
      <c r="S11" s="261">
        <v>0</v>
      </c>
      <c r="T11" s="261">
        <v>0</v>
      </c>
      <c r="U11" s="261">
        <v>3</v>
      </c>
      <c r="V11" s="261">
        <v>29</v>
      </c>
      <c r="W11" s="258">
        <v>32</v>
      </c>
      <c r="X11" s="263">
        <v>32</v>
      </c>
      <c r="Y11" s="257">
        <v>2</v>
      </c>
      <c r="Z11" s="261">
        <v>8</v>
      </c>
      <c r="AA11" s="258">
        <v>10</v>
      </c>
      <c r="AB11" s="260">
        <v>0</v>
      </c>
      <c r="AC11" s="261">
        <v>103</v>
      </c>
      <c r="AD11" s="261">
        <v>226</v>
      </c>
      <c r="AE11" s="261">
        <v>216</v>
      </c>
      <c r="AF11" s="261">
        <v>66</v>
      </c>
      <c r="AG11" s="261">
        <v>76</v>
      </c>
      <c r="AH11" s="258">
        <v>687</v>
      </c>
      <c r="AI11" s="263">
        <v>697</v>
      </c>
      <c r="AJ11" s="257">
        <v>0</v>
      </c>
      <c r="AK11" s="261">
        <v>6</v>
      </c>
      <c r="AL11" s="258">
        <v>6</v>
      </c>
      <c r="AM11" s="260">
        <v>0</v>
      </c>
      <c r="AN11" s="261">
        <v>8</v>
      </c>
      <c r="AO11" s="261">
        <v>24</v>
      </c>
      <c r="AP11" s="261">
        <v>60</v>
      </c>
      <c r="AQ11" s="261">
        <v>45</v>
      </c>
      <c r="AR11" s="261">
        <v>0</v>
      </c>
      <c r="AS11" s="258">
        <v>137</v>
      </c>
      <c r="AT11" s="263">
        <v>143</v>
      </c>
      <c r="AU11" s="257">
        <v>0</v>
      </c>
      <c r="AV11" s="261">
        <v>0</v>
      </c>
      <c r="AW11" s="258">
        <v>0</v>
      </c>
      <c r="AX11" s="260">
        <v>0</v>
      </c>
      <c r="AY11" s="261">
        <v>291</v>
      </c>
      <c r="AZ11" s="261">
        <v>341</v>
      </c>
      <c r="BA11" s="261">
        <v>223</v>
      </c>
      <c r="BB11" s="261">
        <v>135</v>
      </c>
      <c r="BC11" s="261">
        <v>88</v>
      </c>
      <c r="BD11" s="262">
        <v>1078</v>
      </c>
      <c r="BE11" s="263">
        <v>1078</v>
      </c>
      <c r="BF11" s="257">
        <v>0</v>
      </c>
      <c r="BG11" s="261">
        <v>0</v>
      </c>
      <c r="BH11" s="258">
        <v>0</v>
      </c>
      <c r="BI11" s="260">
        <v>0</v>
      </c>
      <c r="BJ11" s="261">
        <v>67</v>
      </c>
      <c r="BK11" s="261">
        <v>50</v>
      </c>
      <c r="BL11" s="261">
        <v>62</v>
      </c>
      <c r="BM11" s="261">
        <v>27</v>
      </c>
      <c r="BN11" s="261">
        <v>0</v>
      </c>
      <c r="BO11" s="258">
        <v>206</v>
      </c>
      <c r="BP11" s="263">
        <v>206</v>
      </c>
      <c r="BQ11" s="257">
        <v>9</v>
      </c>
      <c r="BR11" s="261">
        <v>0</v>
      </c>
      <c r="BS11" s="258">
        <v>9</v>
      </c>
      <c r="BT11" s="260">
        <v>0</v>
      </c>
      <c r="BU11" s="261">
        <v>33</v>
      </c>
      <c r="BV11" s="261">
        <v>52</v>
      </c>
      <c r="BW11" s="261">
        <v>111</v>
      </c>
      <c r="BX11" s="261">
        <v>45</v>
      </c>
      <c r="BY11" s="261">
        <v>29</v>
      </c>
      <c r="BZ11" s="258">
        <v>270</v>
      </c>
      <c r="CA11" s="263">
        <v>279</v>
      </c>
      <c r="CB11" s="257">
        <v>0</v>
      </c>
      <c r="CC11" s="261">
        <v>0</v>
      </c>
      <c r="CD11" s="258">
        <v>0</v>
      </c>
      <c r="CE11" s="260">
        <v>0</v>
      </c>
      <c r="CF11" s="261">
        <v>0</v>
      </c>
      <c r="CG11" s="261">
        <v>0</v>
      </c>
      <c r="CH11" s="261">
        <v>26</v>
      </c>
      <c r="CI11" s="261">
        <v>0</v>
      </c>
      <c r="CJ11" s="261">
        <v>0</v>
      </c>
      <c r="CK11" s="258">
        <v>26</v>
      </c>
      <c r="CL11" s="263">
        <v>26</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500</v>
      </c>
      <c r="H12" s="261">
        <v>562</v>
      </c>
      <c r="I12" s="261">
        <v>1014</v>
      </c>
      <c r="J12" s="261">
        <v>1329</v>
      </c>
      <c r="K12" s="261">
        <v>873</v>
      </c>
      <c r="L12" s="262">
        <v>4278</v>
      </c>
      <c r="M12" s="263">
        <v>4278</v>
      </c>
      <c r="N12" s="257">
        <v>0</v>
      </c>
      <c r="O12" s="261">
        <v>0</v>
      </c>
      <c r="P12" s="258">
        <v>0</v>
      </c>
      <c r="Q12" s="260">
        <v>0</v>
      </c>
      <c r="R12" s="261">
        <v>0</v>
      </c>
      <c r="S12" s="261">
        <v>6</v>
      </c>
      <c r="T12" s="261">
        <v>11</v>
      </c>
      <c r="U12" s="261">
        <v>12</v>
      </c>
      <c r="V12" s="261">
        <v>22</v>
      </c>
      <c r="W12" s="258">
        <v>51</v>
      </c>
      <c r="X12" s="263">
        <v>51</v>
      </c>
      <c r="Y12" s="257">
        <v>42</v>
      </c>
      <c r="Z12" s="261">
        <v>57</v>
      </c>
      <c r="AA12" s="258">
        <v>99</v>
      </c>
      <c r="AB12" s="260">
        <v>0</v>
      </c>
      <c r="AC12" s="261">
        <v>400</v>
      </c>
      <c r="AD12" s="261">
        <v>296</v>
      </c>
      <c r="AE12" s="261">
        <v>355</v>
      </c>
      <c r="AF12" s="261">
        <v>189</v>
      </c>
      <c r="AG12" s="261">
        <v>207</v>
      </c>
      <c r="AH12" s="258">
        <v>1447</v>
      </c>
      <c r="AI12" s="263">
        <v>1546</v>
      </c>
      <c r="AJ12" s="257">
        <v>2</v>
      </c>
      <c r="AK12" s="261">
        <v>6</v>
      </c>
      <c r="AL12" s="258">
        <v>8</v>
      </c>
      <c r="AM12" s="260">
        <v>0</v>
      </c>
      <c r="AN12" s="261">
        <v>24</v>
      </c>
      <c r="AO12" s="261">
        <v>82</v>
      </c>
      <c r="AP12" s="261">
        <v>29</v>
      </c>
      <c r="AQ12" s="261">
        <v>47</v>
      </c>
      <c r="AR12" s="261">
        <v>8</v>
      </c>
      <c r="AS12" s="258">
        <v>190</v>
      </c>
      <c r="AT12" s="263">
        <v>198</v>
      </c>
      <c r="AU12" s="257">
        <v>0</v>
      </c>
      <c r="AV12" s="261">
        <v>0</v>
      </c>
      <c r="AW12" s="258">
        <v>0</v>
      </c>
      <c r="AX12" s="260">
        <v>0</v>
      </c>
      <c r="AY12" s="261">
        <v>351</v>
      </c>
      <c r="AZ12" s="261">
        <v>247</v>
      </c>
      <c r="BA12" s="261">
        <v>255</v>
      </c>
      <c r="BB12" s="261">
        <v>159</v>
      </c>
      <c r="BC12" s="261">
        <v>21</v>
      </c>
      <c r="BD12" s="262">
        <v>1033</v>
      </c>
      <c r="BE12" s="263">
        <v>1033</v>
      </c>
      <c r="BF12" s="257">
        <v>0</v>
      </c>
      <c r="BG12" s="261">
        <v>0</v>
      </c>
      <c r="BH12" s="258">
        <v>0</v>
      </c>
      <c r="BI12" s="260">
        <v>0</v>
      </c>
      <c r="BJ12" s="261">
        <v>120</v>
      </c>
      <c r="BK12" s="261">
        <v>108</v>
      </c>
      <c r="BL12" s="261">
        <v>125</v>
      </c>
      <c r="BM12" s="261">
        <v>41</v>
      </c>
      <c r="BN12" s="261">
        <v>18</v>
      </c>
      <c r="BO12" s="258">
        <v>412</v>
      </c>
      <c r="BP12" s="263">
        <v>412</v>
      </c>
      <c r="BQ12" s="257">
        <v>0</v>
      </c>
      <c r="BR12" s="261">
        <v>2</v>
      </c>
      <c r="BS12" s="258">
        <v>2</v>
      </c>
      <c r="BT12" s="260">
        <v>0</v>
      </c>
      <c r="BU12" s="261">
        <v>43</v>
      </c>
      <c r="BV12" s="261">
        <v>96</v>
      </c>
      <c r="BW12" s="261">
        <v>102</v>
      </c>
      <c r="BX12" s="261">
        <v>152</v>
      </c>
      <c r="BY12" s="261">
        <v>23</v>
      </c>
      <c r="BZ12" s="258">
        <v>416</v>
      </c>
      <c r="CA12" s="263">
        <v>418</v>
      </c>
      <c r="CB12" s="257">
        <v>0</v>
      </c>
      <c r="CC12" s="261">
        <v>0</v>
      </c>
      <c r="CD12" s="258">
        <v>0</v>
      </c>
      <c r="CE12" s="260">
        <v>0</v>
      </c>
      <c r="CF12" s="261">
        <v>0</v>
      </c>
      <c r="CG12" s="261">
        <v>21</v>
      </c>
      <c r="CH12" s="261">
        <v>3</v>
      </c>
      <c r="CI12" s="261">
        <v>3</v>
      </c>
      <c r="CJ12" s="261">
        <v>4</v>
      </c>
      <c r="CK12" s="258">
        <v>31</v>
      </c>
      <c r="CL12" s="263">
        <v>31</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053</v>
      </c>
      <c r="H13" s="261">
        <v>1162</v>
      </c>
      <c r="I13" s="261">
        <v>695</v>
      </c>
      <c r="J13" s="261">
        <v>1903</v>
      </c>
      <c r="K13" s="261">
        <v>1228</v>
      </c>
      <c r="L13" s="262">
        <v>6041</v>
      </c>
      <c r="M13" s="263">
        <v>6041</v>
      </c>
      <c r="N13" s="257">
        <v>0</v>
      </c>
      <c r="O13" s="261">
        <v>0</v>
      </c>
      <c r="P13" s="258">
        <v>0</v>
      </c>
      <c r="Q13" s="260">
        <v>0</v>
      </c>
      <c r="R13" s="261">
        <v>4</v>
      </c>
      <c r="S13" s="261">
        <v>5</v>
      </c>
      <c r="T13" s="261">
        <v>22</v>
      </c>
      <c r="U13" s="261">
        <v>27</v>
      </c>
      <c r="V13" s="261">
        <v>86</v>
      </c>
      <c r="W13" s="258">
        <v>144</v>
      </c>
      <c r="X13" s="263">
        <v>144</v>
      </c>
      <c r="Y13" s="257">
        <v>61</v>
      </c>
      <c r="Z13" s="261">
        <v>114</v>
      </c>
      <c r="AA13" s="258">
        <v>175</v>
      </c>
      <c r="AB13" s="260">
        <v>0</v>
      </c>
      <c r="AC13" s="261">
        <v>591</v>
      </c>
      <c r="AD13" s="261">
        <v>389</v>
      </c>
      <c r="AE13" s="261">
        <v>253</v>
      </c>
      <c r="AF13" s="261">
        <v>317</v>
      </c>
      <c r="AG13" s="261">
        <v>269</v>
      </c>
      <c r="AH13" s="258">
        <v>1819</v>
      </c>
      <c r="AI13" s="263">
        <v>1994</v>
      </c>
      <c r="AJ13" s="257">
        <v>21</v>
      </c>
      <c r="AK13" s="261">
        <v>43</v>
      </c>
      <c r="AL13" s="258">
        <v>64</v>
      </c>
      <c r="AM13" s="260">
        <v>0</v>
      </c>
      <c r="AN13" s="261">
        <v>88</v>
      </c>
      <c r="AO13" s="261">
        <v>67</v>
      </c>
      <c r="AP13" s="261">
        <v>39</v>
      </c>
      <c r="AQ13" s="261">
        <v>28</v>
      </c>
      <c r="AR13" s="261">
        <v>77</v>
      </c>
      <c r="AS13" s="258">
        <v>299</v>
      </c>
      <c r="AT13" s="263">
        <v>363</v>
      </c>
      <c r="AU13" s="257">
        <v>0</v>
      </c>
      <c r="AV13" s="261">
        <v>0</v>
      </c>
      <c r="AW13" s="258">
        <v>0</v>
      </c>
      <c r="AX13" s="260">
        <v>0</v>
      </c>
      <c r="AY13" s="261">
        <v>873</v>
      </c>
      <c r="AZ13" s="261">
        <v>625</v>
      </c>
      <c r="BA13" s="261">
        <v>407</v>
      </c>
      <c r="BB13" s="261">
        <v>207</v>
      </c>
      <c r="BC13" s="261">
        <v>48</v>
      </c>
      <c r="BD13" s="262">
        <v>2160</v>
      </c>
      <c r="BE13" s="263">
        <v>2160</v>
      </c>
      <c r="BF13" s="257">
        <v>0</v>
      </c>
      <c r="BG13" s="261">
        <v>0</v>
      </c>
      <c r="BH13" s="258">
        <v>0</v>
      </c>
      <c r="BI13" s="260">
        <v>0</v>
      </c>
      <c r="BJ13" s="261">
        <v>145</v>
      </c>
      <c r="BK13" s="261">
        <v>84</v>
      </c>
      <c r="BL13" s="261">
        <v>36</v>
      </c>
      <c r="BM13" s="261">
        <v>45</v>
      </c>
      <c r="BN13" s="261">
        <v>15</v>
      </c>
      <c r="BO13" s="258">
        <v>325</v>
      </c>
      <c r="BP13" s="263">
        <v>325</v>
      </c>
      <c r="BQ13" s="257">
        <v>22</v>
      </c>
      <c r="BR13" s="261">
        <v>4</v>
      </c>
      <c r="BS13" s="258">
        <v>26</v>
      </c>
      <c r="BT13" s="260">
        <v>0</v>
      </c>
      <c r="BU13" s="261">
        <v>52</v>
      </c>
      <c r="BV13" s="261">
        <v>121</v>
      </c>
      <c r="BW13" s="261">
        <v>186</v>
      </c>
      <c r="BX13" s="261">
        <v>194</v>
      </c>
      <c r="BY13" s="261">
        <v>64</v>
      </c>
      <c r="BZ13" s="258">
        <v>617</v>
      </c>
      <c r="CA13" s="263">
        <v>643</v>
      </c>
      <c r="CB13" s="257">
        <v>0</v>
      </c>
      <c r="CC13" s="261">
        <v>0</v>
      </c>
      <c r="CD13" s="258">
        <v>0</v>
      </c>
      <c r="CE13" s="260">
        <v>0</v>
      </c>
      <c r="CF13" s="261">
        <v>0</v>
      </c>
      <c r="CG13" s="261">
        <v>4</v>
      </c>
      <c r="CH13" s="261">
        <v>33</v>
      </c>
      <c r="CI13" s="261">
        <v>19</v>
      </c>
      <c r="CJ13" s="261">
        <v>0</v>
      </c>
      <c r="CK13" s="258">
        <v>56</v>
      </c>
      <c r="CL13" s="263">
        <v>56</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112</v>
      </c>
      <c r="H14" s="261">
        <v>352</v>
      </c>
      <c r="I14" s="261">
        <v>414</v>
      </c>
      <c r="J14" s="261">
        <v>247</v>
      </c>
      <c r="K14" s="261">
        <v>579</v>
      </c>
      <c r="L14" s="262">
        <v>1704</v>
      </c>
      <c r="M14" s="263">
        <v>1704</v>
      </c>
      <c r="N14" s="257">
        <v>0</v>
      </c>
      <c r="O14" s="261">
        <v>0</v>
      </c>
      <c r="P14" s="258">
        <v>0</v>
      </c>
      <c r="Q14" s="260">
        <v>0</v>
      </c>
      <c r="R14" s="261">
        <v>0</v>
      </c>
      <c r="S14" s="261">
        <v>14</v>
      </c>
      <c r="T14" s="261">
        <v>6</v>
      </c>
      <c r="U14" s="261">
        <v>17</v>
      </c>
      <c r="V14" s="261">
        <v>18</v>
      </c>
      <c r="W14" s="258">
        <v>55</v>
      </c>
      <c r="X14" s="263">
        <v>55</v>
      </c>
      <c r="Y14" s="257">
        <v>18</v>
      </c>
      <c r="Z14" s="261">
        <v>23</v>
      </c>
      <c r="AA14" s="258">
        <v>41</v>
      </c>
      <c r="AB14" s="260">
        <v>0</v>
      </c>
      <c r="AC14" s="261">
        <v>134</v>
      </c>
      <c r="AD14" s="261">
        <v>101</v>
      </c>
      <c r="AE14" s="261">
        <v>145</v>
      </c>
      <c r="AF14" s="261">
        <v>123</v>
      </c>
      <c r="AG14" s="261">
        <v>36</v>
      </c>
      <c r="AH14" s="258">
        <v>539</v>
      </c>
      <c r="AI14" s="263">
        <v>580</v>
      </c>
      <c r="AJ14" s="257">
        <v>0</v>
      </c>
      <c r="AK14" s="261">
        <v>20</v>
      </c>
      <c r="AL14" s="258">
        <v>20</v>
      </c>
      <c r="AM14" s="260">
        <v>0</v>
      </c>
      <c r="AN14" s="261">
        <v>40</v>
      </c>
      <c r="AO14" s="261">
        <v>0</v>
      </c>
      <c r="AP14" s="261">
        <v>12</v>
      </c>
      <c r="AQ14" s="261">
        <v>54</v>
      </c>
      <c r="AR14" s="261">
        <v>14</v>
      </c>
      <c r="AS14" s="258">
        <v>120</v>
      </c>
      <c r="AT14" s="263">
        <v>140</v>
      </c>
      <c r="AU14" s="257">
        <v>0</v>
      </c>
      <c r="AV14" s="261">
        <v>0</v>
      </c>
      <c r="AW14" s="258">
        <v>0</v>
      </c>
      <c r="AX14" s="260">
        <v>0</v>
      </c>
      <c r="AY14" s="261">
        <v>301</v>
      </c>
      <c r="AZ14" s="261">
        <v>218</v>
      </c>
      <c r="BA14" s="261">
        <v>151</v>
      </c>
      <c r="BB14" s="261">
        <v>128</v>
      </c>
      <c r="BC14" s="261">
        <v>9</v>
      </c>
      <c r="BD14" s="262">
        <v>807</v>
      </c>
      <c r="BE14" s="263">
        <v>807</v>
      </c>
      <c r="BF14" s="257">
        <v>0</v>
      </c>
      <c r="BG14" s="261">
        <v>0</v>
      </c>
      <c r="BH14" s="258">
        <v>0</v>
      </c>
      <c r="BI14" s="260">
        <v>0</v>
      </c>
      <c r="BJ14" s="261">
        <v>96</v>
      </c>
      <c r="BK14" s="261">
        <v>67</v>
      </c>
      <c r="BL14" s="261">
        <v>53</v>
      </c>
      <c r="BM14" s="261">
        <v>76</v>
      </c>
      <c r="BN14" s="261">
        <v>4</v>
      </c>
      <c r="BO14" s="258">
        <v>296</v>
      </c>
      <c r="BP14" s="263">
        <v>296</v>
      </c>
      <c r="BQ14" s="257">
        <v>5</v>
      </c>
      <c r="BR14" s="261">
        <v>4</v>
      </c>
      <c r="BS14" s="258">
        <v>9</v>
      </c>
      <c r="BT14" s="260">
        <v>0</v>
      </c>
      <c r="BU14" s="261">
        <v>46</v>
      </c>
      <c r="BV14" s="261">
        <v>91</v>
      </c>
      <c r="BW14" s="261">
        <v>19</v>
      </c>
      <c r="BX14" s="261">
        <v>34</v>
      </c>
      <c r="BY14" s="261">
        <v>13</v>
      </c>
      <c r="BZ14" s="258">
        <v>203</v>
      </c>
      <c r="CA14" s="263">
        <v>212</v>
      </c>
      <c r="CB14" s="257">
        <v>0</v>
      </c>
      <c r="CC14" s="261">
        <v>0</v>
      </c>
      <c r="CD14" s="258">
        <v>0</v>
      </c>
      <c r="CE14" s="260">
        <v>0</v>
      </c>
      <c r="CF14" s="261">
        <v>7</v>
      </c>
      <c r="CG14" s="261">
        <v>9</v>
      </c>
      <c r="CH14" s="261">
        <v>0</v>
      </c>
      <c r="CI14" s="261">
        <v>0</v>
      </c>
      <c r="CJ14" s="261">
        <v>0</v>
      </c>
      <c r="CK14" s="258">
        <v>16</v>
      </c>
      <c r="CL14" s="263">
        <v>16</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515</v>
      </c>
      <c r="H15" s="261">
        <v>908</v>
      </c>
      <c r="I15" s="261">
        <v>724</v>
      </c>
      <c r="J15" s="261">
        <v>1277</v>
      </c>
      <c r="K15" s="261">
        <v>357</v>
      </c>
      <c r="L15" s="262">
        <v>3781</v>
      </c>
      <c r="M15" s="263">
        <v>3781</v>
      </c>
      <c r="N15" s="257">
        <v>0</v>
      </c>
      <c r="O15" s="261">
        <v>0</v>
      </c>
      <c r="P15" s="258">
        <v>0</v>
      </c>
      <c r="Q15" s="260">
        <v>0</v>
      </c>
      <c r="R15" s="261">
        <v>0</v>
      </c>
      <c r="S15" s="261">
        <v>0</v>
      </c>
      <c r="T15" s="261">
        <v>12</v>
      </c>
      <c r="U15" s="261">
        <v>48</v>
      </c>
      <c r="V15" s="261">
        <v>16</v>
      </c>
      <c r="W15" s="258">
        <v>76</v>
      </c>
      <c r="X15" s="263">
        <v>76</v>
      </c>
      <c r="Y15" s="257">
        <v>79</v>
      </c>
      <c r="Z15" s="261">
        <v>77</v>
      </c>
      <c r="AA15" s="258">
        <v>156</v>
      </c>
      <c r="AB15" s="260">
        <v>0</v>
      </c>
      <c r="AC15" s="261">
        <v>158</v>
      </c>
      <c r="AD15" s="261">
        <v>257</v>
      </c>
      <c r="AE15" s="261">
        <v>148</v>
      </c>
      <c r="AF15" s="261">
        <v>184</v>
      </c>
      <c r="AG15" s="261">
        <v>68</v>
      </c>
      <c r="AH15" s="258">
        <v>815</v>
      </c>
      <c r="AI15" s="263">
        <v>971</v>
      </c>
      <c r="AJ15" s="257">
        <v>0</v>
      </c>
      <c r="AK15" s="261">
        <v>20</v>
      </c>
      <c r="AL15" s="258">
        <v>20</v>
      </c>
      <c r="AM15" s="260">
        <v>0</v>
      </c>
      <c r="AN15" s="261">
        <v>12</v>
      </c>
      <c r="AO15" s="261">
        <v>58</v>
      </c>
      <c r="AP15" s="261">
        <v>42</v>
      </c>
      <c r="AQ15" s="261">
        <v>16</v>
      </c>
      <c r="AR15" s="261">
        <v>0</v>
      </c>
      <c r="AS15" s="258">
        <v>128</v>
      </c>
      <c r="AT15" s="263">
        <v>148</v>
      </c>
      <c r="AU15" s="257">
        <v>0</v>
      </c>
      <c r="AV15" s="261">
        <v>0</v>
      </c>
      <c r="AW15" s="258">
        <v>0</v>
      </c>
      <c r="AX15" s="260">
        <v>0</v>
      </c>
      <c r="AY15" s="261">
        <v>445</v>
      </c>
      <c r="AZ15" s="261">
        <v>308</v>
      </c>
      <c r="BA15" s="261">
        <v>230</v>
      </c>
      <c r="BB15" s="261">
        <v>165</v>
      </c>
      <c r="BC15" s="261">
        <v>26</v>
      </c>
      <c r="BD15" s="262">
        <v>1174</v>
      </c>
      <c r="BE15" s="263">
        <v>1174</v>
      </c>
      <c r="BF15" s="257">
        <v>0</v>
      </c>
      <c r="BG15" s="261">
        <v>0</v>
      </c>
      <c r="BH15" s="258">
        <v>0</v>
      </c>
      <c r="BI15" s="260">
        <v>0</v>
      </c>
      <c r="BJ15" s="261">
        <v>57</v>
      </c>
      <c r="BK15" s="261">
        <v>116</v>
      </c>
      <c r="BL15" s="261">
        <v>104</v>
      </c>
      <c r="BM15" s="261">
        <v>53</v>
      </c>
      <c r="BN15" s="261">
        <v>0</v>
      </c>
      <c r="BO15" s="258">
        <v>330</v>
      </c>
      <c r="BP15" s="263">
        <v>330</v>
      </c>
      <c r="BQ15" s="257">
        <v>0</v>
      </c>
      <c r="BR15" s="261">
        <v>9</v>
      </c>
      <c r="BS15" s="258">
        <v>9</v>
      </c>
      <c r="BT15" s="260">
        <v>0</v>
      </c>
      <c r="BU15" s="261">
        <v>57</v>
      </c>
      <c r="BV15" s="261">
        <v>70</v>
      </c>
      <c r="BW15" s="261">
        <v>69</v>
      </c>
      <c r="BX15" s="261">
        <v>101</v>
      </c>
      <c r="BY15" s="261">
        <v>0</v>
      </c>
      <c r="BZ15" s="258">
        <v>297</v>
      </c>
      <c r="CA15" s="263">
        <v>306</v>
      </c>
      <c r="CB15" s="257">
        <v>0</v>
      </c>
      <c r="CC15" s="261">
        <v>0</v>
      </c>
      <c r="CD15" s="258">
        <v>0</v>
      </c>
      <c r="CE15" s="260">
        <v>0</v>
      </c>
      <c r="CF15" s="261">
        <v>0</v>
      </c>
      <c r="CG15" s="261">
        <v>0</v>
      </c>
      <c r="CH15" s="261">
        <v>6</v>
      </c>
      <c r="CI15" s="261">
        <v>4</v>
      </c>
      <c r="CJ15" s="261">
        <v>0</v>
      </c>
      <c r="CK15" s="258">
        <v>10</v>
      </c>
      <c r="CL15" s="263">
        <v>10</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0</v>
      </c>
      <c r="E16" s="358">
        <v>0</v>
      </c>
      <c r="F16" s="260">
        <v>0</v>
      </c>
      <c r="G16" s="261">
        <v>157</v>
      </c>
      <c r="H16" s="261">
        <v>158</v>
      </c>
      <c r="I16" s="261">
        <v>325</v>
      </c>
      <c r="J16" s="261">
        <v>646</v>
      </c>
      <c r="K16" s="261">
        <v>208</v>
      </c>
      <c r="L16" s="262">
        <v>1494</v>
      </c>
      <c r="M16" s="263">
        <v>1494</v>
      </c>
      <c r="N16" s="257">
        <v>0</v>
      </c>
      <c r="O16" s="261">
        <v>0</v>
      </c>
      <c r="P16" s="258">
        <v>0</v>
      </c>
      <c r="Q16" s="260">
        <v>0</v>
      </c>
      <c r="R16" s="261">
        <v>0</v>
      </c>
      <c r="S16" s="261">
        <v>0</v>
      </c>
      <c r="T16" s="261">
        <v>8</v>
      </c>
      <c r="U16" s="261">
        <v>11</v>
      </c>
      <c r="V16" s="261">
        <v>17</v>
      </c>
      <c r="W16" s="258">
        <v>36</v>
      </c>
      <c r="X16" s="263">
        <v>36</v>
      </c>
      <c r="Y16" s="257">
        <v>0</v>
      </c>
      <c r="Z16" s="261">
        <v>18</v>
      </c>
      <c r="AA16" s="258">
        <v>18</v>
      </c>
      <c r="AB16" s="260">
        <v>0</v>
      </c>
      <c r="AC16" s="261">
        <v>65</v>
      </c>
      <c r="AD16" s="261">
        <v>154</v>
      </c>
      <c r="AE16" s="261">
        <v>104</v>
      </c>
      <c r="AF16" s="261">
        <v>105</v>
      </c>
      <c r="AG16" s="261">
        <v>84</v>
      </c>
      <c r="AH16" s="258">
        <v>512</v>
      </c>
      <c r="AI16" s="263">
        <v>530</v>
      </c>
      <c r="AJ16" s="257">
        <v>0</v>
      </c>
      <c r="AK16" s="261">
        <v>4</v>
      </c>
      <c r="AL16" s="258">
        <v>4</v>
      </c>
      <c r="AM16" s="260">
        <v>0</v>
      </c>
      <c r="AN16" s="261">
        <v>16</v>
      </c>
      <c r="AO16" s="261">
        <v>9</v>
      </c>
      <c r="AP16" s="261">
        <v>0</v>
      </c>
      <c r="AQ16" s="261">
        <v>32</v>
      </c>
      <c r="AR16" s="261">
        <v>4</v>
      </c>
      <c r="AS16" s="258">
        <v>61</v>
      </c>
      <c r="AT16" s="263">
        <v>65</v>
      </c>
      <c r="AU16" s="257">
        <v>0</v>
      </c>
      <c r="AV16" s="261">
        <v>0</v>
      </c>
      <c r="AW16" s="258">
        <v>0</v>
      </c>
      <c r="AX16" s="260">
        <v>0</v>
      </c>
      <c r="AY16" s="261">
        <v>107</v>
      </c>
      <c r="AZ16" s="261">
        <v>126</v>
      </c>
      <c r="BA16" s="261">
        <v>102</v>
      </c>
      <c r="BB16" s="261">
        <v>86</v>
      </c>
      <c r="BC16" s="261">
        <v>5</v>
      </c>
      <c r="BD16" s="262">
        <v>426</v>
      </c>
      <c r="BE16" s="263">
        <v>426</v>
      </c>
      <c r="BF16" s="257">
        <v>0</v>
      </c>
      <c r="BG16" s="261">
        <v>0</v>
      </c>
      <c r="BH16" s="258">
        <v>0</v>
      </c>
      <c r="BI16" s="260">
        <v>0</v>
      </c>
      <c r="BJ16" s="261">
        <v>15</v>
      </c>
      <c r="BK16" s="261">
        <v>22</v>
      </c>
      <c r="BL16" s="261">
        <v>15</v>
      </c>
      <c r="BM16" s="261">
        <v>13</v>
      </c>
      <c r="BN16" s="261">
        <v>25</v>
      </c>
      <c r="BO16" s="258">
        <v>90</v>
      </c>
      <c r="BP16" s="263">
        <v>90</v>
      </c>
      <c r="BQ16" s="257">
        <v>0</v>
      </c>
      <c r="BR16" s="261">
        <v>0</v>
      </c>
      <c r="BS16" s="258">
        <v>0</v>
      </c>
      <c r="BT16" s="260">
        <v>0</v>
      </c>
      <c r="BU16" s="261">
        <v>12</v>
      </c>
      <c r="BV16" s="261">
        <v>0</v>
      </c>
      <c r="BW16" s="261">
        <v>12</v>
      </c>
      <c r="BX16" s="261">
        <v>26</v>
      </c>
      <c r="BY16" s="261">
        <v>0</v>
      </c>
      <c r="BZ16" s="258">
        <v>50</v>
      </c>
      <c r="CA16" s="263">
        <v>50</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98</v>
      </c>
      <c r="H17" s="261">
        <v>72</v>
      </c>
      <c r="I17" s="261">
        <v>182</v>
      </c>
      <c r="J17" s="261">
        <v>153</v>
      </c>
      <c r="K17" s="261">
        <v>176</v>
      </c>
      <c r="L17" s="262">
        <v>681</v>
      </c>
      <c r="M17" s="263">
        <v>681</v>
      </c>
      <c r="N17" s="257">
        <v>0</v>
      </c>
      <c r="O17" s="261">
        <v>0</v>
      </c>
      <c r="P17" s="258">
        <v>0</v>
      </c>
      <c r="Q17" s="260">
        <v>0</v>
      </c>
      <c r="R17" s="261">
        <v>0</v>
      </c>
      <c r="S17" s="261">
        <v>8</v>
      </c>
      <c r="T17" s="261">
        <v>0</v>
      </c>
      <c r="U17" s="261">
        <v>0</v>
      </c>
      <c r="V17" s="261">
        <v>0</v>
      </c>
      <c r="W17" s="258">
        <v>8</v>
      </c>
      <c r="X17" s="263">
        <v>8</v>
      </c>
      <c r="Y17" s="257">
        <v>0</v>
      </c>
      <c r="Z17" s="261">
        <v>8</v>
      </c>
      <c r="AA17" s="258">
        <v>8</v>
      </c>
      <c r="AB17" s="260">
        <v>0</v>
      </c>
      <c r="AC17" s="261">
        <v>6</v>
      </c>
      <c r="AD17" s="261">
        <v>23</v>
      </c>
      <c r="AE17" s="261">
        <v>21</v>
      </c>
      <c r="AF17" s="261">
        <v>17</v>
      </c>
      <c r="AG17" s="261">
        <v>4</v>
      </c>
      <c r="AH17" s="258">
        <v>71</v>
      </c>
      <c r="AI17" s="263">
        <v>79</v>
      </c>
      <c r="AJ17" s="257">
        <v>0</v>
      </c>
      <c r="AK17" s="261">
        <v>0</v>
      </c>
      <c r="AL17" s="258">
        <v>0</v>
      </c>
      <c r="AM17" s="260">
        <v>0</v>
      </c>
      <c r="AN17" s="261">
        <v>18</v>
      </c>
      <c r="AO17" s="261">
        <v>27</v>
      </c>
      <c r="AP17" s="261">
        <v>0</v>
      </c>
      <c r="AQ17" s="261">
        <v>0</v>
      </c>
      <c r="AR17" s="261">
        <v>0</v>
      </c>
      <c r="AS17" s="258">
        <v>45</v>
      </c>
      <c r="AT17" s="263">
        <v>45</v>
      </c>
      <c r="AU17" s="257">
        <v>0</v>
      </c>
      <c r="AV17" s="261">
        <v>0</v>
      </c>
      <c r="AW17" s="258">
        <v>0</v>
      </c>
      <c r="AX17" s="260">
        <v>0</v>
      </c>
      <c r="AY17" s="261">
        <v>23</v>
      </c>
      <c r="AZ17" s="261">
        <v>40</v>
      </c>
      <c r="BA17" s="261">
        <v>42</v>
      </c>
      <c r="BB17" s="261">
        <v>8</v>
      </c>
      <c r="BC17" s="261">
        <v>0</v>
      </c>
      <c r="BD17" s="262">
        <v>113</v>
      </c>
      <c r="BE17" s="263">
        <v>113</v>
      </c>
      <c r="BF17" s="257">
        <v>0</v>
      </c>
      <c r="BG17" s="261">
        <v>0</v>
      </c>
      <c r="BH17" s="258">
        <v>0</v>
      </c>
      <c r="BI17" s="260">
        <v>0</v>
      </c>
      <c r="BJ17" s="261">
        <v>5</v>
      </c>
      <c r="BK17" s="261">
        <v>27</v>
      </c>
      <c r="BL17" s="261">
        <v>32</v>
      </c>
      <c r="BM17" s="261">
        <v>0</v>
      </c>
      <c r="BN17" s="261">
        <v>0</v>
      </c>
      <c r="BO17" s="258">
        <v>64</v>
      </c>
      <c r="BP17" s="263">
        <v>64</v>
      </c>
      <c r="BQ17" s="257">
        <v>0</v>
      </c>
      <c r="BR17" s="261">
        <v>0</v>
      </c>
      <c r="BS17" s="258">
        <v>0</v>
      </c>
      <c r="BT17" s="260">
        <v>0</v>
      </c>
      <c r="BU17" s="261">
        <v>0</v>
      </c>
      <c r="BV17" s="261">
        <v>26</v>
      </c>
      <c r="BW17" s="261">
        <v>36</v>
      </c>
      <c r="BX17" s="261">
        <v>35</v>
      </c>
      <c r="BY17" s="261">
        <v>0</v>
      </c>
      <c r="BZ17" s="258">
        <v>97</v>
      </c>
      <c r="CA17" s="263">
        <v>97</v>
      </c>
      <c r="CB17" s="257">
        <v>0</v>
      </c>
      <c r="CC17" s="261">
        <v>0</v>
      </c>
      <c r="CD17" s="258">
        <v>0</v>
      </c>
      <c r="CE17" s="260">
        <v>0</v>
      </c>
      <c r="CF17" s="261">
        <v>0</v>
      </c>
      <c r="CG17" s="261">
        <v>0</v>
      </c>
      <c r="CH17" s="261">
        <v>5</v>
      </c>
      <c r="CI17" s="261">
        <v>0</v>
      </c>
      <c r="CJ17" s="261">
        <v>0</v>
      </c>
      <c r="CK17" s="258">
        <v>5</v>
      </c>
      <c r="CL17" s="263">
        <v>5</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154</v>
      </c>
      <c r="H18" s="261">
        <v>150</v>
      </c>
      <c r="I18" s="261">
        <v>219</v>
      </c>
      <c r="J18" s="261">
        <v>49</v>
      </c>
      <c r="K18" s="261">
        <v>141</v>
      </c>
      <c r="L18" s="262">
        <v>713</v>
      </c>
      <c r="M18" s="263">
        <v>713</v>
      </c>
      <c r="N18" s="257">
        <v>0</v>
      </c>
      <c r="O18" s="261">
        <v>0</v>
      </c>
      <c r="P18" s="258">
        <v>0</v>
      </c>
      <c r="Q18" s="260">
        <v>0</v>
      </c>
      <c r="R18" s="261">
        <v>0</v>
      </c>
      <c r="S18" s="261">
        <v>0</v>
      </c>
      <c r="T18" s="261">
        <v>4</v>
      </c>
      <c r="U18" s="261">
        <v>1</v>
      </c>
      <c r="V18" s="261">
        <v>26</v>
      </c>
      <c r="W18" s="258">
        <v>31</v>
      </c>
      <c r="X18" s="263">
        <v>31</v>
      </c>
      <c r="Y18" s="257">
        <v>19</v>
      </c>
      <c r="Z18" s="261">
        <v>14</v>
      </c>
      <c r="AA18" s="258">
        <v>33</v>
      </c>
      <c r="AB18" s="260">
        <v>0</v>
      </c>
      <c r="AC18" s="261">
        <v>145</v>
      </c>
      <c r="AD18" s="261">
        <v>169</v>
      </c>
      <c r="AE18" s="261">
        <v>72</v>
      </c>
      <c r="AF18" s="261">
        <v>70</v>
      </c>
      <c r="AG18" s="261">
        <v>8</v>
      </c>
      <c r="AH18" s="258">
        <v>464</v>
      </c>
      <c r="AI18" s="263">
        <v>497</v>
      </c>
      <c r="AJ18" s="257">
        <v>0</v>
      </c>
      <c r="AK18" s="261">
        <v>6</v>
      </c>
      <c r="AL18" s="258">
        <v>6</v>
      </c>
      <c r="AM18" s="260">
        <v>0</v>
      </c>
      <c r="AN18" s="261">
        <v>12</v>
      </c>
      <c r="AO18" s="261">
        <v>57</v>
      </c>
      <c r="AP18" s="261">
        <v>0</v>
      </c>
      <c r="AQ18" s="261">
        <v>0</v>
      </c>
      <c r="AR18" s="261">
        <v>0</v>
      </c>
      <c r="AS18" s="258">
        <v>69</v>
      </c>
      <c r="AT18" s="263">
        <v>75</v>
      </c>
      <c r="AU18" s="257">
        <v>0</v>
      </c>
      <c r="AV18" s="261">
        <v>0</v>
      </c>
      <c r="AW18" s="258">
        <v>0</v>
      </c>
      <c r="AX18" s="260">
        <v>0</v>
      </c>
      <c r="AY18" s="261">
        <v>165</v>
      </c>
      <c r="AZ18" s="261">
        <v>268</v>
      </c>
      <c r="BA18" s="261">
        <v>65</v>
      </c>
      <c r="BB18" s="261">
        <v>67</v>
      </c>
      <c r="BC18" s="261">
        <v>14</v>
      </c>
      <c r="BD18" s="262">
        <v>579</v>
      </c>
      <c r="BE18" s="263">
        <v>579</v>
      </c>
      <c r="BF18" s="257">
        <v>0</v>
      </c>
      <c r="BG18" s="261">
        <v>0</v>
      </c>
      <c r="BH18" s="258">
        <v>0</v>
      </c>
      <c r="BI18" s="260">
        <v>0</v>
      </c>
      <c r="BJ18" s="261">
        <v>97</v>
      </c>
      <c r="BK18" s="261">
        <v>209</v>
      </c>
      <c r="BL18" s="261">
        <v>93</v>
      </c>
      <c r="BM18" s="261">
        <v>9</v>
      </c>
      <c r="BN18" s="261">
        <v>8</v>
      </c>
      <c r="BO18" s="258">
        <v>416</v>
      </c>
      <c r="BP18" s="263">
        <v>416</v>
      </c>
      <c r="BQ18" s="257">
        <v>0</v>
      </c>
      <c r="BR18" s="261">
        <v>0</v>
      </c>
      <c r="BS18" s="258">
        <v>0</v>
      </c>
      <c r="BT18" s="260">
        <v>0</v>
      </c>
      <c r="BU18" s="261">
        <v>17</v>
      </c>
      <c r="BV18" s="261">
        <v>26</v>
      </c>
      <c r="BW18" s="261">
        <v>6</v>
      </c>
      <c r="BX18" s="261">
        <v>48</v>
      </c>
      <c r="BY18" s="261">
        <v>0</v>
      </c>
      <c r="BZ18" s="258">
        <v>97</v>
      </c>
      <c r="CA18" s="263">
        <v>97</v>
      </c>
      <c r="CB18" s="257">
        <v>0</v>
      </c>
      <c r="CC18" s="261">
        <v>0</v>
      </c>
      <c r="CD18" s="258">
        <v>0</v>
      </c>
      <c r="CE18" s="260">
        <v>0</v>
      </c>
      <c r="CF18" s="261">
        <v>1</v>
      </c>
      <c r="CG18" s="261">
        <v>0</v>
      </c>
      <c r="CH18" s="261">
        <v>4</v>
      </c>
      <c r="CI18" s="261">
        <v>0</v>
      </c>
      <c r="CJ18" s="261">
        <v>3</v>
      </c>
      <c r="CK18" s="258">
        <v>8</v>
      </c>
      <c r="CL18" s="263">
        <v>8</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82</v>
      </c>
      <c r="H19" s="261">
        <v>262</v>
      </c>
      <c r="I19" s="261">
        <v>288</v>
      </c>
      <c r="J19" s="261">
        <v>40</v>
      </c>
      <c r="K19" s="261">
        <v>119</v>
      </c>
      <c r="L19" s="262">
        <v>791</v>
      </c>
      <c r="M19" s="263">
        <v>791</v>
      </c>
      <c r="N19" s="257">
        <v>0</v>
      </c>
      <c r="O19" s="261">
        <v>0</v>
      </c>
      <c r="P19" s="258">
        <v>0</v>
      </c>
      <c r="Q19" s="260">
        <v>0</v>
      </c>
      <c r="R19" s="261">
        <v>0</v>
      </c>
      <c r="S19" s="261">
        <v>0</v>
      </c>
      <c r="T19" s="261">
        <v>4</v>
      </c>
      <c r="U19" s="261">
        <v>0</v>
      </c>
      <c r="V19" s="261">
        <v>14</v>
      </c>
      <c r="W19" s="258">
        <v>18</v>
      </c>
      <c r="X19" s="263">
        <v>18</v>
      </c>
      <c r="Y19" s="257">
        <v>0</v>
      </c>
      <c r="Z19" s="261">
        <v>19</v>
      </c>
      <c r="AA19" s="258">
        <v>19</v>
      </c>
      <c r="AB19" s="260">
        <v>0</v>
      </c>
      <c r="AC19" s="261">
        <v>96</v>
      </c>
      <c r="AD19" s="261">
        <v>142</v>
      </c>
      <c r="AE19" s="261">
        <v>110</v>
      </c>
      <c r="AF19" s="261">
        <v>9</v>
      </c>
      <c r="AG19" s="261">
        <v>19</v>
      </c>
      <c r="AH19" s="258">
        <v>376</v>
      </c>
      <c r="AI19" s="263">
        <v>395</v>
      </c>
      <c r="AJ19" s="257">
        <v>0</v>
      </c>
      <c r="AK19" s="261">
        <v>9</v>
      </c>
      <c r="AL19" s="258">
        <v>9</v>
      </c>
      <c r="AM19" s="260">
        <v>0</v>
      </c>
      <c r="AN19" s="261">
        <v>0</v>
      </c>
      <c r="AO19" s="261">
        <v>9</v>
      </c>
      <c r="AP19" s="261">
        <v>26</v>
      </c>
      <c r="AQ19" s="261">
        <v>0</v>
      </c>
      <c r="AR19" s="261">
        <v>0</v>
      </c>
      <c r="AS19" s="258">
        <v>35</v>
      </c>
      <c r="AT19" s="263">
        <v>44</v>
      </c>
      <c r="AU19" s="257">
        <v>0</v>
      </c>
      <c r="AV19" s="261">
        <v>0</v>
      </c>
      <c r="AW19" s="258">
        <v>0</v>
      </c>
      <c r="AX19" s="260">
        <v>0</v>
      </c>
      <c r="AY19" s="261">
        <v>221</v>
      </c>
      <c r="AZ19" s="261">
        <v>242</v>
      </c>
      <c r="BA19" s="261">
        <v>79</v>
      </c>
      <c r="BB19" s="261">
        <v>28</v>
      </c>
      <c r="BC19" s="261">
        <v>13</v>
      </c>
      <c r="BD19" s="262">
        <v>583</v>
      </c>
      <c r="BE19" s="263">
        <v>583</v>
      </c>
      <c r="BF19" s="257">
        <v>0</v>
      </c>
      <c r="BG19" s="261">
        <v>0</v>
      </c>
      <c r="BH19" s="258">
        <v>0</v>
      </c>
      <c r="BI19" s="260">
        <v>0</v>
      </c>
      <c r="BJ19" s="261">
        <v>16</v>
      </c>
      <c r="BK19" s="261">
        <v>97</v>
      </c>
      <c r="BL19" s="261">
        <v>57</v>
      </c>
      <c r="BM19" s="261">
        <v>7</v>
      </c>
      <c r="BN19" s="261">
        <v>5</v>
      </c>
      <c r="BO19" s="258">
        <v>182</v>
      </c>
      <c r="BP19" s="263">
        <v>182</v>
      </c>
      <c r="BQ19" s="257">
        <v>0</v>
      </c>
      <c r="BR19" s="261">
        <v>0</v>
      </c>
      <c r="BS19" s="258">
        <v>0</v>
      </c>
      <c r="BT19" s="260">
        <v>0</v>
      </c>
      <c r="BU19" s="261">
        <v>55</v>
      </c>
      <c r="BV19" s="261">
        <v>60</v>
      </c>
      <c r="BW19" s="261">
        <v>19</v>
      </c>
      <c r="BX19" s="261">
        <v>57</v>
      </c>
      <c r="BY19" s="261">
        <v>29</v>
      </c>
      <c r="BZ19" s="258">
        <v>220</v>
      </c>
      <c r="CA19" s="263">
        <v>220</v>
      </c>
      <c r="CB19" s="257">
        <v>0</v>
      </c>
      <c r="CC19" s="261">
        <v>0</v>
      </c>
      <c r="CD19" s="258">
        <v>0</v>
      </c>
      <c r="CE19" s="260">
        <v>0</v>
      </c>
      <c r="CF19" s="261">
        <v>0</v>
      </c>
      <c r="CG19" s="261">
        <v>0</v>
      </c>
      <c r="CH19" s="261">
        <v>0</v>
      </c>
      <c r="CI19" s="261">
        <v>6</v>
      </c>
      <c r="CJ19" s="261">
        <v>0</v>
      </c>
      <c r="CK19" s="258">
        <v>6</v>
      </c>
      <c r="CL19" s="263">
        <v>6</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375</v>
      </c>
      <c r="H20" s="261">
        <v>338</v>
      </c>
      <c r="I20" s="261">
        <v>504</v>
      </c>
      <c r="J20" s="261">
        <v>551</v>
      </c>
      <c r="K20" s="261">
        <v>100</v>
      </c>
      <c r="L20" s="262">
        <v>1868</v>
      </c>
      <c r="M20" s="263">
        <v>1868</v>
      </c>
      <c r="N20" s="257">
        <v>0</v>
      </c>
      <c r="O20" s="261">
        <v>0</v>
      </c>
      <c r="P20" s="258">
        <v>0</v>
      </c>
      <c r="Q20" s="260">
        <v>0</v>
      </c>
      <c r="R20" s="261">
        <v>0</v>
      </c>
      <c r="S20" s="261">
        <v>0</v>
      </c>
      <c r="T20" s="261">
        <v>8</v>
      </c>
      <c r="U20" s="261">
        <v>8</v>
      </c>
      <c r="V20" s="261">
        <v>11</v>
      </c>
      <c r="W20" s="258">
        <v>27</v>
      </c>
      <c r="X20" s="263">
        <v>27</v>
      </c>
      <c r="Y20" s="257">
        <v>31</v>
      </c>
      <c r="Z20" s="261">
        <v>39</v>
      </c>
      <c r="AA20" s="258">
        <v>70</v>
      </c>
      <c r="AB20" s="260">
        <v>0</v>
      </c>
      <c r="AC20" s="261">
        <v>206</v>
      </c>
      <c r="AD20" s="261">
        <v>219</v>
      </c>
      <c r="AE20" s="261">
        <v>137</v>
      </c>
      <c r="AF20" s="261">
        <v>67</v>
      </c>
      <c r="AG20" s="261">
        <v>53</v>
      </c>
      <c r="AH20" s="258">
        <v>682</v>
      </c>
      <c r="AI20" s="263">
        <v>752</v>
      </c>
      <c r="AJ20" s="257">
        <v>0</v>
      </c>
      <c r="AK20" s="261">
        <v>15</v>
      </c>
      <c r="AL20" s="258">
        <v>15</v>
      </c>
      <c r="AM20" s="260">
        <v>0</v>
      </c>
      <c r="AN20" s="261">
        <v>42</v>
      </c>
      <c r="AO20" s="261">
        <v>51</v>
      </c>
      <c r="AP20" s="261">
        <v>1</v>
      </c>
      <c r="AQ20" s="261">
        <v>100</v>
      </c>
      <c r="AR20" s="261">
        <v>0</v>
      </c>
      <c r="AS20" s="258">
        <v>194</v>
      </c>
      <c r="AT20" s="263">
        <v>209</v>
      </c>
      <c r="AU20" s="257">
        <v>0</v>
      </c>
      <c r="AV20" s="261">
        <v>0</v>
      </c>
      <c r="AW20" s="258">
        <v>0</v>
      </c>
      <c r="AX20" s="260">
        <v>0</v>
      </c>
      <c r="AY20" s="261">
        <v>393</v>
      </c>
      <c r="AZ20" s="261">
        <v>386</v>
      </c>
      <c r="BA20" s="261">
        <v>208</v>
      </c>
      <c r="BB20" s="261">
        <v>98</v>
      </c>
      <c r="BC20" s="261">
        <v>5</v>
      </c>
      <c r="BD20" s="262">
        <v>1090</v>
      </c>
      <c r="BE20" s="263">
        <v>1090</v>
      </c>
      <c r="BF20" s="257">
        <v>0</v>
      </c>
      <c r="BG20" s="261">
        <v>0</v>
      </c>
      <c r="BH20" s="258">
        <v>0</v>
      </c>
      <c r="BI20" s="260">
        <v>0</v>
      </c>
      <c r="BJ20" s="261">
        <v>94</v>
      </c>
      <c r="BK20" s="261">
        <v>100</v>
      </c>
      <c r="BL20" s="261">
        <v>61</v>
      </c>
      <c r="BM20" s="261">
        <v>0</v>
      </c>
      <c r="BN20" s="261">
        <v>9</v>
      </c>
      <c r="BO20" s="258">
        <v>264</v>
      </c>
      <c r="BP20" s="263">
        <v>264</v>
      </c>
      <c r="BQ20" s="257">
        <v>0</v>
      </c>
      <c r="BR20" s="261">
        <v>0</v>
      </c>
      <c r="BS20" s="258">
        <v>0</v>
      </c>
      <c r="BT20" s="260">
        <v>0</v>
      </c>
      <c r="BU20" s="261">
        <v>22</v>
      </c>
      <c r="BV20" s="261">
        <v>72</v>
      </c>
      <c r="BW20" s="261">
        <v>158</v>
      </c>
      <c r="BX20" s="261">
        <v>71</v>
      </c>
      <c r="BY20" s="261">
        <v>23</v>
      </c>
      <c r="BZ20" s="258">
        <v>346</v>
      </c>
      <c r="CA20" s="263">
        <v>346</v>
      </c>
      <c r="CB20" s="257">
        <v>0</v>
      </c>
      <c r="CC20" s="261">
        <v>0</v>
      </c>
      <c r="CD20" s="258">
        <v>0</v>
      </c>
      <c r="CE20" s="260">
        <v>0</v>
      </c>
      <c r="CF20" s="261">
        <v>0</v>
      </c>
      <c r="CG20" s="261">
        <v>0</v>
      </c>
      <c r="CH20" s="261">
        <v>0</v>
      </c>
      <c r="CI20" s="261">
        <v>0</v>
      </c>
      <c r="CJ20" s="261">
        <v>0</v>
      </c>
      <c r="CK20" s="258">
        <v>0</v>
      </c>
      <c r="CL20" s="263">
        <v>0</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60</v>
      </c>
      <c r="H21" s="261">
        <v>94</v>
      </c>
      <c r="I21" s="261">
        <v>148</v>
      </c>
      <c r="J21" s="261">
        <v>120</v>
      </c>
      <c r="K21" s="261">
        <v>248</v>
      </c>
      <c r="L21" s="262">
        <v>670</v>
      </c>
      <c r="M21" s="263">
        <v>670</v>
      </c>
      <c r="N21" s="257">
        <v>0</v>
      </c>
      <c r="O21" s="261">
        <v>0</v>
      </c>
      <c r="P21" s="258">
        <v>0</v>
      </c>
      <c r="Q21" s="260">
        <v>0</v>
      </c>
      <c r="R21" s="261">
        <v>0</v>
      </c>
      <c r="S21" s="261">
        <v>0</v>
      </c>
      <c r="T21" s="261">
        <v>7</v>
      </c>
      <c r="U21" s="261">
        <v>19</v>
      </c>
      <c r="V21" s="261">
        <v>18</v>
      </c>
      <c r="W21" s="258">
        <v>44</v>
      </c>
      <c r="X21" s="263">
        <v>44</v>
      </c>
      <c r="Y21" s="257">
        <v>8</v>
      </c>
      <c r="Z21" s="261">
        <v>9</v>
      </c>
      <c r="AA21" s="258">
        <v>17</v>
      </c>
      <c r="AB21" s="260">
        <v>0</v>
      </c>
      <c r="AC21" s="261">
        <v>54</v>
      </c>
      <c r="AD21" s="261">
        <v>56</v>
      </c>
      <c r="AE21" s="261">
        <v>97</v>
      </c>
      <c r="AF21" s="261">
        <v>52</v>
      </c>
      <c r="AG21" s="261">
        <v>85</v>
      </c>
      <c r="AH21" s="258">
        <v>344</v>
      </c>
      <c r="AI21" s="263">
        <v>361</v>
      </c>
      <c r="AJ21" s="257">
        <v>0</v>
      </c>
      <c r="AK21" s="261">
        <v>0</v>
      </c>
      <c r="AL21" s="258">
        <v>0</v>
      </c>
      <c r="AM21" s="260">
        <v>0</v>
      </c>
      <c r="AN21" s="261">
        <v>12</v>
      </c>
      <c r="AO21" s="261">
        <v>12</v>
      </c>
      <c r="AP21" s="261">
        <v>24</v>
      </c>
      <c r="AQ21" s="261">
        <v>0</v>
      </c>
      <c r="AR21" s="261">
        <v>0</v>
      </c>
      <c r="AS21" s="258">
        <v>48</v>
      </c>
      <c r="AT21" s="263">
        <v>48</v>
      </c>
      <c r="AU21" s="257">
        <v>0</v>
      </c>
      <c r="AV21" s="261">
        <v>0</v>
      </c>
      <c r="AW21" s="258">
        <v>0</v>
      </c>
      <c r="AX21" s="260">
        <v>0</v>
      </c>
      <c r="AY21" s="261">
        <v>196</v>
      </c>
      <c r="AZ21" s="261">
        <v>113</v>
      </c>
      <c r="BA21" s="261">
        <v>54</v>
      </c>
      <c r="BB21" s="261">
        <v>13</v>
      </c>
      <c r="BC21" s="261">
        <v>0</v>
      </c>
      <c r="BD21" s="262">
        <v>376</v>
      </c>
      <c r="BE21" s="263">
        <v>376</v>
      </c>
      <c r="BF21" s="257">
        <v>0</v>
      </c>
      <c r="BG21" s="261">
        <v>0</v>
      </c>
      <c r="BH21" s="258">
        <v>0</v>
      </c>
      <c r="BI21" s="260">
        <v>0</v>
      </c>
      <c r="BJ21" s="261">
        <v>70</v>
      </c>
      <c r="BK21" s="261">
        <v>53</v>
      </c>
      <c r="BL21" s="261">
        <v>40</v>
      </c>
      <c r="BM21" s="261">
        <v>4</v>
      </c>
      <c r="BN21" s="261">
        <v>0</v>
      </c>
      <c r="BO21" s="258">
        <v>167</v>
      </c>
      <c r="BP21" s="263">
        <v>167</v>
      </c>
      <c r="BQ21" s="257">
        <v>0</v>
      </c>
      <c r="BR21" s="261">
        <v>0</v>
      </c>
      <c r="BS21" s="258">
        <v>0</v>
      </c>
      <c r="BT21" s="260">
        <v>0</v>
      </c>
      <c r="BU21" s="261">
        <v>2</v>
      </c>
      <c r="BV21" s="261">
        <v>0</v>
      </c>
      <c r="BW21" s="261">
        <v>2</v>
      </c>
      <c r="BX21" s="261">
        <v>8</v>
      </c>
      <c r="BY21" s="261">
        <v>29</v>
      </c>
      <c r="BZ21" s="258">
        <v>41</v>
      </c>
      <c r="CA21" s="263">
        <v>41</v>
      </c>
      <c r="CB21" s="257">
        <v>0</v>
      </c>
      <c r="CC21" s="261">
        <v>0</v>
      </c>
      <c r="CD21" s="258">
        <v>0</v>
      </c>
      <c r="CE21" s="260">
        <v>0</v>
      </c>
      <c r="CF21" s="261">
        <v>9</v>
      </c>
      <c r="CG21" s="261">
        <v>0</v>
      </c>
      <c r="CH21" s="261">
        <v>0</v>
      </c>
      <c r="CI21" s="261">
        <v>0</v>
      </c>
      <c r="CJ21" s="261">
        <v>0</v>
      </c>
      <c r="CK21" s="258">
        <v>9</v>
      </c>
      <c r="CL21" s="263">
        <v>9</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306</v>
      </c>
      <c r="H22" s="261">
        <v>331</v>
      </c>
      <c r="I22" s="261">
        <v>274</v>
      </c>
      <c r="J22" s="261">
        <v>441</v>
      </c>
      <c r="K22" s="261">
        <v>465</v>
      </c>
      <c r="L22" s="262">
        <v>1817</v>
      </c>
      <c r="M22" s="263">
        <v>1817</v>
      </c>
      <c r="N22" s="257">
        <v>0</v>
      </c>
      <c r="O22" s="261">
        <v>0</v>
      </c>
      <c r="P22" s="258">
        <v>0</v>
      </c>
      <c r="Q22" s="260">
        <v>0</v>
      </c>
      <c r="R22" s="261">
        <v>0</v>
      </c>
      <c r="S22" s="261">
        <v>0</v>
      </c>
      <c r="T22" s="261">
        <v>9</v>
      </c>
      <c r="U22" s="261">
        <v>1</v>
      </c>
      <c r="V22" s="261">
        <v>15</v>
      </c>
      <c r="W22" s="258">
        <v>25</v>
      </c>
      <c r="X22" s="263">
        <v>25</v>
      </c>
      <c r="Y22" s="257">
        <v>26</v>
      </c>
      <c r="Z22" s="261">
        <v>5</v>
      </c>
      <c r="AA22" s="258">
        <v>31</v>
      </c>
      <c r="AB22" s="260">
        <v>0</v>
      </c>
      <c r="AC22" s="261">
        <v>213</v>
      </c>
      <c r="AD22" s="261">
        <v>144</v>
      </c>
      <c r="AE22" s="261">
        <v>125</v>
      </c>
      <c r="AF22" s="261">
        <v>86</v>
      </c>
      <c r="AG22" s="261">
        <v>129</v>
      </c>
      <c r="AH22" s="258">
        <v>697</v>
      </c>
      <c r="AI22" s="263">
        <v>728</v>
      </c>
      <c r="AJ22" s="257">
        <v>10</v>
      </c>
      <c r="AK22" s="261">
        <v>42</v>
      </c>
      <c r="AL22" s="258">
        <v>52</v>
      </c>
      <c r="AM22" s="260">
        <v>0</v>
      </c>
      <c r="AN22" s="261">
        <v>44</v>
      </c>
      <c r="AO22" s="261">
        <v>95</v>
      </c>
      <c r="AP22" s="261">
        <v>56</v>
      </c>
      <c r="AQ22" s="261">
        <v>18</v>
      </c>
      <c r="AR22" s="261">
        <v>32</v>
      </c>
      <c r="AS22" s="258">
        <v>245</v>
      </c>
      <c r="AT22" s="263">
        <v>297</v>
      </c>
      <c r="AU22" s="257">
        <v>0</v>
      </c>
      <c r="AV22" s="261">
        <v>0</v>
      </c>
      <c r="AW22" s="258">
        <v>0</v>
      </c>
      <c r="AX22" s="260">
        <v>0</v>
      </c>
      <c r="AY22" s="261">
        <v>263</v>
      </c>
      <c r="AZ22" s="261">
        <v>136</v>
      </c>
      <c r="BA22" s="261">
        <v>116</v>
      </c>
      <c r="BB22" s="261">
        <v>62</v>
      </c>
      <c r="BC22" s="261">
        <v>43</v>
      </c>
      <c r="BD22" s="262">
        <v>620</v>
      </c>
      <c r="BE22" s="263">
        <v>620</v>
      </c>
      <c r="BF22" s="257">
        <v>0</v>
      </c>
      <c r="BG22" s="261">
        <v>0</v>
      </c>
      <c r="BH22" s="258">
        <v>0</v>
      </c>
      <c r="BI22" s="260">
        <v>0</v>
      </c>
      <c r="BJ22" s="261">
        <v>60</v>
      </c>
      <c r="BK22" s="261">
        <v>98</v>
      </c>
      <c r="BL22" s="261">
        <v>34</v>
      </c>
      <c r="BM22" s="261">
        <v>24</v>
      </c>
      <c r="BN22" s="261">
        <v>7</v>
      </c>
      <c r="BO22" s="258">
        <v>223</v>
      </c>
      <c r="BP22" s="263">
        <v>223</v>
      </c>
      <c r="BQ22" s="257">
        <v>0</v>
      </c>
      <c r="BR22" s="261">
        <v>0</v>
      </c>
      <c r="BS22" s="258">
        <v>0</v>
      </c>
      <c r="BT22" s="260">
        <v>0</v>
      </c>
      <c r="BU22" s="261">
        <v>4</v>
      </c>
      <c r="BV22" s="261">
        <v>18</v>
      </c>
      <c r="BW22" s="261">
        <v>20</v>
      </c>
      <c r="BX22" s="261">
        <v>98</v>
      </c>
      <c r="BY22" s="261">
        <v>6</v>
      </c>
      <c r="BZ22" s="258">
        <v>146</v>
      </c>
      <c r="CA22" s="263">
        <v>146</v>
      </c>
      <c r="CB22" s="257">
        <v>0</v>
      </c>
      <c r="CC22" s="261">
        <v>0</v>
      </c>
      <c r="CD22" s="258">
        <v>0</v>
      </c>
      <c r="CE22" s="260">
        <v>0</v>
      </c>
      <c r="CF22" s="261">
        <v>0</v>
      </c>
      <c r="CG22" s="261">
        <v>0</v>
      </c>
      <c r="CH22" s="261">
        <v>6</v>
      </c>
      <c r="CI22" s="261">
        <v>9</v>
      </c>
      <c r="CJ22" s="261">
        <v>0</v>
      </c>
      <c r="CK22" s="258">
        <v>15</v>
      </c>
      <c r="CL22" s="263">
        <v>15</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141</v>
      </c>
      <c r="H23" s="261">
        <v>229</v>
      </c>
      <c r="I23" s="261">
        <v>77</v>
      </c>
      <c r="J23" s="261">
        <v>445</v>
      </c>
      <c r="K23" s="261">
        <v>410</v>
      </c>
      <c r="L23" s="262">
        <v>1302</v>
      </c>
      <c r="M23" s="263">
        <v>1302</v>
      </c>
      <c r="N23" s="257">
        <v>0</v>
      </c>
      <c r="O23" s="261">
        <v>0</v>
      </c>
      <c r="P23" s="258">
        <v>0</v>
      </c>
      <c r="Q23" s="260">
        <v>0</v>
      </c>
      <c r="R23" s="261">
        <v>0</v>
      </c>
      <c r="S23" s="261">
        <v>0</v>
      </c>
      <c r="T23" s="261">
        <v>0</v>
      </c>
      <c r="U23" s="261">
        <v>0</v>
      </c>
      <c r="V23" s="261">
        <v>13</v>
      </c>
      <c r="W23" s="258">
        <v>13</v>
      </c>
      <c r="X23" s="263">
        <v>13</v>
      </c>
      <c r="Y23" s="257">
        <v>42</v>
      </c>
      <c r="Z23" s="261">
        <v>16</v>
      </c>
      <c r="AA23" s="258">
        <v>58</v>
      </c>
      <c r="AB23" s="260">
        <v>0</v>
      </c>
      <c r="AC23" s="261">
        <v>113</v>
      </c>
      <c r="AD23" s="261">
        <v>302</v>
      </c>
      <c r="AE23" s="261">
        <v>81</v>
      </c>
      <c r="AF23" s="261">
        <v>78</v>
      </c>
      <c r="AG23" s="261">
        <v>45</v>
      </c>
      <c r="AH23" s="258">
        <v>619</v>
      </c>
      <c r="AI23" s="263">
        <v>677</v>
      </c>
      <c r="AJ23" s="257">
        <v>16</v>
      </c>
      <c r="AK23" s="261">
        <v>0</v>
      </c>
      <c r="AL23" s="258">
        <v>16</v>
      </c>
      <c r="AM23" s="260">
        <v>0</v>
      </c>
      <c r="AN23" s="261">
        <v>54</v>
      </c>
      <c r="AO23" s="261">
        <v>16</v>
      </c>
      <c r="AP23" s="261">
        <v>0</v>
      </c>
      <c r="AQ23" s="261">
        <v>0</v>
      </c>
      <c r="AR23" s="261">
        <v>12</v>
      </c>
      <c r="AS23" s="258">
        <v>82</v>
      </c>
      <c r="AT23" s="263">
        <v>98</v>
      </c>
      <c r="AU23" s="257">
        <v>0</v>
      </c>
      <c r="AV23" s="261">
        <v>0</v>
      </c>
      <c r="AW23" s="258">
        <v>0</v>
      </c>
      <c r="AX23" s="260">
        <v>0</v>
      </c>
      <c r="AY23" s="261">
        <v>135</v>
      </c>
      <c r="AZ23" s="261">
        <v>155</v>
      </c>
      <c r="BA23" s="261">
        <v>132</v>
      </c>
      <c r="BB23" s="261">
        <v>23</v>
      </c>
      <c r="BC23" s="261">
        <v>12</v>
      </c>
      <c r="BD23" s="262">
        <v>457</v>
      </c>
      <c r="BE23" s="263">
        <v>457</v>
      </c>
      <c r="BF23" s="257">
        <v>0</v>
      </c>
      <c r="BG23" s="261">
        <v>0</v>
      </c>
      <c r="BH23" s="258">
        <v>0</v>
      </c>
      <c r="BI23" s="260">
        <v>0</v>
      </c>
      <c r="BJ23" s="261">
        <v>46</v>
      </c>
      <c r="BK23" s="261">
        <v>43</v>
      </c>
      <c r="BL23" s="261">
        <v>14</v>
      </c>
      <c r="BM23" s="261">
        <v>0</v>
      </c>
      <c r="BN23" s="261">
        <v>4</v>
      </c>
      <c r="BO23" s="258">
        <v>107</v>
      </c>
      <c r="BP23" s="263">
        <v>107</v>
      </c>
      <c r="BQ23" s="257">
        <v>0</v>
      </c>
      <c r="BR23" s="261">
        <v>0</v>
      </c>
      <c r="BS23" s="258">
        <v>0</v>
      </c>
      <c r="BT23" s="260">
        <v>0</v>
      </c>
      <c r="BU23" s="261">
        <v>0</v>
      </c>
      <c r="BV23" s="261">
        <v>22</v>
      </c>
      <c r="BW23" s="261">
        <v>41</v>
      </c>
      <c r="BX23" s="261">
        <v>77</v>
      </c>
      <c r="BY23" s="261">
        <v>43</v>
      </c>
      <c r="BZ23" s="258">
        <v>183</v>
      </c>
      <c r="CA23" s="263">
        <v>183</v>
      </c>
      <c r="CB23" s="257">
        <v>0</v>
      </c>
      <c r="CC23" s="261">
        <v>0</v>
      </c>
      <c r="CD23" s="258">
        <v>0</v>
      </c>
      <c r="CE23" s="260">
        <v>0</v>
      </c>
      <c r="CF23" s="261">
        <v>0</v>
      </c>
      <c r="CG23" s="261">
        <v>16</v>
      </c>
      <c r="CH23" s="261">
        <v>0</v>
      </c>
      <c r="CI23" s="261">
        <v>0</v>
      </c>
      <c r="CJ23" s="261">
        <v>0</v>
      </c>
      <c r="CK23" s="258">
        <v>16</v>
      </c>
      <c r="CL23" s="263">
        <v>16</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74</v>
      </c>
      <c r="H24" s="261">
        <v>84</v>
      </c>
      <c r="I24" s="261">
        <v>11</v>
      </c>
      <c r="J24" s="261">
        <v>158</v>
      </c>
      <c r="K24" s="261">
        <v>64</v>
      </c>
      <c r="L24" s="262">
        <v>391</v>
      </c>
      <c r="M24" s="263">
        <v>391</v>
      </c>
      <c r="N24" s="257">
        <v>0</v>
      </c>
      <c r="O24" s="261">
        <v>0</v>
      </c>
      <c r="P24" s="258">
        <v>0</v>
      </c>
      <c r="Q24" s="260">
        <v>0</v>
      </c>
      <c r="R24" s="261">
        <v>8</v>
      </c>
      <c r="S24" s="261">
        <v>0</v>
      </c>
      <c r="T24" s="261">
        <v>0</v>
      </c>
      <c r="U24" s="261">
        <v>7</v>
      </c>
      <c r="V24" s="261">
        <v>0</v>
      </c>
      <c r="W24" s="258">
        <v>15</v>
      </c>
      <c r="X24" s="263">
        <v>15</v>
      </c>
      <c r="Y24" s="257">
        <v>2</v>
      </c>
      <c r="Z24" s="261">
        <v>0</v>
      </c>
      <c r="AA24" s="258">
        <v>2</v>
      </c>
      <c r="AB24" s="260">
        <v>0</v>
      </c>
      <c r="AC24" s="261">
        <v>22</v>
      </c>
      <c r="AD24" s="261">
        <v>40</v>
      </c>
      <c r="AE24" s="261">
        <v>34</v>
      </c>
      <c r="AF24" s="261">
        <v>9</v>
      </c>
      <c r="AG24" s="261">
        <v>6</v>
      </c>
      <c r="AH24" s="258">
        <v>111</v>
      </c>
      <c r="AI24" s="263">
        <v>113</v>
      </c>
      <c r="AJ24" s="257">
        <v>0</v>
      </c>
      <c r="AK24" s="261">
        <v>0</v>
      </c>
      <c r="AL24" s="258">
        <v>0</v>
      </c>
      <c r="AM24" s="260">
        <v>0</v>
      </c>
      <c r="AN24" s="261">
        <v>0</v>
      </c>
      <c r="AO24" s="261">
        <v>24</v>
      </c>
      <c r="AP24" s="261">
        <v>15</v>
      </c>
      <c r="AQ24" s="261">
        <v>0</v>
      </c>
      <c r="AR24" s="261">
        <v>0</v>
      </c>
      <c r="AS24" s="258">
        <v>39</v>
      </c>
      <c r="AT24" s="263">
        <v>39</v>
      </c>
      <c r="AU24" s="257">
        <v>0</v>
      </c>
      <c r="AV24" s="261">
        <v>0</v>
      </c>
      <c r="AW24" s="258">
        <v>0</v>
      </c>
      <c r="AX24" s="260">
        <v>0</v>
      </c>
      <c r="AY24" s="261">
        <v>112</v>
      </c>
      <c r="AZ24" s="261">
        <v>49</v>
      </c>
      <c r="BA24" s="261">
        <v>108</v>
      </c>
      <c r="BB24" s="261">
        <v>13</v>
      </c>
      <c r="BC24" s="261">
        <v>18</v>
      </c>
      <c r="BD24" s="262">
        <v>300</v>
      </c>
      <c r="BE24" s="263">
        <v>300</v>
      </c>
      <c r="BF24" s="257">
        <v>0</v>
      </c>
      <c r="BG24" s="261">
        <v>0</v>
      </c>
      <c r="BH24" s="258">
        <v>0</v>
      </c>
      <c r="BI24" s="260">
        <v>0</v>
      </c>
      <c r="BJ24" s="261">
        <v>17</v>
      </c>
      <c r="BK24" s="261">
        <v>17</v>
      </c>
      <c r="BL24" s="261">
        <v>0</v>
      </c>
      <c r="BM24" s="261">
        <v>0</v>
      </c>
      <c r="BN24" s="261">
        <v>8</v>
      </c>
      <c r="BO24" s="258">
        <v>42</v>
      </c>
      <c r="BP24" s="263">
        <v>42</v>
      </c>
      <c r="BQ24" s="257">
        <v>0</v>
      </c>
      <c r="BR24" s="261">
        <v>0</v>
      </c>
      <c r="BS24" s="258">
        <v>0</v>
      </c>
      <c r="BT24" s="260">
        <v>0</v>
      </c>
      <c r="BU24" s="261">
        <v>0</v>
      </c>
      <c r="BV24" s="261">
        <v>0</v>
      </c>
      <c r="BW24" s="261">
        <v>0</v>
      </c>
      <c r="BX24" s="261">
        <v>43</v>
      </c>
      <c r="BY24" s="261">
        <v>13</v>
      </c>
      <c r="BZ24" s="258">
        <v>56</v>
      </c>
      <c r="CA24" s="263">
        <v>56</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64</v>
      </c>
      <c r="H25" s="261">
        <v>172</v>
      </c>
      <c r="I25" s="261">
        <v>247</v>
      </c>
      <c r="J25" s="261">
        <v>101</v>
      </c>
      <c r="K25" s="261">
        <v>0</v>
      </c>
      <c r="L25" s="262">
        <v>584</v>
      </c>
      <c r="M25" s="263">
        <v>584</v>
      </c>
      <c r="N25" s="257">
        <v>0</v>
      </c>
      <c r="O25" s="261">
        <v>0</v>
      </c>
      <c r="P25" s="258">
        <v>0</v>
      </c>
      <c r="Q25" s="260">
        <v>0</v>
      </c>
      <c r="R25" s="261">
        <v>0</v>
      </c>
      <c r="S25" s="261">
        <v>0</v>
      </c>
      <c r="T25" s="261">
        <v>0</v>
      </c>
      <c r="U25" s="261">
        <v>10</v>
      </c>
      <c r="V25" s="261">
        <v>0</v>
      </c>
      <c r="W25" s="258">
        <v>10</v>
      </c>
      <c r="X25" s="263">
        <v>10</v>
      </c>
      <c r="Y25" s="257">
        <v>12</v>
      </c>
      <c r="Z25" s="261">
        <v>37</v>
      </c>
      <c r="AA25" s="258">
        <v>49</v>
      </c>
      <c r="AB25" s="260">
        <v>0</v>
      </c>
      <c r="AC25" s="261">
        <v>52</v>
      </c>
      <c r="AD25" s="261">
        <v>123</v>
      </c>
      <c r="AE25" s="261">
        <v>34</v>
      </c>
      <c r="AF25" s="261">
        <v>56</v>
      </c>
      <c r="AG25" s="261">
        <v>24</v>
      </c>
      <c r="AH25" s="258">
        <v>289</v>
      </c>
      <c r="AI25" s="263">
        <v>338</v>
      </c>
      <c r="AJ25" s="257">
        <v>0</v>
      </c>
      <c r="AK25" s="261">
        <v>8</v>
      </c>
      <c r="AL25" s="258">
        <v>8</v>
      </c>
      <c r="AM25" s="260">
        <v>0</v>
      </c>
      <c r="AN25" s="261">
        <v>0</v>
      </c>
      <c r="AO25" s="261">
        <v>12</v>
      </c>
      <c r="AP25" s="261">
        <v>0</v>
      </c>
      <c r="AQ25" s="261">
        <v>0</v>
      </c>
      <c r="AR25" s="261">
        <v>0</v>
      </c>
      <c r="AS25" s="258">
        <v>12</v>
      </c>
      <c r="AT25" s="263">
        <v>20</v>
      </c>
      <c r="AU25" s="257">
        <v>0</v>
      </c>
      <c r="AV25" s="261">
        <v>0</v>
      </c>
      <c r="AW25" s="258">
        <v>0</v>
      </c>
      <c r="AX25" s="260">
        <v>0</v>
      </c>
      <c r="AY25" s="261">
        <v>110</v>
      </c>
      <c r="AZ25" s="261">
        <v>107</v>
      </c>
      <c r="BA25" s="261">
        <v>35</v>
      </c>
      <c r="BB25" s="261">
        <v>43</v>
      </c>
      <c r="BC25" s="261">
        <v>4</v>
      </c>
      <c r="BD25" s="262">
        <v>299</v>
      </c>
      <c r="BE25" s="263">
        <v>299</v>
      </c>
      <c r="BF25" s="257">
        <v>0</v>
      </c>
      <c r="BG25" s="261">
        <v>0</v>
      </c>
      <c r="BH25" s="258">
        <v>0</v>
      </c>
      <c r="BI25" s="260">
        <v>0</v>
      </c>
      <c r="BJ25" s="261">
        <v>27</v>
      </c>
      <c r="BK25" s="261">
        <v>7</v>
      </c>
      <c r="BL25" s="261">
        <v>20</v>
      </c>
      <c r="BM25" s="261">
        <v>9</v>
      </c>
      <c r="BN25" s="261">
        <v>5</v>
      </c>
      <c r="BO25" s="258">
        <v>68</v>
      </c>
      <c r="BP25" s="263">
        <v>68</v>
      </c>
      <c r="BQ25" s="257">
        <v>0</v>
      </c>
      <c r="BR25" s="261">
        <v>0</v>
      </c>
      <c r="BS25" s="258">
        <v>0</v>
      </c>
      <c r="BT25" s="260">
        <v>0</v>
      </c>
      <c r="BU25" s="261">
        <v>3</v>
      </c>
      <c r="BV25" s="261">
        <v>29</v>
      </c>
      <c r="BW25" s="261">
        <v>29</v>
      </c>
      <c r="BX25" s="261">
        <v>24</v>
      </c>
      <c r="BY25" s="261">
        <v>34</v>
      </c>
      <c r="BZ25" s="258">
        <v>119</v>
      </c>
      <c r="CA25" s="263">
        <v>119</v>
      </c>
      <c r="CB25" s="257">
        <v>3</v>
      </c>
      <c r="CC25" s="261">
        <v>0</v>
      </c>
      <c r="CD25" s="258">
        <v>3</v>
      </c>
      <c r="CE25" s="260">
        <v>0</v>
      </c>
      <c r="CF25" s="261">
        <v>3</v>
      </c>
      <c r="CG25" s="261">
        <v>0</v>
      </c>
      <c r="CH25" s="261">
        <v>0</v>
      </c>
      <c r="CI25" s="261">
        <v>0</v>
      </c>
      <c r="CJ25" s="261">
        <v>8</v>
      </c>
      <c r="CK25" s="258">
        <v>11</v>
      </c>
      <c r="CL25" s="263">
        <v>14</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279</v>
      </c>
      <c r="H26" s="261">
        <v>76</v>
      </c>
      <c r="I26" s="261">
        <v>123</v>
      </c>
      <c r="J26" s="261">
        <v>98</v>
      </c>
      <c r="K26" s="261">
        <v>254</v>
      </c>
      <c r="L26" s="262">
        <v>830</v>
      </c>
      <c r="M26" s="263">
        <v>830</v>
      </c>
      <c r="N26" s="257">
        <v>0</v>
      </c>
      <c r="O26" s="261">
        <v>0</v>
      </c>
      <c r="P26" s="258">
        <v>0</v>
      </c>
      <c r="Q26" s="260">
        <v>0</v>
      </c>
      <c r="R26" s="261">
        <v>0</v>
      </c>
      <c r="S26" s="261">
        <v>0</v>
      </c>
      <c r="T26" s="261">
        <v>0</v>
      </c>
      <c r="U26" s="261">
        <v>13</v>
      </c>
      <c r="V26" s="261">
        <v>16</v>
      </c>
      <c r="W26" s="258">
        <v>29</v>
      </c>
      <c r="X26" s="263">
        <v>29</v>
      </c>
      <c r="Y26" s="257">
        <v>2</v>
      </c>
      <c r="Z26" s="261">
        <v>40</v>
      </c>
      <c r="AA26" s="258">
        <v>42</v>
      </c>
      <c r="AB26" s="260">
        <v>0</v>
      </c>
      <c r="AC26" s="261">
        <v>51</v>
      </c>
      <c r="AD26" s="261">
        <v>37</v>
      </c>
      <c r="AE26" s="261">
        <v>21</v>
      </c>
      <c r="AF26" s="261">
        <v>38</v>
      </c>
      <c r="AG26" s="261">
        <v>22</v>
      </c>
      <c r="AH26" s="258">
        <v>169</v>
      </c>
      <c r="AI26" s="263">
        <v>211</v>
      </c>
      <c r="AJ26" s="257">
        <v>0</v>
      </c>
      <c r="AK26" s="261">
        <v>0</v>
      </c>
      <c r="AL26" s="258">
        <v>0</v>
      </c>
      <c r="AM26" s="260">
        <v>0</v>
      </c>
      <c r="AN26" s="261">
        <v>12</v>
      </c>
      <c r="AO26" s="261">
        <v>18</v>
      </c>
      <c r="AP26" s="261">
        <v>16</v>
      </c>
      <c r="AQ26" s="261">
        <v>0</v>
      </c>
      <c r="AR26" s="261">
        <v>0</v>
      </c>
      <c r="AS26" s="258">
        <v>46</v>
      </c>
      <c r="AT26" s="263">
        <v>46</v>
      </c>
      <c r="AU26" s="257">
        <v>0</v>
      </c>
      <c r="AV26" s="261">
        <v>0</v>
      </c>
      <c r="AW26" s="258">
        <v>0</v>
      </c>
      <c r="AX26" s="260">
        <v>0</v>
      </c>
      <c r="AY26" s="261">
        <v>103</v>
      </c>
      <c r="AZ26" s="261">
        <v>102</v>
      </c>
      <c r="BA26" s="261">
        <v>33</v>
      </c>
      <c r="BB26" s="261">
        <v>4</v>
      </c>
      <c r="BC26" s="261">
        <v>13</v>
      </c>
      <c r="BD26" s="262">
        <v>255</v>
      </c>
      <c r="BE26" s="263">
        <v>255</v>
      </c>
      <c r="BF26" s="257">
        <v>0</v>
      </c>
      <c r="BG26" s="261">
        <v>0</v>
      </c>
      <c r="BH26" s="258">
        <v>0</v>
      </c>
      <c r="BI26" s="260">
        <v>0</v>
      </c>
      <c r="BJ26" s="261">
        <v>18</v>
      </c>
      <c r="BK26" s="261">
        <v>38</v>
      </c>
      <c r="BL26" s="261">
        <v>30</v>
      </c>
      <c r="BM26" s="261">
        <v>8</v>
      </c>
      <c r="BN26" s="261">
        <v>0</v>
      </c>
      <c r="BO26" s="258">
        <v>94</v>
      </c>
      <c r="BP26" s="263">
        <v>94</v>
      </c>
      <c r="BQ26" s="257">
        <v>0</v>
      </c>
      <c r="BR26" s="261">
        <v>0</v>
      </c>
      <c r="BS26" s="258">
        <v>0</v>
      </c>
      <c r="BT26" s="260">
        <v>0</v>
      </c>
      <c r="BU26" s="261">
        <v>0</v>
      </c>
      <c r="BV26" s="261">
        <v>19</v>
      </c>
      <c r="BW26" s="261">
        <v>5</v>
      </c>
      <c r="BX26" s="261">
        <v>0</v>
      </c>
      <c r="BY26" s="261">
        <v>32</v>
      </c>
      <c r="BZ26" s="258">
        <v>56</v>
      </c>
      <c r="CA26" s="263">
        <v>56</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62</v>
      </c>
      <c r="H27" s="261">
        <v>85</v>
      </c>
      <c r="I27" s="261">
        <v>118</v>
      </c>
      <c r="J27" s="261">
        <v>184</v>
      </c>
      <c r="K27" s="261">
        <v>139</v>
      </c>
      <c r="L27" s="262">
        <v>588</v>
      </c>
      <c r="M27" s="263">
        <v>588</v>
      </c>
      <c r="N27" s="257">
        <v>0</v>
      </c>
      <c r="O27" s="261">
        <v>0</v>
      </c>
      <c r="P27" s="258">
        <v>0</v>
      </c>
      <c r="Q27" s="260">
        <v>0</v>
      </c>
      <c r="R27" s="261">
        <v>0</v>
      </c>
      <c r="S27" s="261">
        <v>0</v>
      </c>
      <c r="T27" s="261">
        <v>6</v>
      </c>
      <c r="U27" s="261">
        <v>13</v>
      </c>
      <c r="V27" s="261">
        <v>5</v>
      </c>
      <c r="W27" s="258">
        <v>24</v>
      </c>
      <c r="X27" s="263">
        <v>24</v>
      </c>
      <c r="Y27" s="257">
        <v>4</v>
      </c>
      <c r="Z27" s="261">
        <v>8</v>
      </c>
      <c r="AA27" s="258">
        <v>12</v>
      </c>
      <c r="AB27" s="260">
        <v>0</v>
      </c>
      <c r="AC27" s="261">
        <v>13</v>
      </c>
      <c r="AD27" s="261">
        <v>46</v>
      </c>
      <c r="AE27" s="261">
        <v>36</v>
      </c>
      <c r="AF27" s="261">
        <v>14</v>
      </c>
      <c r="AG27" s="261">
        <v>8</v>
      </c>
      <c r="AH27" s="258">
        <v>117</v>
      </c>
      <c r="AI27" s="263">
        <v>129</v>
      </c>
      <c r="AJ27" s="257">
        <v>0</v>
      </c>
      <c r="AK27" s="261">
        <v>24</v>
      </c>
      <c r="AL27" s="258">
        <v>24</v>
      </c>
      <c r="AM27" s="260">
        <v>0</v>
      </c>
      <c r="AN27" s="261">
        <v>0</v>
      </c>
      <c r="AO27" s="261">
        <v>0</v>
      </c>
      <c r="AP27" s="261">
        <v>16</v>
      </c>
      <c r="AQ27" s="261">
        <v>0</v>
      </c>
      <c r="AR27" s="261">
        <v>0</v>
      </c>
      <c r="AS27" s="258">
        <v>16</v>
      </c>
      <c r="AT27" s="263">
        <v>40</v>
      </c>
      <c r="AU27" s="257">
        <v>0</v>
      </c>
      <c r="AV27" s="261">
        <v>0</v>
      </c>
      <c r="AW27" s="258">
        <v>0</v>
      </c>
      <c r="AX27" s="260">
        <v>0</v>
      </c>
      <c r="AY27" s="261">
        <v>56</v>
      </c>
      <c r="AZ27" s="261">
        <v>19</v>
      </c>
      <c r="BA27" s="261">
        <v>10</v>
      </c>
      <c r="BB27" s="261">
        <v>23</v>
      </c>
      <c r="BC27" s="261">
        <v>0</v>
      </c>
      <c r="BD27" s="262">
        <v>108</v>
      </c>
      <c r="BE27" s="263">
        <v>108</v>
      </c>
      <c r="BF27" s="257">
        <v>0</v>
      </c>
      <c r="BG27" s="261">
        <v>0</v>
      </c>
      <c r="BH27" s="258">
        <v>0</v>
      </c>
      <c r="BI27" s="260">
        <v>0</v>
      </c>
      <c r="BJ27" s="261">
        <v>19</v>
      </c>
      <c r="BK27" s="261">
        <v>45</v>
      </c>
      <c r="BL27" s="261">
        <v>25</v>
      </c>
      <c r="BM27" s="261">
        <v>13</v>
      </c>
      <c r="BN27" s="261">
        <v>16</v>
      </c>
      <c r="BO27" s="258">
        <v>118</v>
      </c>
      <c r="BP27" s="263">
        <v>118</v>
      </c>
      <c r="BQ27" s="257">
        <v>0</v>
      </c>
      <c r="BR27" s="261">
        <v>0</v>
      </c>
      <c r="BS27" s="258">
        <v>0</v>
      </c>
      <c r="BT27" s="260">
        <v>0</v>
      </c>
      <c r="BU27" s="261">
        <v>9</v>
      </c>
      <c r="BV27" s="261">
        <v>7</v>
      </c>
      <c r="BW27" s="261">
        <v>0</v>
      </c>
      <c r="BX27" s="261">
        <v>4</v>
      </c>
      <c r="BY27" s="261">
        <v>0</v>
      </c>
      <c r="BZ27" s="258">
        <v>20</v>
      </c>
      <c r="CA27" s="263">
        <v>2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87</v>
      </c>
      <c r="H28" s="261">
        <v>117</v>
      </c>
      <c r="I28" s="261">
        <v>108</v>
      </c>
      <c r="J28" s="261">
        <v>22</v>
      </c>
      <c r="K28" s="261">
        <v>89</v>
      </c>
      <c r="L28" s="262">
        <v>423</v>
      </c>
      <c r="M28" s="263">
        <v>423</v>
      </c>
      <c r="N28" s="257">
        <v>0</v>
      </c>
      <c r="O28" s="261">
        <v>0</v>
      </c>
      <c r="P28" s="258">
        <v>0</v>
      </c>
      <c r="Q28" s="260">
        <v>0</v>
      </c>
      <c r="R28" s="261">
        <v>0</v>
      </c>
      <c r="S28" s="261">
        <v>0</v>
      </c>
      <c r="T28" s="261">
        <v>0</v>
      </c>
      <c r="U28" s="261">
        <v>9</v>
      </c>
      <c r="V28" s="261">
        <v>0</v>
      </c>
      <c r="W28" s="258">
        <v>9</v>
      </c>
      <c r="X28" s="263">
        <v>9</v>
      </c>
      <c r="Y28" s="257">
        <v>0</v>
      </c>
      <c r="Z28" s="261">
        <v>4</v>
      </c>
      <c r="AA28" s="258">
        <v>4</v>
      </c>
      <c r="AB28" s="260">
        <v>0</v>
      </c>
      <c r="AC28" s="261">
        <v>13</v>
      </c>
      <c r="AD28" s="261">
        <v>26</v>
      </c>
      <c r="AE28" s="261">
        <v>15</v>
      </c>
      <c r="AF28" s="261">
        <v>6</v>
      </c>
      <c r="AG28" s="261">
        <v>15</v>
      </c>
      <c r="AH28" s="258">
        <v>75</v>
      </c>
      <c r="AI28" s="263">
        <v>79</v>
      </c>
      <c r="AJ28" s="257">
        <v>0</v>
      </c>
      <c r="AK28" s="261">
        <v>0</v>
      </c>
      <c r="AL28" s="258">
        <v>0</v>
      </c>
      <c r="AM28" s="260">
        <v>0</v>
      </c>
      <c r="AN28" s="261">
        <v>0</v>
      </c>
      <c r="AO28" s="261">
        <v>21</v>
      </c>
      <c r="AP28" s="261">
        <v>0</v>
      </c>
      <c r="AQ28" s="261">
        <v>0</v>
      </c>
      <c r="AR28" s="261">
        <v>0</v>
      </c>
      <c r="AS28" s="258">
        <v>21</v>
      </c>
      <c r="AT28" s="263">
        <v>21</v>
      </c>
      <c r="AU28" s="257">
        <v>0</v>
      </c>
      <c r="AV28" s="261">
        <v>0</v>
      </c>
      <c r="AW28" s="258">
        <v>0</v>
      </c>
      <c r="AX28" s="260">
        <v>0</v>
      </c>
      <c r="AY28" s="261">
        <v>53</v>
      </c>
      <c r="AZ28" s="261">
        <v>40</v>
      </c>
      <c r="BA28" s="261">
        <v>30</v>
      </c>
      <c r="BB28" s="261">
        <v>0</v>
      </c>
      <c r="BC28" s="261">
        <v>0</v>
      </c>
      <c r="BD28" s="262">
        <v>123</v>
      </c>
      <c r="BE28" s="263">
        <v>123</v>
      </c>
      <c r="BF28" s="257">
        <v>0</v>
      </c>
      <c r="BG28" s="261">
        <v>0</v>
      </c>
      <c r="BH28" s="258">
        <v>0</v>
      </c>
      <c r="BI28" s="260">
        <v>0</v>
      </c>
      <c r="BJ28" s="261">
        <v>20</v>
      </c>
      <c r="BK28" s="261">
        <v>21</v>
      </c>
      <c r="BL28" s="261">
        <v>0</v>
      </c>
      <c r="BM28" s="261">
        <v>11</v>
      </c>
      <c r="BN28" s="261">
        <v>0</v>
      </c>
      <c r="BO28" s="258">
        <v>52</v>
      </c>
      <c r="BP28" s="263">
        <v>52</v>
      </c>
      <c r="BQ28" s="257">
        <v>0</v>
      </c>
      <c r="BR28" s="261">
        <v>0</v>
      </c>
      <c r="BS28" s="258">
        <v>0</v>
      </c>
      <c r="BT28" s="260">
        <v>0</v>
      </c>
      <c r="BU28" s="261">
        <v>10</v>
      </c>
      <c r="BV28" s="261">
        <v>20</v>
      </c>
      <c r="BW28" s="261">
        <v>0</v>
      </c>
      <c r="BX28" s="261">
        <v>0</v>
      </c>
      <c r="BY28" s="261">
        <v>2</v>
      </c>
      <c r="BZ28" s="258">
        <v>32</v>
      </c>
      <c r="CA28" s="263">
        <v>32</v>
      </c>
      <c r="CB28" s="257">
        <v>0</v>
      </c>
      <c r="CC28" s="261">
        <v>0</v>
      </c>
      <c r="CD28" s="258">
        <v>0</v>
      </c>
      <c r="CE28" s="260">
        <v>0</v>
      </c>
      <c r="CF28" s="261">
        <v>0</v>
      </c>
      <c r="CG28" s="261">
        <v>0</v>
      </c>
      <c r="CH28" s="261">
        <v>6</v>
      </c>
      <c r="CI28" s="261">
        <v>0</v>
      </c>
      <c r="CJ28" s="261">
        <v>0</v>
      </c>
      <c r="CK28" s="258">
        <v>6</v>
      </c>
      <c r="CL28" s="263">
        <v>6</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55</v>
      </c>
      <c r="H29" s="261">
        <v>51</v>
      </c>
      <c r="I29" s="261">
        <v>146</v>
      </c>
      <c r="J29" s="261">
        <v>60</v>
      </c>
      <c r="K29" s="261">
        <v>187</v>
      </c>
      <c r="L29" s="262">
        <v>499</v>
      </c>
      <c r="M29" s="263">
        <v>499</v>
      </c>
      <c r="N29" s="257">
        <v>0</v>
      </c>
      <c r="O29" s="261">
        <v>0</v>
      </c>
      <c r="P29" s="258">
        <v>0</v>
      </c>
      <c r="Q29" s="260">
        <v>0</v>
      </c>
      <c r="R29" s="261">
        <v>0</v>
      </c>
      <c r="S29" s="261">
        <v>4</v>
      </c>
      <c r="T29" s="261">
        <v>4</v>
      </c>
      <c r="U29" s="261">
        <v>3</v>
      </c>
      <c r="V29" s="261">
        <v>5</v>
      </c>
      <c r="W29" s="258">
        <v>16</v>
      </c>
      <c r="X29" s="263">
        <v>16</v>
      </c>
      <c r="Y29" s="257">
        <v>0</v>
      </c>
      <c r="Z29" s="261">
        <v>48</v>
      </c>
      <c r="AA29" s="258">
        <v>48</v>
      </c>
      <c r="AB29" s="260">
        <v>0</v>
      </c>
      <c r="AC29" s="261">
        <v>38</v>
      </c>
      <c r="AD29" s="261">
        <v>56</v>
      </c>
      <c r="AE29" s="261">
        <v>16</v>
      </c>
      <c r="AF29" s="261">
        <v>41</v>
      </c>
      <c r="AG29" s="261">
        <v>34</v>
      </c>
      <c r="AH29" s="258">
        <v>185</v>
      </c>
      <c r="AI29" s="263">
        <v>233</v>
      </c>
      <c r="AJ29" s="257">
        <v>0</v>
      </c>
      <c r="AK29" s="261">
        <v>0</v>
      </c>
      <c r="AL29" s="258">
        <v>0</v>
      </c>
      <c r="AM29" s="260">
        <v>0</v>
      </c>
      <c r="AN29" s="261">
        <v>0</v>
      </c>
      <c r="AO29" s="261">
        <v>12</v>
      </c>
      <c r="AP29" s="261">
        <v>0</v>
      </c>
      <c r="AQ29" s="261">
        <v>0</v>
      </c>
      <c r="AR29" s="261">
        <v>0</v>
      </c>
      <c r="AS29" s="258">
        <v>12</v>
      </c>
      <c r="AT29" s="263">
        <v>12</v>
      </c>
      <c r="AU29" s="257">
        <v>0</v>
      </c>
      <c r="AV29" s="261">
        <v>0</v>
      </c>
      <c r="AW29" s="258">
        <v>0</v>
      </c>
      <c r="AX29" s="260">
        <v>0</v>
      </c>
      <c r="AY29" s="261">
        <v>84</v>
      </c>
      <c r="AZ29" s="261">
        <v>78</v>
      </c>
      <c r="BA29" s="261">
        <v>35</v>
      </c>
      <c r="BB29" s="261">
        <v>9</v>
      </c>
      <c r="BC29" s="261">
        <v>1</v>
      </c>
      <c r="BD29" s="262">
        <v>207</v>
      </c>
      <c r="BE29" s="263">
        <v>207</v>
      </c>
      <c r="BF29" s="257">
        <v>0</v>
      </c>
      <c r="BG29" s="261">
        <v>0</v>
      </c>
      <c r="BH29" s="258">
        <v>0</v>
      </c>
      <c r="BI29" s="260">
        <v>0</v>
      </c>
      <c r="BJ29" s="261">
        <v>14</v>
      </c>
      <c r="BK29" s="261">
        <v>8</v>
      </c>
      <c r="BL29" s="261">
        <v>15</v>
      </c>
      <c r="BM29" s="261">
        <v>0</v>
      </c>
      <c r="BN29" s="261">
        <v>0</v>
      </c>
      <c r="BO29" s="258">
        <v>37</v>
      </c>
      <c r="BP29" s="263">
        <v>37</v>
      </c>
      <c r="BQ29" s="257">
        <v>0</v>
      </c>
      <c r="BR29" s="261">
        <v>0</v>
      </c>
      <c r="BS29" s="258">
        <v>0</v>
      </c>
      <c r="BT29" s="260">
        <v>0</v>
      </c>
      <c r="BU29" s="261">
        <v>0</v>
      </c>
      <c r="BV29" s="261">
        <v>1</v>
      </c>
      <c r="BW29" s="261">
        <v>2</v>
      </c>
      <c r="BX29" s="261">
        <v>0</v>
      </c>
      <c r="BY29" s="261">
        <v>0</v>
      </c>
      <c r="BZ29" s="258">
        <v>3</v>
      </c>
      <c r="CA29" s="263">
        <v>3</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0</v>
      </c>
      <c r="H30" s="261">
        <v>0</v>
      </c>
      <c r="I30" s="261">
        <v>21</v>
      </c>
      <c r="J30" s="261">
        <v>0</v>
      </c>
      <c r="K30" s="261">
        <v>0</v>
      </c>
      <c r="L30" s="262">
        <v>21</v>
      </c>
      <c r="M30" s="263">
        <v>21</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6</v>
      </c>
      <c r="AE30" s="261">
        <v>9</v>
      </c>
      <c r="AF30" s="261">
        <v>-11</v>
      </c>
      <c r="AG30" s="261">
        <v>0</v>
      </c>
      <c r="AH30" s="258">
        <v>14</v>
      </c>
      <c r="AI30" s="263">
        <v>14</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7</v>
      </c>
      <c r="AZ30" s="261">
        <v>29</v>
      </c>
      <c r="BA30" s="261">
        <v>0</v>
      </c>
      <c r="BB30" s="261">
        <v>0</v>
      </c>
      <c r="BC30" s="261">
        <v>0</v>
      </c>
      <c r="BD30" s="262">
        <v>36</v>
      </c>
      <c r="BE30" s="263">
        <v>36</v>
      </c>
      <c r="BF30" s="257">
        <v>0</v>
      </c>
      <c r="BG30" s="261">
        <v>0</v>
      </c>
      <c r="BH30" s="258">
        <v>0</v>
      </c>
      <c r="BI30" s="260">
        <v>0</v>
      </c>
      <c r="BJ30" s="261">
        <v>0</v>
      </c>
      <c r="BK30" s="261">
        <v>0</v>
      </c>
      <c r="BL30" s="261">
        <v>8</v>
      </c>
      <c r="BM30" s="261">
        <v>0</v>
      </c>
      <c r="BN30" s="261">
        <v>0</v>
      </c>
      <c r="BO30" s="258">
        <v>8</v>
      </c>
      <c r="BP30" s="263">
        <v>8</v>
      </c>
      <c r="BQ30" s="257">
        <v>0</v>
      </c>
      <c r="BR30" s="261">
        <v>0</v>
      </c>
      <c r="BS30" s="258">
        <v>0</v>
      </c>
      <c r="BT30" s="260">
        <v>0</v>
      </c>
      <c r="BU30" s="261">
        <v>0</v>
      </c>
      <c r="BV30" s="261">
        <v>3</v>
      </c>
      <c r="BW30" s="261">
        <v>0</v>
      </c>
      <c r="BX30" s="261">
        <v>0</v>
      </c>
      <c r="BY30" s="261">
        <v>0</v>
      </c>
      <c r="BZ30" s="258">
        <v>3</v>
      </c>
      <c r="CA30" s="263">
        <v>3</v>
      </c>
      <c r="CB30" s="257">
        <v>0</v>
      </c>
      <c r="CC30" s="261">
        <v>0</v>
      </c>
      <c r="CD30" s="258">
        <v>0</v>
      </c>
      <c r="CE30" s="260">
        <v>0</v>
      </c>
      <c r="CF30" s="261">
        <v>0</v>
      </c>
      <c r="CG30" s="261">
        <v>0</v>
      </c>
      <c r="CH30" s="261">
        <v>8</v>
      </c>
      <c r="CI30" s="261">
        <v>0</v>
      </c>
      <c r="CJ30" s="261">
        <v>0</v>
      </c>
      <c r="CK30" s="258">
        <v>8</v>
      </c>
      <c r="CL30" s="263">
        <v>8</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0</v>
      </c>
      <c r="H31" s="261">
        <v>43</v>
      </c>
      <c r="I31" s="261">
        <v>0</v>
      </c>
      <c r="J31" s="261">
        <v>50</v>
      </c>
      <c r="K31" s="261">
        <v>0</v>
      </c>
      <c r="L31" s="262">
        <v>93</v>
      </c>
      <c r="M31" s="263">
        <v>93</v>
      </c>
      <c r="N31" s="257">
        <v>0</v>
      </c>
      <c r="O31" s="261">
        <v>0</v>
      </c>
      <c r="P31" s="258">
        <v>0</v>
      </c>
      <c r="Q31" s="260">
        <v>0</v>
      </c>
      <c r="R31" s="261">
        <v>0</v>
      </c>
      <c r="S31" s="261">
        <v>0</v>
      </c>
      <c r="T31" s="261">
        <v>0</v>
      </c>
      <c r="U31" s="261">
        <v>0</v>
      </c>
      <c r="V31" s="261">
        <v>3</v>
      </c>
      <c r="W31" s="258">
        <v>3</v>
      </c>
      <c r="X31" s="263">
        <v>3</v>
      </c>
      <c r="Y31" s="257">
        <v>0</v>
      </c>
      <c r="Z31" s="261">
        <v>2</v>
      </c>
      <c r="AA31" s="258">
        <v>2</v>
      </c>
      <c r="AB31" s="260">
        <v>0</v>
      </c>
      <c r="AC31" s="261">
        <v>4</v>
      </c>
      <c r="AD31" s="261">
        <v>8</v>
      </c>
      <c r="AE31" s="261">
        <v>0</v>
      </c>
      <c r="AF31" s="261">
        <v>1</v>
      </c>
      <c r="AG31" s="261">
        <v>0</v>
      </c>
      <c r="AH31" s="258">
        <v>13</v>
      </c>
      <c r="AI31" s="263">
        <v>15</v>
      </c>
      <c r="AJ31" s="257">
        <v>0</v>
      </c>
      <c r="AK31" s="261">
        <v>0</v>
      </c>
      <c r="AL31" s="258">
        <v>0</v>
      </c>
      <c r="AM31" s="260">
        <v>0</v>
      </c>
      <c r="AN31" s="261">
        <v>0</v>
      </c>
      <c r="AO31" s="261">
        <v>12</v>
      </c>
      <c r="AP31" s="261">
        <v>0</v>
      </c>
      <c r="AQ31" s="261">
        <v>0</v>
      </c>
      <c r="AR31" s="261">
        <v>0</v>
      </c>
      <c r="AS31" s="258">
        <v>12</v>
      </c>
      <c r="AT31" s="263">
        <v>12</v>
      </c>
      <c r="AU31" s="257">
        <v>0</v>
      </c>
      <c r="AV31" s="261">
        <v>0</v>
      </c>
      <c r="AW31" s="258">
        <v>0</v>
      </c>
      <c r="AX31" s="260">
        <v>0</v>
      </c>
      <c r="AY31" s="261">
        <v>9</v>
      </c>
      <c r="AZ31" s="261">
        <v>28</v>
      </c>
      <c r="BA31" s="261">
        <v>12</v>
      </c>
      <c r="BB31" s="261">
        <v>0</v>
      </c>
      <c r="BC31" s="261">
        <v>0</v>
      </c>
      <c r="BD31" s="262">
        <v>49</v>
      </c>
      <c r="BE31" s="263">
        <v>49</v>
      </c>
      <c r="BF31" s="257">
        <v>0</v>
      </c>
      <c r="BG31" s="261">
        <v>0</v>
      </c>
      <c r="BH31" s="258">
        <v>0</v>
      </c>
      <c r="BI31" s="260">
        <v>0</v>
      </c>
      <c r="BJ31" s="261">
        <v>0</v>
      </c>
      <c r="BK31" s="261">
        <v>0</v>
      </c>
      <c r="BL31" s="261">
        <v>0</v>
      </c>
      <c r="BM31" s="261">
        <v>0</v>
      </c>
      <c r="BN31" s="261">
        <v>0</v>
      </c>
      <c r="BO31" s="258">
        <v>0</v>
      </c>
      <c r="BP31" s="263">
        <v>0</v>
      </c>
      <c r="BQ31" s="257">
        <v>0</v>
      </c>
      <c r="BR31" s="261">
        <v>0</v>
      </c>
      <c r="BS31" s="258">
        <v>0</v>
      </c>
      <c r="BT31" s="260">
        <v>0</v>
      </c>
      <c r="BU31" s="261">
        <v>0</v>
      </c>
      <c r="BV31" s="261">
        <v>0</v>
      </c>
      <c r="BW31" s="261">
        <v>24</v>
      </c>
      <c r="BX31" s="261">
        <v>0</v>
      </c>
      <c r="BY31" s="261">
        <v>8</v>
      </c>
      <c r="BZ31" s="258">
        <v>32</v>
      </c>
      <c r="CA31" s="263">
        <v>32</v>
      </c>
      <c r="CB31" s="257">
        <v>0</v>
      </c>
      <c r="CC31" s="261">
        <v>0</v>
      </c>
      <c r="CD31" s="258">
        <v>0</v>
      </c>
      <c r="CE31" s="260">
        <v>0</v>
      </c>
      <c r="CF31" s="261">
        <v>0</v>
      </c>
      <c r="CG31" s="261">
        <v>0</v>
      </c>
      <c r="CH31" s="261">
        <v>0</v>
      </c>
      <c r="CI31" s="261">
        <v>0</v>
      </c>
      <c r="CJ31" s="261">
        <v>4</v>
      </c>
      <c r="CK31" s="258">
        <v>4</v>
      </c>
      <c r="CL31" s="263">
        <v>4</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41</v>
      </c>
      <c r="H32" s="261">
        <v>24</v>
      </c>
      <c r="I32" s="261">
        <v>1</v>
      </c>
      <c r="J32" s="261">
        <v>13</v>
      </c>
      <c r="K32" s="261">
        <v>0</v>
      </c>
      <c r="L32" s="262">
        <v>79</v>
      </c>
      <c r="M32" s="263">
        <v>79</v>
      </c>
      <c r="N32" s="257">
        <v>0</v>
      </c>
      <c r="O32" s="261">
        <v>0</v>
      </c>
      <c r="P32" s="258">
        <v>0</v>
      </c>
      <c r="Q32" s="260">
        <v>0</v>
      </c>
      <c r="R32" s="261">
        <v>0</v>
      </c>
      <c r="S32" s="261">
        <v>0</v>
      </c>
      <c r="T32" s="261">
        <v>0</v>
      </c>
      <c r="U32" s="261">
        <v>0</v>
      </c>
      <c r="V32" s="261">
        <v>0</v>
      </c>
      <c r="W32" s="258">
        <v>0</v>
      </c>
      <c r="X32" s="263">
        <v>0</v>
      </c>
      <c r="Y32" s="257">
        <v>2</v>
      </c>
      <c r="Z32" s="261">
        <v>8</v>
      </c>
      <c r="AA32" s="258">
        <v>10</v>
      </c>
      <c r="AB32" s="260">
        <v>0</v>
      </c>
      <c r="AC32" s="261">
        <v>6</v>
      </c>
      <c r="AD32" s="261">
        <v>0</v>
      </c>
      <c r="AE32" s="261">
        <v>0</v>
      </c>
      <c r="AF32" s="261">
        <v>4</v>
      </c>
      <c r="AG32" s="261">
        <v>0</v>
      </c>
      <c r="AH32" s="258">
        <v>10</v>
      </c>
      <c r="AI32" s="263">
        <v>20</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5</v>
      </c>
      <c r="AZ32" s="261">
        <v>0</v>
      </c>
      <c r="BA32" s="261">
        <v>0</v>
      </c>
      <c r="BB32" s="261">
        <v>14</v>
      </c>
      <c r="BC32" s="261">
        <v>0</v>
      </c>
      <c r="BD32" s="262">
        <v>19</v>
      </c>
      <c r="BE32" s="263">
        <v>19</v>
      </c>
      <c r="BF32" s="257">
        <v>0</v>
      </c>
      <c r="BG32" s="261">
        <v>0</v>
      </c>
      <c r="BH32" s="258">
        <v>0</v>
      </c>
      <c r="BI32" s="260">
        <v>0</v>
      </c>
      <c r="BJ32" s="261">
        <v>0</v>
      </c>
      <c r="BK32" s="261">
        <v>0</v>
      </c>
      <c r="BL32" s="261">
        <v>0</v>
      </c>
      <c r="BM32" s="261">
        <v>0</v>
      </c>
      <c r="BN32" s="261">
        <v>0</v>
      </c>
      <c r="BO32" s="258">
        <v>0</v>
      </c>
      <c r="BP32" s="263">
        <v>0</v>
      </c>
      <c r="BQ32" s="257">
        <v>0</v>
      </c>
      <c r="BR32" s="261">
        <v>0</v>
      </c>
      <c r="BS32" s="258">
        <v>0</v>
      </c>
      <c r="BT32" s="260">
        <v>0</v>
      </c>
      <c r="BU32" s="261">
        <v>0</v>
      </c>
      <c r="BV32" s="261">
        <v>0</v>
      </c>
      <c r="BW32" s="261">
        <v>3</v>
      </c>
      <c r="BX32" s="261">
        <v>8</v>
      </c>
      <c r="BY32" s="261">
        <v>0</v>
      </c>
      <c r="BZ32" s="258">
        <v>11</v>
      </c>
      <c r="CA32" s="263">
        <v>11</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0</v>
      </c>
      <c r="H33" s="261">
        <v>0</v>
      </c>
      <c r="I33" s="261">
        <v>65</v>
      </c>
      <c r="J33" s="261">
        <v>0</v>
      </c>
      <c r="K33" s="261">
        <v>0</v>
      </c>
      <c r="L33" s="262">
        <v>65</v>
      </c>
      <c r="M33" s="263">
        <v>65</v>
      </c>
      <c r="N33" s="257">
        <v>0</v>
      </c>
      <c r="O33" s="261">
        <v>0</v>
      </c>
      <c r="P33" s="258">
        <v>0</v>
      </c>
      <c r="Q33" s="260">
        <v>0</v>
      </c>
      <c r="R33" s="261">
        <v>0</v>
      </c>
      <c r="S33" s="261">
        <v>4</v>
      </c>
      <c r="T33" s="261">
        <v>9</v>
      </c>
      <c r="U33" s="261">
        <v>0</v>
      </c>
      <c r="V33" s="261">
        <v>0</v>
      </c>
      <c r="W33" s="258">
        <v>13</v>
      </c>
      <c r="X33" s="263">
        <v>13</v>
      </c>
      <c r="Y33" s="257">
        <v>0</v>
      </c>
      <c r="Z33" s="261">
        <v>0</v>
      </c>
      <c r="AA33" s="258">
        <v>0</v>
      </c>
      <c r="AB33" s="260">
        <v>0</v>
      </c>
      <c r="AC33" s="261">
        <v>0</v>
      </c>
      <c r="AD33" s="261">
        <v>0</v>
      </c>
      <c r="AE33" s="261">
        <v>11</v>
      </c>
      <c r="AF33" s="261">
        <v>0</v>
      </c>
      <c r="AG33" s="261">
        <v>0</v>
      </c>
      <c r="AH33" s="258">
        <v>11</v>
      </c>
      <c r="AI33" s="263">
        <v>11</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5</v>
      </c>
      <c r="AZ33" s="261">
        <v>9</v>
      </c>
      <c r="BA33" s="261">
        <v>20</v>
      </c>
      <c r="BB33" s="261">
        <v>0</v>
      </c>
      <c r="BC33" s="261">
        <v>0</v>
      </c>
      <c r="BD33" s="262">
        <v>34</v>
      </c>
      <c r="BE33" s="263">
        <v>34</v>
      </c>
      <c r="BF33" s="257">
        <v>0</v>
      </c>
      <c r="BG33" s="261">
        <v>0</v>
      </c>
      <c r="BH33" s="258">
        <v>0</v>
      </c>
      <c r="BI33" s="260">
        <v>0</v>
      </c>
      <c r="BJ33" s="261">
        <v>6</v>
      </c>
      <c r="BK33" s="261">
        <v>5</v>
      </c>
      <c r="BL33" s="261">
        <v>11</v>
      </c>
      <c r="BM33" s="261">
        <v>0</v>
      </c>
      <c r="BN33" s="261">
        <v>0</v>
      </c>
      <c r="BO33" s="258">
        <v>22</v>
      </c>
      <c r="BP33" s="263">
        <v>22</v>
      </c>
      <c r="BQ33" s="257">
        <v>0</v>
      </c>
      <c r="BR33" s="261">
        <v>0</v>
      </c>
      <c r="BS33" s="258">
        <v>0</v>
      </c>
      <c r="BT33" s="260">
        <v>0</v>
      </c>
      <c r="BU33" s="261">
        <v>0</v>
      </c>
      <c r="BV33" s="261">
        <v>0</v>
      </c>
      <c r="BW33" s="261">
        <v>1</v>
      </c>
      <c r="BX33" s="261">
        <v>0</v>
      </c>
      <c r="BY33" s="261">
        <v>0</v>
      </c>
      <c r="BZ33" s="258">
        <v>1</v>
      </c>
      <c r="CA33" s="263">
        <v>1</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38</v>
      </c>
      <c r="H34" s="261">
        <v>29</v>
      </c>
      <c r="I34" s="261">
        <v>0</v>
      </c>
      <c r="J34" s="261">
        <v>0</v>
      </c>
      <c r="K34" s="261">
        <v>85</v>
      </c>
      <c r="L34" s="262">
        <v>152</v>
      </c>
      <c r="M34" s="263">
        <v>152</v>
      </c>
      <c r="N34" s="257">
        <v>0</v>
      </c>
      <c r="O34" s="261">
        <v>0</v>
      </c>
      <c r="P34" s="258">
        <v>0</v>
      </c>
      <c r="Q34" s="260">
        <v>0</v>
      </c>
      <c r="R34" s="261">
        <v>0</v>
      </c>
      <c r="S34" s="261">
        <v>0</v>
      </c>
      <c r="T34" s="261">
        <v>0</v>
      </c>
      <c r="U34" s="261">
        <v>0</v>
      </c>
      <c r="V34" s="261">
        <v>4</v>
      </c>
      <c r="W34" s="258">
        <v>4</v>
      </c>
      <c r="X34" s="263">
        <v>4</v>
      </c>
      <c r="Y34" s="257">
        <v>0</v>
      </c>
      <c r="Z34" s="261">
        <v>0</v>
      </c>
      <c r="AA34" s="258">
        <v>0</v>
      </c>
      <c r="AB34" s="260">
        <v>0</v>
      </c>
      <c r="AC34" s="261">
        <v>17</v>
      </c>
      <c r="AD34" s="261">
        <v>30</v>
      </c>
      <c r="AE34" s="261">
        <v>0</v>
      </c>
      <c r="AF34" s="261">
        <v>0</v>
      </c>
      <c r="AG34" s="261">
        <v>0</v>
      </c>
      <c r="AH34" s="258">
        <v>47</v>
      </c>
      <c r="AI34" s="263">
        <v>47</v>
      </c>
      <c r="AJ34" s="257">
        <v>0</v>
      </c>
      <c r="AK34" s="261">
        <v>0</v>
      </c>
      <c r="AL34" s="258">
        <v>0</v>
      </c>
      <c r="AM34" s="260">
        <v>0</v>
      </c>
      <c r="AN34" s="261">
        <v>0</v>
      </c>
      <c r="AO34" s="261">
        <v>12</v>
      </c>
      <c r="AP34" s="261">
        <v>0</v>
      </c>
      <c r="AQ34" s="261">
        <v>0</v>
      </c>
      <c r="AR34" s="261">
        <v>0</v>
      </c>
      <c r="AS34" s="258">
        <v>12</v>
      </c>
      <c r="AT34" s="263">
        <v>12</v>
      </c>
      <c r="AU34" s="257">
        <v>0</v>
      </c>
      <c r="AV34" s="261">
        <v>0</v>
      </c>
      <c r="AW34" s="258">
        <v>0</v>
      </c>
      <c r="AX34" s="260">
        <v>0</v>
      </c>
      <c r="AY34" s="261">
        <v>12</v>
      </c>
      <c r="AZ34" s="261">
        <v>32</v>
      </c>
      <c r="BA34" s="261">
        <v>7</v>
      </c>
      <c r="BB34" s="261">
        <v>0</v>
      </c>
      <c r="BC34" s="261">
        <v>0</v>
      </c>
      <c r="BD34" s="262">
        <v>51</v>
      </c>
      <c r="BE34" s="263">
        <v>51</v>
      </c>
      <c r="BF34" s="257">
        <v>0</v>
      </c>
      <c r="BG34" s="261">
        <v>0</v>
      </c>
      <c r="BH34" s="258">
        <v>0</v>
      </c>
      <c r="BI34" s="260">
        <v>0</v>
      </c>
      <c r="BJ34" s="261">
        <v>0</v>
      </c>
      <c r="BK34" s="261">
        <v>19</v>
      </c>
      <c r="BL34" s="261">
        <v>0</v>
      </c>
      <c r="BM34" s="261">
        <v>0</v>
      </c>
      <c r="BN34" s="261">
        <v>0</v>
      </c>
      <c r="BO34" s="258">
        <v>19</v>
      </c>
      <c r="BP34" s="263">
        <v>19</v>
      </c>
      <c r="BQ34" s="257">
        <v>0</v>
      </c>
      <c r="BR34" s="261">
        <v>0</v>
      </c>
      <c r="BS34" s="258">
        <v>0</v>
      </c>
      <c r="BT34" s="260">
        <v>0</v>
      </c>
      <c r="BU34" s="261">
        <v>2</v>
      </c>
      <c r="BV34" s="261">
        <v>0</v>
      </c>
      <c r="BW34" s="261">
        <v>0</v>
      </c>
      <c r="BX34" s="261">
        <v>0</v>
      </c>
      <c r="BY34" s="261">
        <v>0</v>
      </c>
      <c r="BZ34" s="258">
        <v>2</v>
      </c>
      <c r="CA34" s="263">
        <v>2</v>
      </c>
      <c r="CB34" s="257">
        <v>0</v>
      </c>
      <c r="CC34" s="261">
        <v>0</v>
      </c>
      <c r="CD34" s="258">
        <v>0</v>
      </c>
      <c r="CE34" s="260">
        <v>0</v>
      </c>
      <c r="CF34" s="261">
        <v>0</v>
      </c>
      <c r="CG34" s="261">
        <v>0</v>
      </c>
      <c r="CH34" s="261">
        <v>8</v>
      </c>
      <c r="CI34" s="261">
        <v>0</v>
      </c>
      <c r="CJ34" s="261">
        <v>0</v>
      </c>
      <c r="CK34" s="258">
        <v>8</v>
      </c>
      <c r="CL34" s="263">
        <v>8</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7</v>
      </c>
      <c r="H35" s="261">
        <v>0</v>
      </c>
      <c r="I35" s="261">
        <v>5</v>
      </c>
      <c r="J35" s="261">
        <v>0</v>
      </c>
      <c r="K35" s="261">
        <v>0</v>
      </c>
      <c r="L35" s="262">
        <v>12</v>
      </c>
      <c r="M35" s="263">
        <v>12</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4</v>
      </c>
      <c r="AD35" s="261">
        <v>0</v>
      </c>
      <c r="AE35" s="261">
        <v>3</v>
      </c>
      <c r="AF35" s="261">
        <v>0</v>
      </c>
      <c r="AG35" s="261">
        <v>0</v>
      </c>
      <c r="AH35" s="258">
        <v>7</v>
      </c>
      <c r="AI35" s="263">
        <v>7</v>
      </c>
      <c r="AJ35" s="257">
        <v>33</v>
      </c>
      <c r="AK35" s="261">
        <v>15</v>
      </c>
      <c r="AL35" s="258">
        <v>48</v>
      </c>
      <c r="AM35" s="260">
        <v>0</v>
      </c>
      <c r="AN35" s="261">
        <v>0</v>
      </c>
      <c r="AO35" s="261">
        <v>0</v>
      </c>
      <c r="AP35" s="261">
        <v>12</v>
      </c>
      <c r="AQ35" s="261">
        <v>0</v>
      </c>
      <c r="AR35" s="261">
        <v>0</v>
      </c>
      <c r="AS35" s="258">
        <v>12</v>
      </c>
      <c r="AT35" s="263">
        <v>60</v>
      </c>
      <c r="AU35" s="257">
        <v>0</v>
      </c>
      <c r="AV35" s="261">
        <v>0</v>
      </c>
      <c r="AW35" s="258">
        <v>0</v>
      </c>
      <c r="AX35" s="260">
        <v>0</v>
      </c>
      <c r="AY35" s="261">
        <v>0</v>
      </c>
      <c r="AZ35" s="261">
        <v>4</v>
      </c>
      <c r="BA35" s="261">
        <v>0</v>
      </c>
      <c r="BB35" s="261">
        <v>0</v>
      </c>
      <c r="BC35" s="261">
        <v>0</v>
      </c>
      <c r="BD35" s="262">
        <v>4</v>
      </c>
      <c r="BE35" s="263">
        <v>4</v>
      </c>
      <c r="BF35" s="257">
        <v>0</v>
      </c>
      <c r="BG35" s="261">
        <v>0</v>
      </c>
      <c r="BH35" s="258">
        <v>0</v>
      </c>
      <c r="BI35" s="260">
        <v>0</v>
      </c>
      <c r="BJ35" s="261">
        <v>2</v>
      </c>
      <c r="BK35" s="261">
        <v>0</v>
      </c>
      <c r="BL35" s="261">
        <v>0</v>
      </c>
      <c r="BM35" s="261">
        <v>0</v>
      </c>
      <c r="BN35" s="261">
        <v>0</v>
      </c>
      <c r="BO35" s="258">
        <v>2</v>
      </c>
      <c r="BP35" s="263">
        <v>2</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9</v>
      </c>
      <c r="AD36" s="261">
        <v>16</v>
      </c>
      <c r="AE36" s="261">
        <v>0</v>
      </c>
      <c r="AF36" s="261">
        <v>16</v>
      </c>
      <c r="AG36" s="261">
        <v>0</v>
      </c>
      <c r="AH36" s="258">
        <v>41</v>
      </c>
      <c r="AI36" s="263">
        <v>41</v>
      </c>
      <c r="AJ36" s="257">
        <v>0</v>
      </c>
      <c r="AK36" s="261">
        <v>0</v>
      </c>
      <c r="AL36" s="258">
        <v>0</v>
      </c>
      <c r="AM36" s="260">
        <v>0</v>
      </c>
      <c r="AN36" s="261">
        <v>0</v>
      </c>
      <c r="AO36" s="261">
        <v>12</v>
      </c>
      <c r="AP36" s="261">
        <v>0</v>
      </c>
      <c r="AQ36" s="261">
        <v>0</v>
      </c>
      <c r="AR36" s="261">
        <v>0</v>
      </c>
      <c r="AS36" s="258">
        <v>12</v>
      </c>
      <c r="AT36" s="263">
        <v>12</v>
      </c>
      <c r="AU36" s="257">
        <v>0</v>
      </c>
      <c r="AV36" s="261">
        <v>0</v>
      </c>
      <c r="AW36" s="258">
        <v>0</v>
      </c>
      <c r="AX36" s="260">
        <v>0</v>
      </c>
      <c r="AY36" s="261">
        <v>0</v>
      </c>
      <c r="AZ36" s="261">
        <v>4</v>
      </c>
      <c r="BA36" s="261">
        <v>0</v>
      </c>
      <c r="BB36" s="261">
        <v>3</v>
      </c>
      <c r="BC36" s="261">
        <v>0</v>
      </c>
      <c r="BD36" s="262">
        <v>7</v>
      </c>
      <c r="BE36" s="263">
        <v>7</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56</v>
      </c>
      <c r="H37" s="261">
        <v>0</v>
      </c>
      <c r="I37" s="261">
        <v>22</v>
      </c>
      <c r="J37" s="261">
        <v>72</v>
      </c>
      <c r="K37" s="261">
        <v>81</v>
      </c>
      <c r="L37" s="262">
        <v>231</v>
      </c>
      <c r="M37" s="263">
        <v>231</v>
      </c>
      <c r="N37" s="257">
        <v>0</v>
      </c>
      <c r="O37" s="261">
        <v>0</v>
      </c>
      <c r="P37" s="258">
        <v>0</v>
      </c>
      <c r="Q37" s="260">
        <v>0</v>
      </c>
      <c r="R37" s="261">
        <v>0</v>
      </c>
      <c r="S37" s="261">
        <v>0</v>
      </c>
      <c r="T37" s="261">
        <v>0</v>
      </c>
      <c r="U37" s="261">
        <v>9</v>
      </c>
      <c r="V37" s="261">
        <v>9</v>
      </c>
      <c r="W37" s="258">
        <v>18</v>
      </c>
      <c r="X37" s="263">
        <v>18</v>
      </c>
      <c r="Y37" s="257">
        <v>0</v>
      </c>
      <c r="Z37" s="261">
        <v>0</v>
      </c>
      <c r="AA37" s="258">
        <v>0</v>
      </c>
      <c r="AB37" s="260">
        <v>0</v>
      </c>
      <c r="AC37" s="261">
        <v>4</v>
      </c>
      <c r="AD37" s="261">
        <v>0</v>
      </c>
      <c r="AE37" s="261">
        <v>0</v>
      </c>
      <c r="AF37" s="261">
        <v>0</v>
      </c>
      <c r="AG37" s="261">
        <v>0</v>
      </c>
      <c r="AH37" s="258">
        <v>4</v>
      </c>
      <c r="AI37" s="263">
        <v>4</v>
      </c>
      <c r="AJ37" s="257">
        <v>10</v>
      </c>
      <c r="AK37" s="261">
        <v>8</v>
      </c>
      <c r="AL37" s="258">
        <v>18</v>
      </c>
      <c r="AM37" s="260">
        <v>0</v>
      </c>
      <c r="AN37" s="261">
        <v>12</v>
      </c>
      <c r="AO37" s="261">
        <v>0</v>
      </c>
      <c r="AP37" s="261">
        <v>0</v>
      </c>
      <c r="AQ37" s="261">
        <v>0</v>
      </c>
      <c r="AR37" s="261">
        <v>0</v>
      </c>
      <c r="AS37" s="258">
        <v>12</v>
      </c>
      <c r="AT37" s="263">
        <v>30</v>
      </c>
      <c r="AU37" s="257">
        <v>0</v>
      </c>
      <c r="AV37" s="261">
        <v>0</v>
      </c>
      <c r="AW37" s="258">
        <v>0</v>
      </c>
      <c r="AX37" s="260">
        <v>0</v>
      </c>
      <c r="AY37" s="261">
        <v>75</v>
      </c>
      <c r="AZ37" s="261">
        <v>14</v>
      </c>
      <c r="BA37" s="261">
        <v>27</v>
      </c>
      <c r="BB37" s="261">
        <v>0</v>
      </c>
      <c r="BC37" s="261">
        <v>0</v>
      </c>
      <c r="BD37" s="262">
        <v>116</v>
      </c>
      <c r="BE37" s="263">
        <v>116</v>
      </c>
      <c r="BF37" s="257">
        <v>0</v>
      </c>
      <c r="BG37" s="261">
        <v>0</v>
      </c>
      <c r="BH37" s="258">
        <v>0</v>
      </c>
      <c r="BI37" s="260">
        <v>0</v>
      </c>
      <c r="BJ37" s="261">
        <v>0</v>
      </c>
      <c r="BK37" s="261">
        <v>0</v>
      </c>
      <c r="BL37" s="261">
        <v>4</v>
      </c>
      <c r="BM37" s="261">
        <v>11</v>
      </c>
      <c r="BN37" s="261">
        <v>0</v>
      </c>
      <c r="BO37" s="258">
        <v>15</v>
      </c>
      <c r="BP37" s="263">
        <v>15</v>
      </c>
      <c r="BQ37" s="257">
        <v>0</v>
      </c>
      <c r="BR37" s="261">
        <v>0</v>
      </c>
      <c r="BS37" s="258">
        <v>0</v>
      </c>
      <c r="BT37" s="260">
        <v>0</v>
      </c>
      <c r="BU37" s="261">
        <v>7</v>
      </c>
      <c r="BV37" s="261">
        <v>0</v>
      </c>
      <c r="BW37" s="261">
        <v>0</v>
      </c>
      <c r="BX37" s="261">
        <v>0</v>
      </c>
      <c r="BY37" s="261">
        <v>0</v>
      </c>
      <c r="BZ37" s="258">
        <v>7</v>
      </c>
      <c r="CA37" s="263">
        <v>7</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0</v>
      </c>
      <c r="H38" s="261">
        <v>0</v>
      </c>
      <c r="I38" s="261">
        <v>8</v>
      </c>
      <c r="J38" s="261">
        <v>106</v>
      </c>
      <c r="K38" s="261">
        <v>129</v>
      </c>
      <c r="L38" s="262">
        <v>243</v>
      </c>
      <c r="M38" s="263">
        <v>243</v>
      </c>
      <c r="N38" s="257">
        <v>0</v>
      </c>
      <c r="O38" s="261">
        <v>0</v>
      </c>
      <c r="P38" s="258">
        <v>0</v>
      </c>
      <c r="Q38" s="260">
        <v>0</v>
      </c>
      <c r="R38" s="261">
        <v>0</v>
      </c>
      <c r="S38" s="261">
        <v>0</v>
      </c>
      <c r="T38" s="261">
        <v>0</v>
      </c>
      <c r="U38" s="261">
        <v>2</v>
      </c>
      <c r="V38" s="261">
        <v>0</v>
      </c>
      <c r="W38" s="258">
        <v>2</v>
      </c>
      <c r="X38" s="263">
        <v>2</v>
      </c>
      <c r="Y38" s="257">
        <v>10</v>
      </c>
      <c r="Z38" s="261">
        <v>0</v>
      </c>
      <c r="AA38" s="258">
        <v>10</v>
      </c>
      <c r="AB38" s="260">
        <v>0</v>
      </c>
      <c r="AC38" s="261">
        <v>9</v>
      </c>
      <c r="AD38" s="261">
        <v>0</v>
      </c>
      <c r="AE38" s="261">
        <v>9</v>
      </c>
      <c r="AF38" s="261">
        <v>18</v>
      </c>
      <c r="AG38" s="261">
        <v>4</v>
      </c>
      <c r="AH38" s="258">
        <v>40</v>
      </c>
      <c r="AI38" s="263">
        <v>50</v>
      </c>
      <c r="AJ38" s="257">
        <v>0</v>
      </c>
      <c r="AK38" s="261">
        <v>14</v>
      </c>
      <c r="AL38" s="258">
        <v>14</v>
      </c>
      <c r="AM38" s="260">
        <v>0</v>
      </c>
      <c r="AN38" s="261">
        <v>0</v>
      </c>
      <c r="AO38" s="261">
        <v>14</v>
      </c>
      <c r="AP38" s="261">
        <v>0</v>
      </c>
      <c r="AQ38" s="261">
        <v>0</v>
      </c>
      <c r="AR38" s="261">
        <v>0</v>
      </c>
      <c r="AS38" s="258">
        <v>14</v>
      </c>
      <c r="AT38" s="263">
        <v>28</v>
      </c>
      <c r="AU38" s="257">
        <v>0</v>
      </c>
      <c r="AV38" s="261">
        <v>0</v>
      </c>
      <c r="AW38" s="258">
        <v>0</v>
      </c>
      <c r="AX38" s="260">
        <v>0</v>
      </c>
      <c r="AY38" s="261">
        <v>0</v>
      </c>
      <c r="AZ38" s="261">
        <v>12</v>
      </c>
      <c r="BA38" s="261">
        <v>0</v>
      </c>
      <c r="BB38" s="261">
        <v>0</v>
      </c>
      <c r="BC38" s="261">
        <v>0</v>
      </c>
      <c r="BD38" s="262">
        <v>12</v>
      </c>
      <c r="BE38" s="263">
        <v>12</v>
      </c>
      <c r="BF38" s="257">
        <v>0</v>
      </c>
      <c r="BG38" s="261">
        <v>0</v>
      </c>
      <c r="BH38" s="258">
        <v>0</v>
      </c>
      <c r="BI38" s="260">
        <v>0</v>
      </c>
      <c r="BJ38" s="261">
        <v>0</v>
      </c>
      <c r="BK38" s="261">
        <v>0</v>
      </c>
      <c r="BL38" s="261">
        <v>0</v>
      </c>
      <c r="BM38" s="261">
        <v>6</v>
      </c>
      <c r="BN38" s="261">
        <v>0</v>
      </c>
      <c r="BO38" s="258">
        <v>6</v>
      </c>
      <c r="BP38" s="263">
        <v>6</v>
      </c>
      <c r="BQ38" s="257">
        <v>0</v>
      </c>
      <c r="BR38" s="261">
        <v>0</v>
      </c>
      <c r="BS38" s="258">
        <v>0</v>
      </c>
      <c r="BT38" s="260">
        <v>0</v>
      </c>
      <c r="BU38" s="261">
        <v>0</v>
      </c>
      <c r="BV38" s="261">
        <v>2</v>
      </c>
      <c r="BW38" s="261">
        <v>0</v>
      </c>
      <c r="BX38" s="261">
        <v>0</v>
      </c>
      <c r="BY38" s="261">
        <v>0</v>
      </c>
      <c r="BZ38" s="258">
        <v>2</v>
      </c>
      <c r="CA38" s="263">
        <v>2</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9</v>
      </c>
      <c r="BA39" s="268">
        <v>0</v>
      </c>
      <c r="BB39" s="268">
        <v>0</v>
      </c>
      <c r="BC39" s="268">
        <v>0</v>
      </c>
      <c r="BD39" s="269">
        <v>9</v>
      </c>
      <c r="BE39" s="270">
        <v>9</v>
      </c>
      <c r="BF39" s="264">
        <v>0</v>
      </c>
      <c r="BG39" s="268">
        <v>0</v>
      </c>
      <c r="BH39" s="265">
        <v>0</v>
      </c>
      <c r="BI39" s="267">
        <v>0</v>
      </c>
      <c r="BJ39" s="268">
        <v>4</v>
      </c>
      <c r="BK39" s="268">
        <v>0</v>
      </c>
      <c r="BL39" s="268">
        <v>0</v>
      </c>
      <c r="BM39" s="268">
        <v>0</v>
      </c>
      <c r="BN39" s="268">
        <v>0</v>
      </c>
      <c r="BO39" s="265">
        <v>4</v>
      </c>
      <c r="BP39" s="270">
        <v>4</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7.55468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3</v>
      </c>
      <c r="J1" s="500">
        <f>第１表!F2</f>
        <v>5</v>
      </c>
      <c r="K1" s="500"/>
      <c r="L1" s="235">
        <f>第１表!G2</f>
        <v>11</v>
      </c>
      <c r="M1" s="505">
        <f>IF(L1&lt;3,L1+12-2,L1-2)</f>
        <v>9</v>
      </c>
      <c r="N1" s="505"/>
    </row>
    <row r="2" spans="2:112" ht="24" customHeight="1" thickBot="1" x14ac:dyDescent="0.25">
      <c r="B2" s="271" t="s">
        <v>153</v>
      </c>
    </row>
    <row r="3" spans="2:112" ht="21" customHeight="1" thickBot="1" x14ac:dyDescent="0.25">
      <c r="B3" s="525"/>
      <c r="C3" s="528" t="s">
        <v>112</v>
      </c>
      <c r="D3" s="528"/>
      <c r="E3" s="528"/>
      <c r="F3" s="528"/>
      <c r="G3" s="528"/>
      <c r="H3" s="528"/>
      <c r="I3" s="528"/>
      <c r="J3" s="528"/>
      <c r="K3" s="528"/>
      <c r="L3" s="528"/>
      <c r="M3" s="529"/>
      <c r="N3" s="523" t="s">
        <v>111</v>
      </c>
      <c r="O3" s="523"/>
      <c r="P3" s="523"/>
      <c r="Q3" s="523"/>
      <c r="R3" s="523"/>
      <c r="S3" s="523"/>
      <c r="T3" s="523"/>
      <c r="U3" s="523"/>
      <c r="V3" s="523"/>
      <c r="W3" s="523"/>
      <c r="X3" s="524"/>
      <c r="Y3" s="522" t="s">
        <v>110</v>
      </c>
      <c r="Z3" s="523"/>
      <c r="AA3" s="523"/>
      <c r="AB3" s="523"/>
      <c r="AC3" s="523"/>
      <c r="AD3" s="523"/>
      <c r="AE3" s="523"/>
      <c r="AF3" s="523"/>
      <c r="AG3" s="523"/>
      <c r="AH3" s="523"/>
      <c r="AI3" s="524"/>
      <c r="AJ3" s="522" t="s">
        <v>109</v>
      </c>
      <c r="AK3" s="523"/>
      <c r="AL3" s="523"/>
      <c r="AM3" s="523"/>
      <c r="AN3" s="523"/>
      <c r="AO3" s="523"/>
      <c r="AP3" s="523"/>
      <c r="AQ3" s="523"/>
      <c r="AR3" s="523"/>
      <c r="AS3" s="523"/>
      <c r="AT3" s="524"/>
      <c r="AU3" s="522" t="s">
        <v>108</v>
      </c>
      <c r="AV3" s="523"/>
      <c r="AW3" s="523"/>
      <c r="AX3" s="523"/>
      <c r="AY3" s="523"/>
      <c r="AZ3" s="523"/>
      <c r="BA3" s="523"/>
      <c r="BB3" s="523"/>
      <c r="BC3" s="523"/>
      <c r="BD3" s="523"/>
      <c r="BE3" s="524"/>
      <c r="BF3" s="522" t="s">
        <v>107</v>
      </c>
      <c r="BG3" s="523"/>
      <c r="BH3" s="523"/>
      <c r="BI3" s="523"/>
      <c r="BJ3" s="523"/>
      <c r="BK3" s="523"/>
      <c r="BL3" s="523"/>
      <c r="BM3" s="523"/>
      <c r="BN3" s="523"/>
      <c r="BO3" s="523"/>
      <c r="BP3" s="524"/>
      <c r="BQ3" s="522" t="s">
        <v>106</v>
      </c>
      <c r="BR3" s="523"/>
      <c r="BS3" s="523"/>
      <c r="BT3" s="523"/>
      <c r="BU3" s="523"/>
      <c r="BV3" s="523"/>
      <c r="BW3" s="523"/>
      <c r="BX3" s="523"/>
      <c r="BY3" s="523"/>
      <c r="BZ3" s="523"/>
      <c r="CA3" s="524"/>
      <c r="CB3" s="522" t="s">
        <v>127</v>
      </c>
      <c r="CC3" s="523"/>
      <c r="CD3" s="523"/>
      <c r="CE3" s="523"/>
      <c r="CF3" s="523"/>
      <c r="CG3" s="523"/>
      <c r="CH3" s="523"/>
      <c r="CI3" s="523"/>
      <c r="CJ3" s="523"/>
      <c r="CK3" s="523"/>
      <c r="CL3" s="524"/>
      <c r="CM3" s="522" t="s">
        <v>160</v>
      </c>
      <c r="CN3" s="523"/>
      <c r="CO3" s="523"/>
      <c r="CP3" s="523"/>
      <c r="CQ3" s="523"/>
      <c r="CR3" s="523"/>
      <c r="CS3" s="523"/>
      <c r="CT3" s="523"/>
      <c r="CU3" s="523"/>
      <c r="CV3" s="523"/>
      <c r="CW3" s="524"/>
      <c r="CX3" s="522" t="s">
        <v>156</v>
      </c>
      <c r="CY3" s="523"/>
      <c r="CZ3" s="523"/>
      <c r="DA3" s="523"/>
      <c r="DB3" s="523"/>
      <c r="DC3" s="523"/>
      <c r="DD3" s="523"/>
      <c r="DE3" s="523"/>
      <c r="DF3" s="523"/>
      <c r="DG3" s="523"/>
      <c r="DH3" s="524"/>
    </row>
    <row r="4" spans="2:112" ht="21" customHeight="1" x14ac:dyDescent="0.2">
      <c r="B4" s="526"/>
      <c r="C4" s="530" t="s">
        <v>61</v>
      </c>
      <c r="D4" s="509"/>
      <c r="E4" s="510"/>
      <c r="F4" s="511" t="s">
        <v>62</v>
      </c>
      <c r="G4" s="509"/>
      <c r="H4" s="509"/>
      <c r="I4" s="509"/>
      <c r="J4" s="509"/>
      <c r="K4" s="509"/>
      <c r="L4" s="512"/>
      <c r="M4" s="506" t="s">
        <v>52</v>
      </c>
      <c r="N4" s="530" t="s">
        <v>61</v>
      </c>
      <c r="O4" s="509"/>
      <c r="P4" s="510"/>
      <c r="Q4" s="511" t="s">
        <v>62</v>
      </c>
      <c r="R4" s="509"/>
      <c r="S4" s="509"/>
      <c r="T4" s="509"/>
      <c r="U4" s="509"/>
      <c r="V4" s="509"/>
      <c r="W4" s="510"/>
      <c r="X4" s="506" t="s">
        <v>52</v>
      </c>
      <c r="Y4" s="508" t="s">
        <v>61</v>
      </c>
      <c r="Z4" s="509"/>
      <c r="AA4" s="512"/>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2"/>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row>
    <row r="5" spans="2:112" ht="30" customHeight="1" thickBot="1" x14ac:dyDescent="0.25">
      <c r="B5" s="527"/>
      <c r="C5" s="245" t="s">
        <v>43</v>
      </c>
      <c r="D5" s="246" t="s">
        <v>44</v>
      </c>
      <c r="E5" s="247" t="s">
        <v>45</v>
      </c>
      <c r="F5" s="248" t="s">
        <v>83</v>
      </c>
      <c r="G5" s="243" t="s">
        <v>47</v>
      </c>
      <c r="H5" s="243" t="s">
        <v>48</v>
      </c>
      <c r="I5" s="243" t="s">
        <v>49</v>
      </c>
      <c r="J5" s="243" t="s">
        <v>50</v>
      </c>
      <c r="K5" s="243" t="s">
        <v>51</v>
      </c>
      <c r="L5" s="249" t="s">
        <v>45</v>
      </c>
      <c r="M5" s="507"/>
      <c r="N5" s="245" t="s">
        <v>43</v>
      </c>
      <c r="O5" s="243" t="s">
        <v>44</v>
      </c>
      <c r="P5" s="246" t="s">
        <v>45</v>
      </c>
      <c r="Q5" s="248" t="s">
        <v>83</v>
      </c>
      <c r="R5" s="243" t="s">
        <v>47</v>
      </c>
      <c r="S5" s="243" t="s">
        <v>48</v>
      </c>
      <c r="T5" s="243" t="s">
        <v>49</v>
      </c>
      <c r="U5" s="243" t="s">
        <v>50</v>
      </c>
      <c r="V5" s="243" t="s">
        <v>51</v>
      </c>
      <c r="W5" s="246" t="s">
        <v>45</v>
      </c>
      <c r="X5" s="507"/>
      <c r="Y5" s="327" t="s">
        <v>43</v>
      </c>
      <c r="Z5" s="243" t="s">
        <v>44</v>
      </c>
      <c r="AA5" s="249" t="s">
        <v>45</v>
      </c>
      <c r="AB5" s="248" t="s">
        <v>83</v>
      </c>
      <c r="AC5" s="243" t="s">
        <v>47</v>
      </c>
      <c r="AD5" s="243" t="s">
        <v>48</v>
      </c>
      <c r="AE5" s="243" t="s">
        <v>49</v>
      </c>
      <c r="AF5" s="243" t="s">
        <v>50</v>
      </c>
      <c r="AG5" s="243" t="s">
        <v>51</v>
      </c>
      <c r="AH5" s="246" t="s">
        <v>45</v>
      </c>
      <c r="AI5" s="507"/>
      <c r="AJ5" s="327" t="s">
        <v>43</v>
      </c>
      <c r="AK5" s="243" t="s">
        <v>44</v>
      </c>
      <c r="AL5" s="246" t="s">
        <v>45</v>
      </c>
      <c r="AM5" s="248" t="s">
        <v>83</v>
      </c>
      <c r="AN5" s="243" t="s">
        <v>47</v>
      </c>
      <c r="AO5" s="243" t="s">
        <v>48</v>
      </c>
      <c r="AP5" s="243" t="s">
        <v>49</v>
      </c>
      <c r="AQ5" s="243" t="s">
        <v>50</v>
      </c>
      <c r="AR5" s="243" t="s">
        <v>51</v>
      </c>
      <c r="AS5" s="246" t="s">
        <v>45</v>
      </c>
      <c r="AT5" s="507"/>
      <c r="AU5" s="327" t="s">
        <v>43</v>
      </c>
      <c r="AV5" s="243" t="s">
        <v>44</v>
      </c>
      <c r="AW5" s="249" t="s">
        <v>45</v>
      </c>
      <c r="AX5" s="248" t="s">
        <v>83</v>
      </c>
      <c r="AY5" s="243" t="s">
        <v>47</v>
      </c>
      <c r="AZ5" s="243" t="s">
        <v>48</v>
      </c>
      <c r="BA5" s="243" t="s">
        <v>49</v>
      </c>
      <c r="BB5" s="243" t="s">
        <v>50</v>
      </c>
      <c r="BC5" s="243" t="s">
        <v>51</v>
      </c>
      <c r="BD5" s="249" t="s">
        <v>45</v>
      </c>
      <c r="BE5" s="507"/>
      <c r="BF5" s="327" t="s">
        <v>43</v>
      </c>
      <c r="BG5" s="243" t="s">
        <v>44</v>
      </c>
      <c r="BH5" s="246" t="s">
        <v>45</v>
      </c>
      <c r="BI5" s="248" t="s">
        <v>83</v>
      </c>
      <c r="BJ5" s="243" t="s">
        <v>47</v>
      </c>
      <c r="BK5" s="243" t="s">
        <v>48</v>
      </c>
      <c r="BL5" s="243" t="s">
        <v>49</v>
      </c>
      <c r="BM5" s="243" t="s">
        <v>50</v>
      </c>
      <c r="BN5" s="243" t="s">
        <v>51</v>
      </c>
      <c r="BO5" s="246" t="s">
        <v>45</v>
      </c>
      <c r="BP5" s="507"/>
      <c r="BQ5" s="327" t="s">
        <v>43</v>
      </c>
      <c r="BR5" s="243" t="s">
        <v>44</v>
      </c>
      <c r="BS5" s="246" t="s">
        <v>45</v>
      </c>
      <c r="BT5" s="248" t="s">
        <v>83</v>
      </c>
      <c r="BU5" s="243" t="s">
        <v>47</v>
      </c>
      <c r="BV5" s="243" t="s">
        <v>48</v>
      </c>
      <c r="BW5" s="243" t="s">
        <v>49</v>
      </c>
      <c r="BX5" s="243" t="s">
        <v>50</v>
      </c>
      <c r="BY5" s="243" t="s">
        <v>51</v>
      </c>
      <c r="BZ5" s="246" t="s">
        <v>45</v>
      </c>
      <c r="CA5" s="507"/>
      <c r="CB5" s="327" t="s">
        <v>43</v>
      </c>
      <c r="CC5" s="243" t="s">
        <v>44</v>
      </c>
      <c r="CD5" s="246" t="s">
        <v>45</v>
      </c>
      <c r="CE5" s="248" t="s">
        <v>83</v>
      </c>
      <c r="CF5" s="243" t="s">
        <v>47</v>
      </c>
      <c r="CG5" s="243" t="s">
        <v>48</v>
      </c>
      <c r="CH5" s="243" t="s">
        <v>49</v>
      </c>
      <c r="CI5" s="243" t="s">
        <v>50</v>
      </c>
      <c r="CJ5" s="243" t="s">
        <v>51</v>
      </c>
      <c r="CK5" s="246" t="s">
        <v>45</v>
      </c>
      <c r="CL5" s="507"/>
      <c r="CM5" s="339" t="s">
        <v>43</v>
      </c>
      <c r="CN5" s="243" t="s">
        <v>44</v>
      </c>
      <c r="CO5" s="246" t="s">
        <v>45</v>
      </c>
      <c r="CP5" s="248" t="s">
        <v>83</v>
      </c>
      <c r="CQ5" s="243" t="s">
        <v>47</v>
      </c>
      <c r="CR5" s="243" t="s">
        <v>48</v>
      </c>
      <c r="CS5" s="243" t="s">
        <v>49</v>
      </c>
      <c r="CT5" s="243" t="s">
        <v>50</v>
      </c>
      <c r="CU5" s="243" t="s">
        <v>51</v>
      </c>
      <c r="CV5" s="246" t="s">
        <v>45</v>
      </c>
      <c r="CW5" s="507"/>
      <c r="CX5" s="339" t="s">
        <v>43</v>
      </c>
      <c r="CY5" s="243" t="s">
        <v>44</v>
      </c>
      <c r="CZ5" s="246" t="s">
        <v>45</v>
      </c>
      <c r="DA5" s="248" t="s">
        <v>83</v>
      </c>
      <c r="DB5" s="243" t="s">
        <v>47</v>
      </c>
      <c r="DC5" s="243" t="s">
        <v>48</v>
      </c>
      <c r="DD5" s="243" t="s">
        <v>49</v>
      </c>
      <c r="DE5" s="243" t="s">
        <v>50</v>
      </c>
      <c r="DF5" s="243" t="s">
        <v>51</v>
      </c>
      <c r="DG5" s="246" t="s">
        <v>45</v>
      </c>
      <c r="DH5" s="507"/>
    </row>
    <row r="6" spans="2:112" ht="21" customHeight="1" x14ac:dyDescent="0.2">
      <c r="B6" s="470" t="s">
        <v>4</v>
      </c>
      <c r="C6" s="250">
        <v>0</v>
      </c>
      <c r="D6" s="251">
        <v>0</v>
      </c>
      <c r="E6" s="252">
        <v>0</v>
      </c>
      <c r="F6" s="253">
        <v>0</v>
      </c>
      <c r="G6" s="254">
        <v>12637</v>
      </c>
      <c r="H6" s="254">
        <v>17913</v>
      </c>
      <c r="I6" s="254">
        <v>18959</v>
      </c>
      <c r="J6" s="254">
        <v>24892</v>
      </c>
      <c r="K6" s="254">
        <v>22180</v>
      </c>
      <c r="L6" s="255">
        <v>96581</v>
      </c>
      <c r="M6" s="256">
        <v>96581</v>
      </c>
      <c r="N6" s="250">
        <v>0</v>
      </c>
      <c r="O6" s="254">
        <v>13</v>
      </c>
      <c r="P6" s="251">
        <v>13</v>
      </c>
      <c r="Q6" s="253">
        <v>0</v>
      </c>
      <c r="R6" s="254">
        <v>70</v>
      </c>
      <c r="S6" s="254">
        <v>173</v>
      </c>
      <c r="T6" s="254">
        <v>244</v>
      </c>
      <c r="U6" s="254">
        <v>587</v>
      </c>
      <c r="V6" s="254">
        <v>1247</v>
      </c>
      <c r="W6" s="251">
        <v>2321</v>
      </c>
      <c r="X6" s="256">
        <v>2334</v>
      </c>
      <c r="Y6" s="250">
        <v>1373</v>
      </c>
      <c r="Z6" s="254">
        <v>3558</v>
      </c>
      <c r="AA6" s="251">
        <v>4931</v>
      </c>
      <c r="AB6" s="253">
        <v>0</v>
      </c>
      <c r="AC6" s="254">
        <v>8990</v>
      </c>
      <c r="AD6" s="254">
        <v>14045</v>
      </c>
      <c r="AE6" s="254">
        <v>8562</v>
      </c>
      <c r="AF6" s="254">
        <v>7461</v>
      </c>
      <c r="AG6" s="254">
        <v>5382</v>
      </c>
      <c r="AH6" s="251">
        <v>44440</v>
      </c>
      <c r="AI6" s="256">
        <v>49371</v>
      </c>
      <c r="AJ6" s="250">
        <v>193</v>
      </c>
      <c r="AK6" s="254">
        <v>725</v>
      </c>
      <c r="AL6" s="251">
        <v>918</v>
      </c>
      <c r="AM6" s="253">
        <v>0</v>
      </c>
      <c r="AN6" s="254">
        <v>1117</v>
      </c>
      <c r="AO6" s="254">
        <v>2088</v>
      </c>
      <c r="AP6" s="254">
        <v>1121</v>
      </c>
      <c r="AQ6" s="254">
        <v>1080</v>
      </c>
      <c r="AR6" s="254">
        <v>498</v>
      </c>
      <c r="AS6" s="251">
        <v>5904</v>
      </c>
      <c r="AT6" s="256">
        <v>6822</v>
      </c>
      <c r="AU6" s="250">
        <v>0</v>
      </c>
      <c r="AV6" s="254">
        <v>0</v>
      </c>
      <c r="AW6" s="251">
        <v>0</v>
      </c>
      <c r="AX6" s="253">
        <v>0</v>
      </c>
      <c r="AY6" s="254">
        <v>10804</v>
      </c>
      <c r="AZ6" s="254">
        <v>10184</v>
      </c>
      <c r="BA6" s="254">
        <v>5853</v>
      </c>
      <c r="BB6" s="254">
        <v>3030</v>
      </c>
      <c r="BC6" s="254">
        <v>1296</v>
      </c>
      <c r="BD6" s="255">
        <v>31167</v>
      </c>
      <c r="BE6" s="256">
        <v>31167</v>
      </c>
      <c r="BF6" s="250">
        <v>0</v>
      </c>
      <c r="BG6" s="254">
        <v>0</v>
      </c>
      <c r="BH6" s="251">
        <v>0</v>
      </c>
      <c r="BI6" s="253">
        <v>0</v>
      </c>
      <c r="BJ6" s="254">
        <v>2256</v>
      </c>
      <c r="BK6" s="254">
        <v>3258</v>
      </c>
      <c r="BL6" s="254">
        <v>2002</v>
      </c>
      <c r="BM6" s="254">
        <v>1325</v>
      </c>
      <c r="BN6" s="254">
        <v>543</v>
      </c>
      <c r="BO6" s="251">
        <v>9384</v>
      </c>
      <c r="BP6" s="256">
        <v>9384</v>
      </c>
      <c r="BQ6" s="250">
        <v>18</v>
      </c>
      <c r="BR6" s="254">
        <v>88</v>
      </c>
      <c r="BS6" s="251">
        <v>106</v>
      </c>
      <c r="BT6" s="253">
        <v>0</v>
      </c>
      <c r="BU6" s="254">
        <v>992</v>
      </c>
      <c r="BV6" s="254">
        <v>1408</v>
      </c>
      <c r="BW6" s="254">
        <v>2629</v>
      </c>
      <c r="BX6" s="254">
        <v>2324</v>
      </c>
      <c r="BY6" s="254">
        <v>1150</v>
      </c>
      <c r="BZ6" s="251">
        <v>8503</v>
      </c>
      <c r="CA6" s="256">
        <v>8609</v>
      </c>
      <c r="CB6" s="250">
        <v>2</v>
      </c>
      <c r="CC6" s="254">
        <v>11</v>
      </c>
      <c r="CD6" s="251">
        <v>13</v>
      </c>
      <c r="CE6" s="253">
        <v>0</v>
      </c>
      <c r="CF6" s="254">
        <v>211</v>
      </c>
      <c r="CG6" s="254">
        <v>347</v>
      </c>
      <c r="CH6" s="254">
        <v>339</v>
      </c>
      <c r="CI6" s="254">
        <v>322</v>
      </c>
      <c r="CJ6" s="254">
        <v>184</v>
      </c>
      <c r="CK6" s="251">
        <v>1403</v>
      </c>
      <c r="CL6" s="256">
        <v>1416</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58">
        <v>0</v>
      </c>
      <c r="E7" s="259">
        <v>0</v>
      </c>
      <c r="F7" s="260">
        <v>0</v>
      </c>
      <c r="G7" s="261">
        <v>4459</v>
      </c>
      <c r="H7" s="261">
        <v>8998</v>
      </c>
      <c r="I7" s="261">
        <v>7757</v>
      </c>
      <c r="J7" s="261">
        <v>9929</v>
      </c>
      <c r="K7" s="261">
        <v>9182</v>
      </c>
      <c r="L7" s="262">
        <v>40325</v>
      </c>
      <c r="M7" s="263">
        <v>40325</v>
      </c>
      <c r="N7" s="257">
        <v>0</v>
      </c>
      <c r="O7" s="261">
        <v>13</v>
      </c>
      <c r="P7" s="258">
        <v>13</v>
      </c>
      <c r="Q7" s="260">
        <v>0</v>
      </c>
      <c r="R7" s="261">
        <v>23</v>
      </c>
      <c r="S7" s="261">
        <v>50</v>
      </c>
      <c r="T7" s="261">
        <v>107</v>
      </c>
      <c r="U7" s="261">
        <v>225</v>
      </c>
      <c r="V7" s="261">
        <v>601</v>
      </c>
      <c r="W7" s="258">
        <v>1006</v>
      </c>
      <c r="X7" s="263">
        <v>1019</v>
      </c>
      <c r="Y7" s="257">
        <v>672</v>
      </c>
      <c r="Z7" s="261">
        <v>1776</v>
      </c>
      <c r="AA7" s="258">
        <v>2448</v>
      </c>
      <c r="AB7" s="260">
        <v>0</v>
      </c>
      <c r="AC7" s="261">
        <v>3069</v>
      </c>
      <c r="AD7" s="261">
        <v>7767</v>
      </c>
      <c r="AE7" s="261">
        <v>4338</v>
      </c>
      <c r="AF7" s="261">
        <v>3343</v>
      </c>
      <c r="AG7" s="261">
        <v>2521</v>
      </c>
      <c r="AH7" s="258">
        <v>21038</v>
      </c>
      <c r="AI7" s="263">
        <v>23486</v>
      </c>
      <c r="AJ7" s="257">
        <v>78</v>
      </c>
      <c r="AK7" s="261">
        <v>371</v>
      </c>
      <c r="AL7" s="258">
        <v>449</v>
      </c>
      <c r="AM7" s="260">
        <v>0</v>
      </c>
      <c r="AN7" s="261">
        <v>334</v>
      </c>
      <c r="AO7" s="261">
        <v>1064</v>
      </c>
      <c r="AP7" s="261">
        <v>392</v>
      </c>
      <c r="AQ7" s="261">
        <v>513</v>
      </c>
      <c r="AR7" s="261">
        <v>148</v>
      </c>
      <c r="AS7" s="258">
        <v>2451</v>
      </c>
      <c r="AT7" s="263">
        <v>2900</v>
      </c>
      <c r="AU7" s="257">
        <v>0</v>
      </c>
      <c r="AV7" s="261">
        <v>0</v>
      </c>
      <c r="AW7" s="258">
        <v>0</v>
      </c>
      <c r="AX7" s="260">
        <v>0</v>
      </c>
      <c r="AY7" s="261">
        <v>3410</v>
      </c>
      <c r="AZ7" s="261">
        <v>4337</v>
      </c>
      <c r="BA7" s="261">
        <v>2157</v>
      </c>
      <c r="BB7" s="261">
        <v>1134</v>
      </c>
      <c r="BC7" s="261">
        <v>464</v>
      </c>
      <c r="BD7" s="262">
        <v>11502</v>
      </c>
      <c r="BE7" s="263">
        <v>11502</v>
      </c>
      <c r="BF7" s="257">
        <v>0</v>
      </c>
      <c r="BG7" s="261">
        <v>0</v>
      </c>
      <c r="BH7" s="258">
        <v>0</v>
      </c>
      <c r="BI7" s="260">
        <v>0</v>
      </c>
      <c r="BJ7" s="261">
        <v>734</v>
      </c>
      <c r="BK7" s="261">
        <v>1556</v>
      </c>
      <c r="BL7" s="261">
        <v>856</v>
      </c>
      <c r="BM7" s="261">
        <v>571</v>
      </c>
      <c r="BN7" s="261">
        <v>237</v>
      </c>
      <c r="BO7" s="258">
        <v>3954</v>
      </c>
      <c r="BP7" s="263">
        <v>3954</v>
      </c>
      <c r="BQ7" s="257">
        <v>10</v>
      </c>
      <c r="BR7" s="261">
        <v>30</v>
      </c>
      <c r="BS7" s="258">
        <v>40</v>
      </c>
      <c r="BT7" s="260">
        <v>0</v>
      </c>
      <c r="BU7" s="261">
        <v>311</v>
      </c>
      <c r="BV7" s="261">
        <v>711</v>
      </c>
      <c r="BW7" s="261">
        <v>1042</v>
      </c>
      <c r="BX7" s="261">
        <v>713</v>
      </c>
      <c r="BY7" s="261">
        <v>402</v>
      </c>
      <c r="BZ7" s="258">
        <v>3179</v>
      </c>
      <c r="CA7" s="263">
        <v>3219</v>
      </c>
      <c r="CB7" s="257">
        <v>2</v>
      </c>
      <c r="CC7" s="261">
        <v>11</v>
      </c>
      <c r="CD7" s="258">
        <v>13</v>
      </c>
      <c r="CE7" s="260">
        <v>0</v>
      </c>
      <c r="CF7" s="261">
        <v>81</v>
      </c>
      <c r="CG7" s="261">
        <v>249</v>
      </c>
      <c r="CH7" s="261">
        <v>164</v>
      </c>
      <c r="CI7" s="261">
        <v>200</v>
      </c>
      <c r="CJ7" s="261">
        <v>97</v>
      </c>
      <c r="CK7" s="258">
        <v>791</v>
      </c>
      <c r="CL7" s="263">
        <v>804</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58">
        <v>0</v>
      </c>
      <c r="E8" s="259">
        <v>0</v>
      </c>
      <c r="F8" s="260">
        <v>0</v>
      </c>
      <c r="G8" s="261">
        <v>2337</v>
      </c>
      <c r="H8" s="261">
        <v>2421</v>
      </c>
      <c r="I8" s="261">
        <v>2698</v>
      </c>
      <c r="J8" s="261">
        <v>4579</v>
      </c>
      <c r="K8" s="261">
        <v>3681</v>
      </c>
      <c r="L8" s="262">
        <v>15716</v>
      </c>
      <c r="M8" s="263">
        <v>15716</v>
      </c>
      <c r="N8" s="257">
        <v>0</v>
      </c>
      <c r="O8" s="261">
        <v>0</v>
      </c>
      <c r="P8" s="258">
        <v>0</v>
      </c>
      <c r="Q8" s="260">
        <v>0</v>
      </c>
      <c r="R8" s="261">
        <v>17</v>
      </c>
      <c r="S8" s="261">
        <v>46</v>
      </c>
      <c r="T8" s="261">
        <v>80</v>
      </c>
      <c r="U8" s="261">
        <v>83</v>
      </c>
      <c r="V8" s="261">
        <v>165</v>
      </c>
      <c r="W8" s="258">
        <v>391</v>
      </c>
      <c r="X8" s="263">
        <v>391</v>
      </c>
      <c r="Y8" s="257">
        <v>284</v>
      </c>
      <c r="Z8" s="261">
        <v>686</v>
      </c>
      <c r="AA8" s="258">
        <v>970</v>
      </c>
      <c r="AB8" s="260">
        <v>0</v>
      </c>
      <c r="AC8" s="261">
        <v>2496</v>
      </c>
      <c r="AD8" s="261">
        <v>2212</v>
      </c>
      <c r="AE8" s="261">
        <v>1752</v>
      </c>
      <c r="AF8" s="261">
        <v>1310</v>
      </c>
      <c r="AG8" s="261">
        <v>815</v>
      </c>
      <c r="AH8" s="258">
        <v>8585</v>
      </c>
      <c r="AI8" s="263">
        <v>9555</v>
      </c>
      <c r="AJ8" s="257">
        <v>41</v>
      </c>
      <c r="AK8" s="261">
        <v>65</v>
      </c>
      <c r="AL8" s="258">
        <v>106</v>
      </c>
      <c r="AM8" s="260">
        <v>0</v>
      </c>
      <c r="AN8" s="261">
        <v>242</v>
      </c>
      <c r="AO8" s="261">
        <v>230</v>
      </c>
      <c r="AP8" s="261">
        <v>286</v>
      </c>
      <c r="AQ8" s="261">
        <v>181</v>
      </c>
      <c r="AR8" s="261">
        <v>75</v>
      </c>
      <c r="AS8" s="258">
        <v>1014</v>
      </c>
      <c r="AT8" s="263">
        <v>1120</v>
      </c>
      <c r="AU8" s="257">
        <v>0</v>
      </c>
      <c r="AV8" s="261">
        <v>0</v>
      </c>
      <c r="AW8" s="258">
        <v>0</v>
      </c>
      <c r="AX8" s="260">
        <v>0</v>
      </c>
      <c r="AY8" s="261">
        <v>2059</v>
      </c>
      <c r="AZ8" s="261">
        <v>1506</v>
      </c>
      <c r="BA8" s="261">
        <v>888</v>
      </c>
      <c r="BB8" s="261">
        <v>470</v>
      </c>
      <c r="BC8" s="261">
        <v>261</v>
      </c>
      <c r="BD8" s="262">
        <v>5184</v>
      </c>
      <c r="BE8" s="263">
        <v>5184</v>
      </c>
      <c r="BF8" s="257">
        <v>0</v>
      </c>
      <c r="BG8" s="261">
        <v>0</v>
      </c>
      <c r="BH8" s="258">
        <v>0</v>
      </c>
      <c r="BI8" s="260">
        <v>0</v>
      </c>
      <c r="BJ8" s="261">
        <v>455</v>
      </c>
      <c r="BK8" s="261">
        <v>426</v>
      </c>
      <c r="BL8" s="261">
        <v>300</v>
      </c>
      <c r="BM8" s="261">
        <v>208</v>
      </c>
      <c r="BN8" s="261">
        <v>77</v>
      </c>
      <c r="BO8" s="258">
        <v>1466</v>
      </c>
      <c r="BP8" s="263">
        <v>1466</v>
      </c>
      <c r="BQ8" s="257">
        <v>3</v>
      </c>
      <c r="BR8" s="261">
        <v>4</v>
      </c>
      <c r="BS8" s="258">
        <v>7</v>
      </c>
      <c r="BT8" s="260">
        <v>0</v>
      </c>
      <c r="BU8" s="261">
        <v>129</v>
      </c>
      <c r="BV8" s="261">
        <v>177</v>
      </c>
      <c r="BW8" s="261">
        <v>380</v>
      </c>
      <c r="BX8" s="261">
        <v>255</v>
      </c>
      <c r="BY8" s="261">
        <v>120</v>
      </c>
      <c r="BZ8" s="258">
        <v>1061</v>
      </c>
      <c r="CA8" s="263">
        <v>1068</v>
      </c>
      <c r="CB8" s="257">
        <v>0</v>
      </c>
      <c r="CC8" s="261">
        <v>0</v>
      </c>
      <c r="CD8" s="258">
        <v>0</v>
      </c>
      <c r="CE8" s="260">
        <v>0</v>
      </c>
      <c r="CF8" s="261">
        <v>56</v>
      </c>
      <c r="CG8" s="261">
        <v>25</v>
      </c>
      <c r="CH8" s="261">
        <v>55</v>
      </c>
      <c r="CI8" s="261">
        <v>88</v>
      </c>
      <c r="CJ8" s="261">
        <v>60</v>
      </c>
      <c r="CK8" s="258">
        <v>284</v>
      </c>
      <c r="CL8" s="263">
        <v>284</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58">
        <v>0</v>
      </c>
      <c r="E9" s="259">
        <v>0</v>
      </c>
      <c r="F9" s="260">
        <v>0</v>
      </c>
      <c r="G9" s="261">
        <v>572</v>
      </c>
      <c r="H9" s="261">
        <v>1057</v>
      </c>
      <c r="I9" s="261">
        <v>1021</v>
      </c>
      <c r="J9" s="261">
        <v>1461</v>
      </c>
      <c r="K9" s="261">
        <v>1539</v>
      </c>
      <c r="L9" s="262">
        <v>5650</v>
      </c>
      <c r="M9" s="263">
        <v>5650</v>
      </c>
      <c r="N9" s="257">
        <v>0</v>
      </c>
      <c r="O9" s="261">
        <v>0</v>
      </c>
      <c r="P9" s="258">
        <v>0</v>
      </c>
      <c r="Q9" s="260">
        <v>0</v>
      </c>
      <c r="R9" s="261">
        <v>0</v>
      </c>
      <c r="S9" s="261">
        <v>18</v>
      </c>
      <c r="T9" s="261">
        <v>4</v>
      </c>
      <c r="U9" s="261">
        <v>53</v>
      </c>
      <c r="V9" s="261">
        <v>80</v>
      </c>
      <c r="W9" s="258">
        <v>155</v>
      </c>
      <c r="X9" s="263">
        <v>155</v>
      </c>
      <c r="Y9" s="257">
        <v>42</v>
      </c>
      <c r="Z9" s="261">
        <v>157</v>
      </c>
      <c r="AA9" s="258">
        <v>199</v>
      </c>
      <c r="AB9" s="260">
        <v>0</v>
      </c>
      <c r="AC9" s="261">
        <v>319</v>
      </c>
      <c r="AD9" s="261">
        <v>956</v>
      </c>
      <c r="AE9" s="261">
        <v>407</v>
      </c>
      <c r="AF9" s="261">
        <v>461</v>
      </c>
      <c r="AG9" s="261">
        <v>427</v>
      </c>
      <c r="AH9" s="258">
        <v>2570</v>
      </c>
      <c r="AI9" s="263">
        <v>2769</v>
      </c>
      <c r="AJ9" s="257">
        <v>0</v>
      </c>
      <c r="AK9" s="261">
        <v>54</v>
      </c>
      <c r="AL9" s="258">
        <v>54</v>
      </c>
      <c r="AM9" s="260">
        <v>0</v>
      </c>
      <c r="AN9" s="261">
        <v>71</v>
      </c>
      <c r="AO9" s="261">
        <v>52</v>
      </c>
      <c r="AP9" s="261">
        <v>51</v>
      </c>
      <c r="AQ9" s="261">
        <v>0</v>
      </c>
      <c r="AR9" s="261">
        <v>8</v>
      </c>
      <c r="AS9" s="258">
        <v>182</v>
      </c>
      <c r="AT9" s="263">
        <v>236</v>
      </c>
      <c r="AU9" s="257">
        <v>0</v>
      </c>
      <c r="AV9" s="261">
        <v>0</v>
      </c>
      <c r="AW9" s="258">
        <v>0</v>
      </c>
      <c r="AX9" s="260">
        <v>0</v>
      </c>
      <c r="AY9" s="261">
        <v>853</v>
      </c>
      <c r="AZ9" s="261">
        <v>855</v>
      </c>
      <c r="BA9" s="261">
        <v>765</v>
      </c>
      <c r="BB9" s="261">
        <v>104</v>
      </c>
      <c r="BC9" s="261">
        <v>109</v>
      </c>
      <c r="BD9" s="262">
        <v>2686</v>
      </c>
      <c r="BE9" s="263">
        <v>2686</v>
      </c>
      <c r="BF9" s="257">
        <v>0</v>
      </c>
      <c r="BG9" s="261">
        <v>0</v>
      </c>
      <c r="BH9" s="258">
        <v>0</v>
      </c>
      <c r="BI9" s="260">
        <v>0</v>
      </c>
      <c r="BJ9" s="261">
        <v>56</v>
      </c>
      <c r="BK9" s="261">
        <v>177</v>
      </c>
      <c r="BL9" s="261">
        <v>92</v>
      </c>
      <c r="BM9" s="261">
        <v>44</v>
      </c>
      <c r="BN9" s="261">
        <v>7</v>
      </c>
      <c r="BO9" s="258">
        <v>376</v>
      </c>
      <c r="BP9" s="263">
        <v>376</v>
      </c>
      <c r="BQ9" s="257">
        <v>3</v>
      </c>
      <c r="BR9" s="261">
        <v>0</v>
      </c>
      <c r="BS9" s="258">
        <v>3</v>
      </c>
      <c r="BT9" s="260">
        <v>0</v>
      </c>
      <c r="BU9" s="261">
        <v>84</v>
      </c>
      <c r="BV9" s="261">
        <v>194</v>
      </c>
      <c r="BW9" s="261">
        <v>154</v>
      </c>
      <c r="BX9" s="261">
        <v>201</v>
      </c>
      <c r="BY9" s="261">
        <v>71</v>
      </c>
      <c r="BZ9" s="258">
        <v>704</v>
      </c>
      <c r="CA9" s="263">
        <v>707</v>
      </c>
      <c r="CB9" s="257">
        <v>0</v>
      </c>
      <c r="CC9" s="261">
        <v>0</v>
      </c>
      <c r="CD9" s="258">
        <v>0</v>
      </c>
      <c r="CE9" s="260">
        <v>0</v>
      </c>
      <c r="CF9" s="261">
        <v>0</v>
      </c>
      <c r="CG9" s="261">
        <v>9</v>
      </c>
      <c r="CH9" s="261">
        <v>0</v>
      </c>
      <c r="CI9" s="261">
        <v>0</v>
      </c>
      <c r="CJ9" s="261">
        <v>0</v>
      </c>
      <c r="CK9" s="258">
        <v>9</v>
      </c>
      <c r="CL9" s="263">
        <v>9</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58">
        <v>0</v>
      </c>
      <c r="E10" s="259">
        <v>0</v>
      </c>
      <c r="F10" s="260">
        <v>0</v>
      </c>
      <c r="G10" s="261">
        <v>621</v>
      </c>
      <c r="H10" s="261">
        <v>526</v>
      </c>
      <c r="I10" s="261">
        <v>573</v>
      </c>
      <c r="J10" s="261">
        <v>1284</v>
      </c>
      <c r="K10" s="261">
        <v>476</v>
      </c>
      <c r="L10" s="262">
        <v>3480</v>
      </c>
      <c r="M10" s="263">
        <v>3480</v>
      </c>
      <c r="N10" s="257">
        <v>0</v>
      </c>
      <c r="O10" s="261">
        <v>0</v>
      </c>
      <c r="P10" s="258">
        <v>0</v>
      </c>
      <c r="Q10" s="260">
        <v>0</v>
      </c>
      <c r="R10" s="261">
        <v>4</v>
      </c>
      <c r="S10" s="261">
        <v>13</v>
      </c>
      <c r="T10" s="261">
        <v>2</v>
      </c>
      <c r="U10" s="261">
        <v>30</v>
      </c>
      <c r="V10" s="261">
        <v>48</v>
      </c>
      <c r="W10" s="258">
        <v>97</v>
      </c>
      <c r="X10" s="263">
        <v>97</v>
      </c>
      <c r="Y10" s="257">
        <v>0</v>
      </c>
      <c r="Z10" s="261">
        <v>22</v>
      </c>
      <c r="AA10" s="258">
        <v>22</v>
      </c>
      <c r="AB10" s="260">
        <v>0</v>
      </c>
      <c r="AC10" s="261">
        <v>125</v>
      </c>
      <c r="AD10" s="261">
        <v>166</v>
      </c>
      <c r="AE10" s="261">
        <v>125</v>
      </c>
      <c r="AF10" s="261">
        <v>469</v>
      </c>
      <c r="AG10" s="261">
        <v>174</v>
      </c>
      <c r="AH10" s="258">
        <v>1059</v>
      </c>
      <c r="AI10" s="263">
        <v>1081</v>
      </c>
      <c r="AJ10" s="257">
        <v>8</v>
      </c>
      <c r="AK10" s="261">
        <v>0</v>
      </c>
      <c r="AL10" s="258">
        <v>8</v>
      </c>
      <c r="AM10" s="260">
        <v>0</v>
      </c>
      <c r="AN10" s="261">
        <v>30</v>
      </c>
      <c r="AO10" s="261">
        <v>92</v>
      </c>
      <c r="AP10" s="261">
        <v>8</v>
      </c>
      <c r="AQ10" s="261">
        <v>60</v>
      </c>
      <c r="AR10" s="261">
        <v>0</v>
      </c>
      <c r="AS10" s="258">
        <v>190</v>
      </c>
      <c r="AT10" s="263">
        <v>198</v>
      </c>
      <c r="AU10" s="257">
        <v>0</v>
      </c>
      <c r="AV10" s="261">
        <v>0</v>
      </c>
      <c r="AW10" s="258">
        <v>0</v>
      </c>
      <c r="AX10" s="260">
        <v>0</v>
      </c>
      <c r="AY10" s="261">
        <v>469</v>
      </c>
      <c r="AZ10" s="261">
        <v>277</v>
      </c>
      <c r="BA10" s="261">
        <v>149</v>
      </c>
      <c r="BB10" s="261">
        <v>115</v>
      </c>
      <c r="BC10" s="261">
        <v>40</v>
      </c>
      <c r="BD10" s="262">
        <v>1050</v>
      </c>
      <c r="BE10" s="263">
        <v>1050</v>
      </c>
      <c r="BF10" s="257">
        <v>0</v>
      </c>
      <c r="BG10" s="261">
        <v>0</v>
      </c>
      <c r="BH10" s="258">
        <v>0</v>
      </c>
      <c r="BI10" s="260">
        <v>0</v>
      </c>
      <c r="BJ10" s="261">
        <v>95</v>
      </c>
      <c r="BK10" s="261">
        <v>58</v>
      </c>
      <c r="BL10" s="261">
        <v>67</v>
      </c>
      <c r="BM10" s="261">
        <v>52</v>
      </c>
      <c r="BN10" s="261">
        <v>12</v>
      </c>
      <c r="BO10" s="258">
        <v>284</v>
      </c>
      <c r="BP10" s="263">
        <v>284</v>
      </c>
      <c r="BQ10" s="257">
        <v>0</v>
      </c>
      <c r="BR10" s="261">
        <v>0</v>
      </c>
      <c r="BS10" s="258">
        <v>0</v>
      </c>
      <c r="BT10" s="260">
        <v>0</v>
      </c>
      <c r="BU10" s="261">
        <v>79</v>
      </c>
      <c r="BV10" s="261">
        <v>74</v>
      </c>
      <c r="BW10" s="261">
        <v>111</v>
      </c>
      <c r="BX10" s="261">
        <v>88</v>
      </c>
      <c r="BY10" s="261">
        <v>69</v>
      </c>
      <c r="BZ10" s="258">
        <v>421</v>
      </c>
      <c r="CA10" s="263">
        <v>421</v>
      </c>
      <c r="CB10" s="257">
        <v>0</v>
      </c>
      <c r="CC10" s="261">
        <v>0</v>
      </c>
      <c r="CD10" s="258">
        <v>0</v>
      </c>
      <c r="CE10" s="260">
        <v>0</v>
      </c>
      <c r="CF10" s="261">
        <v>0</v>
      </c>
      <c r="CG10" s="261">
        <v>9</v>
      </c>
      <c r="CH10" s="261">
        <v>0</v>
      </c>
      <c r="CI10" s="261">
        <v>0</v>
      </c>
      <c r="CJ10" s="261">
        <v>0</v>
      </c>
      <c r="CK10" s="258">
        <v>9</v>
      </c>
      <c r="CL10" s="263">
        <v>9</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58">
        <v>0</v>
      </c>
      <c r="E11" s="259">
        <v>0</v>
      </c>
      <c r="F11" s="260">
        <v>0</v>
      </c>
      <c r="G11" s="261">
        <v>235</v>
      </c>
      <c r="H11" s="261">
        <v>230</v>
      </c>
      <c r="I11" s="261">
        <v>492</v>
      </c>
      <c r="J11" s="261">
        <v>440</v>
      </c>
      <c r="K11" s="261">
        <v>523</v>
      </c>
      <c r="L11" s="262">
        <v>1920</v>
      </c>
      <c r="M11" s="263">
        <v>1920</v>
      </c>
      <c r="N11" s="257">
        <v>0</v>
      </c>
      <c r="O11" s="261">
        <v>0</v>
      </c>
      <c r="P11" s="258">
        <v>0</v>
      </c>
      <c r="Q11" s="260">
        <v>0</v>
      </c>
      <c r="R11" s="261">
        <v>0</v>
      </c>
      <c r="S11" s="261">
        <v>2</v>
      </c>
      <c r="T11" s="261">
        <v>6</v>
      </c>
      <c r="U11" s="261">
        <v>6</v>
      </c>
      <c r="V11" s="261">
        <v>12</v>
      </c>
      <c r="W11" s="258">
        <v>26</v>
      </c>
      <c r="X11" s="263">
        <v>26</v>
      </c>
      <c r="Y11" s="257">
        <v>24</v>
      </c>
      <c r="Z11" s="261">
        <v>20</v>
      </c>
      <c r="AA11" s="258">
        <v>44</v>
      </c>
      <c r="AB11" s="260">
        <v>0</v>
      </c>
      <c r="AC11" s="261">
        <v>183</v>
      </c>
      <c r="AD11" s="261">
        <v>145</v>
      </c>
      <c r="AE11" s="261">
        <v>135</v>
      </c>
      <c r="AF11" s="261">
        <v>115</v>
      </c>
      <c r="AG11" s="261">
        <v>71</v>
      </c>
      <c r="AH11" s="258">
        <v>649</v>
      </c>
      <c r="AI11" s="263">
        <v>693</v>
      </c>
      <c r="AJ11" s="257">
        <v>0</v>
      </c>
      <c r="AK11" s="261">
        <v>34</v>
      </c>
      <c r="AL11" s="258">
        <v>34</v>
      </c>
      <c r="AM11" s="260">
        <v>0</v>
      </c>
      <c r="AN11" s="261">
        <v>46</v>
      </c>
      <c r="AO11" s="261">
        <v>84</v>
      </c>
      <c r="AP11" s="261">
        <v>59</v>
      </c>
      <c r="AQ11" s="261">
        <v>29</v>
      </c>
      <c r="AR11" s="261">
        <v>33</v>
      </c>
      <c r="AS11" s="258">
        <v>251</v>
      </c>
      <c r="AT11" s="263">
        <v>285</v>
      </c>
      <c r="AU11" s="257">
        <v>0</v>
      </c>
      <c r="AV11" s="261">
        <v>0</v>
      </c>
      <c r="AW11" s="258">
        <v>0</v>
      </c>
      <c r="AX11" s="260">
        <v>0</v>
      </c>
      <c r="AY11" s="261">
        <v>263</v>
      </c>
      <c r="AZ11" s="261">
        <v>228</v>
      </c>
      <c r="BA11" s="261">
        <v>113</v>
      </c>
      <c r="BB11" s="261">
        <v>123</v>
      </c>
      <c r="BC11" s="261">
        <v>38</v>
      </c>
      <c r="BD11" s="262">
        <v>765</v>
      </c>
      <c r="BE11" s="263">
        <v>765</v>
      </c>
      <c r="BF11" s="257">
        <v>0</v>
      </c>
      <c r="BG11" s="261">
        <v>0</v>
      </c>
      <c r="BH11" s="258">
        <v>0</v>
      </c>
      <c r="BI11" s="260">
        <v>0</v>
      </c>
      <c r="BJ11" s="261">
        <v>93</v>
      </c>
      <c r="BK11" s="261">
        <v>33</v>
      </c>
      <c r="BL11" s="261">
        <v>94</v>
      </c>
      <c r="BM11" s="261">
        <v>54</v>
      </c>
      <c r="BN11" s="261">
        <v>18</v>
      </c>
      <c r="BO11" s="258">
        <v>292</v>
      </c>
      <c r="BP11" s="263">
        <v>292</v>
      </c>
      <c r="BQ11" s="257">
        <v>0</v>
      </c>
      <c r="BR11" s="261">
        <v>10</v>
      </c>
      <c r="BS11" s="258">
        <v>10</v>
      </c>
      <c r="BT11" s="260">
        <v>0</v>
      </c>
      <c r="BU11" s="261">
        <v>13</v>
      </c>
      <c r="BV11" s="261">
        <v>54</v>
      </c>
      <c r="BW11" s="261">
        <v>67</v>
      </c>
      <c r="BX11" s="261">
        <v>181</v>
      </c>
      <c r="BY11" s="261">
        <v>2</v>
      </c>
      <c r="BZ11" s="258">
        <v>317</v>
      </c>
      <c r="CA11" s="263">
        <v>327</v>
      </c>
      <c r="CB11" s="257">
        <v>0</v>
      </c>
      <c r="CC11" s="261">
        <v>0</v>
      </c>
      <c r="CD11" s="258">
        <v>0</v>
      </c>
      <c r="CE11" s="260">
        <v>0</v>
      </c>
      <c r="CF11" s="261">
        <v>12</v>
      </c>
      <c r="CG11" s="261">
        <v>0</v>
      </c>
      <c r="CH11" s="261">
        <v>0</v>
      </c>
      <c r="CI11" s="261">
        <v>3</v>
      </c>
      <c r="CJ11" s="261">
        <v>0</v>
      </c>
      <c r="CK11" s="258">
        <v>15</v>
      </c>
      <c r="CL11" s="263">
        <v>15</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58">
        <v>0</v>
      </c>
      <c r="E12" s="259">
        <v>0</v>
      </c>
      <c r="F12" s="260">
        <v>0</v>
      </c>
      <c r="G12" s="261">
        <v>644</v>
      </c>
      <c r="H12" s="261">
        <v>719</v>
      </c>
      <c r="I12" s="261">
        <v>887</v>
      </c>
      <c r="J12" s="261">
        <v>1519</v>
      </c>
      <c r="K12" s="261">
        <v>1205</v>
      </c>
      <c r="L12" s="262">
        <v>4974</v>
      </c>
      <c r="M12" s="263">
        <v>4974</v>
      </c>
      <c r="N12" s="257">
        <v>0</v>
      </c>
      <c r="O12" s="261">
        <v>0</v>
      </c>
      <c r="P12" s="258">
        <v>0</v>
      </c>
      <c r="Q12" s="260">
        <v>0</v>
      </c>
      <c r="R12" s="261">
        <v>4</v>
      </c>
      <c r="S12" s="261">
        <v>5</v>
      </c>
      <c r="T12" s="261">
        <v>0</v>
      </c>
      <c r="U12" s="261">
        <v>58</v>
      </c>
      <c r="V12" s="261">
        <v>73</v>
      </c>
      <c r="W12" s="258">
        <v>140</v>
      </c>
      <c r="X12" s="263">
        <v>140</v>
      </c>
      <c r="Y12" s="257">
        <v>72</v>
      </c>
      <c r="Z12" s="261">
        <v>113</v>
      </c>
      <c r="AA12" s="258">
        <v>185</v>
      </c>
      <c r="AB12" s="260">
        <v>0</v>
      </c>
      <c r="AC12" s="261">
        <v>420</v>
      </c>
      <c r="AD12" s="261">
        <v>516</v>
      </c>
      <c r="AE12" s="261">
        <v>268</v>
      </c>
      <c r="AF12" s="261">
        <v>265</v>
      </c>
      <c r="AG12" s="261">
        <v>192</v>
      </c>
      <c r="AH12" s="258">
        <v>1661</v>
      </c>
      <c r="AI12" s="263">
        <v>1846</v>
      </c>
      <c r="AJ12" s="257">
        <v>8</v>
      </c>
      <c r="AK12" s="261">
        <v>20</v>
      </c>
      <c r="AL12" s="258">
        <v>28</v>
      </c>
      <c r="AM12" s="260">
        <v>0</v>
      </c>
      <c r="AN12" s="261">
        <v>28</v>
      </c>
      <c r="AO12" s="261">
        <v>108</v>
      </c>
      <c r="AP12" s="261">
        <v>73</v>
      </c>
      <c r="AQ12" s="261">
        <v>83</v>
      </c>
      <c r="AR12" s="261">
        <v>42</v>
      </c>
      <c r="AS12" s="258">
        <v>334</v>
      </c>
      <c r="AT12" s="263">
        <v>362</v>
      </c>
      <c r="AU12" s="257">
        <v>0</v>
      </c>
      <c r="AV12" s="261">
        <v>0</v>
      </c>
      <c r="AW12" s="258">
        <v>0</v>
      </c>
      <c r="AX12" s="260">
        <v>0</v>
      </c>
      <c r="AY12" s="261">
        <v>482</v>
      </c>
      <c r="AZ12" s="261">
        <v>265</v>
      </c>
      <c r="BA12" s="261">
        <v>167</v>
      </c>
      <c r="BB12" s="261">
        <v>158</v>
      </c>
      <c r="BC12" s="261">
        <v>26</v>
      </c>
      <c r="BD12" s="262">
        <v>1098</v>
      </c>
      <c r="BE12" s="263">
        <v>1098</v>
      </c>
      <c r="BF12" s="257">
        <v>0</v>
      </c>
      <c r="BG12" s="261">
        <v>0</v>
      </c>
      <c r="BH12" s="258">
        <v>0</v>
      </c>
      <c r="BI12" s="260">
        <v>0</v>
      </c>
      <c r="BJ12" s="261">
        <v>79</v>
      </c>
      <c r="BK12" s="261">
        <v>121</v>
      </c>
      <c r="BL12" s="261">
        <v>64</v>
      </c>
      <c r="BM12" s="261">
        <v>77</v>
      </c>
      <c r="BN12" s="261">
        <v>10</v>
      </c>
      <c r="BO12" s="258">
        <v>351</v>
      </c>
      <c r="BP12" s="263">
        <v>351</v>
      </c>
      <c r="BQ12" s="257">
        <v>2</v>
      </c>
      <c r="BR12" s="261">
        <v>6</v>
      </c>
      <c r="BS12" s="258">
        <v>8</v>
      </c>
      <c r="BT12" s="260">
        <v>0</v>
      </c>
      <c r="BU12" s="261">
        <v>27</v>
      </c>
      <c r="BV12" s="261">
        <v>51</v>
      </c>
      <c r="BW12" s="261">
        <v>71</v>
      </c>
      <c r="BX12" s="261">
        <v>201</v>
      </c>
      <c r="BY12" s="261">
        <v>76</v>
      </c>
      <c r="BZ12" s="258">
        <v>426</v>
      </c>
      <c r="CA12" s="263">
        <v>434</v>
      </c>
      <c r="CB12" s="257">
        <v>0</v>
      </c>
      <c r="CC12" s="261">
        <v>0</v>
      </c>
      <c r="CD12" s="258">
        <v>0</v>
      </c>
      <c r="CE12" s="260">
        <v>0</v>
      </c>
      <c r="CF12" s="261">
        <v>6</v>
      </c>
      <c r="CG12" s="261">
        <v>4</v>
      </c>
      <c r="CH12" s="261">
        <v>46</v>
      </c>
      <c r="CI12" s="261">
        <v>9</v>
      </c>
      <c r="CJ12" s="261">
        <v>0</v>
      </c>
      <c r="CK12" s="258">
        <v>65</v>
      </c>
      <c r="CL12" s="263">
        <v>65</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58">
        <v>0</v>
      </c>
      <c r="E13" s="259">
        <v>0</v>
      </c>
      <c r="F13" s="260">
        <v>0</v>
      </c>
      <c r="G13" s="261">
        <v>1554</v>
      </c>
      <c r="H13" s="261">
        <v>964</v>
      </c>
      <c r="I13" s="261">
        <v>1953</v>
      </c>
      <c r="J13" s="261">
        <v>1438</v>
      </c>
      <c r="K13" s="261">
        <v>1122</v>
      </c>
      <c r="L13" s="262">
        <v>7031</v>
      </c>
      <c r="M13" s="263">
        <v>7031</v>
      </c>
      <c r="N13" s="257">
        <v>0</v>
      </c>
      <c r="O13" s="261">
        <v>0</v>
      </c>
      <c r="P13" s="258">
        <v>0</v>
      </c>
      <c r="Q13" s="260">
        <v>0</v>
      </c>
      <c r="R13" s="261">
        <v>0</v>
      </c>
      <c r="S13" s="261">
        <v>18</v>
      </c>
      <c r="T13" s="261">
        <v>9</v>
      </c>
      <c r="U13" s="261">
        <v>18</v>
      </c>
      <c r="V13" s="261">
        <v>46</v>
      </c>
      <c r="W13" s="258">
        <v>91</v>
      </c>
      <c r="X13" s="263">
        <v>91</v>
      </c>
      <c r="Y13" s="257">
        <v>67</v>
      </c>
      <c r="Z13" s="261">
        <v>240</v>
      </c>
      <c r="AA13" s="258">
        <v>307</v>
      </c>
      <c r="AB13" s="260">
        <v>0</v>
      </c>
      <c r="AC13" s="261">
        <v>613</v>
      </c>
      <c r="AD13" s="261">
        <v>522</v>
      </c>
      <c r="AE13" s="261">
        <v>180</v>
      </c>
      <c r="AF13" s="261">
        <v>244</v>
      </c>
      <c r="AG13" s="261">
        <v>145</v>
      </c>
      <c r="AH13" s="258">
        <v>1704</v>
      </c>
      <c r="AI13" s="263">
        <v>2011</v>
      </c>
      <c r="AJ13" s="257">
        <v>20</v>
      </c>
      <c r="AK13" s="261">
        <v>48</v>
      </c>
      <c r="AL13" s="258">
        <v>68</v>
      </c>
      <c r="AM13" s="260">
        <v>0</v>
      </c>
      <c r="AN13" s="261">
        <v>86</v>
      </c>
      <c r="AO13" s="261">
        <v>128</v>
      </c>
      <c r="AP13" s="261">
        <v>21</v>
      </c>
      <c r="AQ13" s="261">
        <v>10</v>
      </c>
      <c r="AR13" s="261">
        <v>22</v>
      </c>
      <c r="AS13" s="258">
        <v>267</v>
      </c>
      <c r="AT13" s="263">
        <v>335</v>
      </c>
      <c r="AU13" s="257">
        <v>0</v>
      </c>
      <c r="AV13" s="261">
        <v>0</v>
      </c>
      <c r="AW13" s="258">
        <v>0</v>
      </c>
      <c r="AX13" s="260">
        <v>0</v>
      </c>
      <c r="AY13" s="261">
        <v>1008</v>
      </c>
      <c r="AZ13" s="261">
        <v>625</v>
      </c>
      <c r="BA13" s="261">
        <v>387</v>
      </c>
      <c r="BB13" s="261">
        <v>144</v>
      </c>
      <c r="BC13" s="261">
        <v>30</v>
      </c>
      <c r="BD13" s="262">
        <v>2194</v>
      </c>
      <c r="BE13" s="263">
        <v>2194</v>
      </c>
      <c r="BF13" s="257">
        <v>0</v>
      </c>
      <c r="BG13" s="261">
        <v>0</v>
      </c>
      <c r="BH13" s="258">
        <v>0</v>
      </c>
      <c r="BI13" s="260">
        <v>0</v>
      </c>
      <c r="BJ13" s="261">
        <v>156</v>
      </c>
      <c r="BK13" s="261">
        <v>104</v>
      </c>
      <c r="BL13" s="261">
        <v>27</v>
      </c>
      <c r="BM13" s="261">
        <v>8</v>
      </c>
      <c r="BN13" s="261">
        <v>13</v>
      </c>
      <c r="BO13" s="258">
        <v>308</v>
      </c>
      <c r="BP13" s="263">
        <v>308</v>
      </c>
      <c r="BQ13" s="257">
        <v>0</v>
      </c>
      <c r="BR13" s="261">
        <v>27</v>
      </c>
      <c r="BS13" s="258">
        <v>27</v>
      </c>
      <c r="BT13" s="260">
        <v>0</v>
      </c>
      <c r="BU13" s="261">
        <v>59</v>
      </c>
      <c r="BV13" s="261">
        <v>-226</v>
      </c>
      <c r="BW13" s="261">
        <v>202</v>
      </c>
      <c r="BX13" s="261">
        <v>175</v>
      </c>
      <c r="BY13" s="261">
        <v>10</v>
      </c>
      <c r="BZ13" s="258">
        <v>220</v>
      </c>
      <c r="CA13" s="263">
        <v>247</v>
      </c>
      <c r="CB13" s="257">
        <v>0</v>
      </c>
      <c r="CC13" s="261">
        <v>0</v>
      </c>
      <c r="CD13" s="258">
        <v>0</v>
      </c>
      <c r="CE13" s="260">
        <v>0</v>
      </c>
      <c r="CF13" s="261">
        <v>27</v>
      </c>
      <c r="CG13" s="261">
        <v>8</v>
      </c>
      <c r="CH13" s="261">
        <v>5</v>
      </c>
      <c r="CI13" s="261">
        <v>0</v>
      </c>
      <c r="CJ13" s="261">
        <v>3</v>
      </c>
      <c r="CK13" s="258">
        <v>43</v>
      </c>
      <c r="CL13" s="263">
        <v>43</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58">
        <v>0</v>
      </c>
      <c r="E14" s="259">
        <v>0</v>
      </c>
      <c r="F14" s="260">
        <v>0</v>
      </c>
      <c r="G14" s="261">
        <v>132</v>
      </c>
      <c r="H14" s="261">
        <v>78</v>
      </c>
      <c r="I14" s="261">
        <v>308</v>
      </c>
      <c r="J14" s="261">
        <v>363</v>
      </c>
      <c r="K14" s="261">
        <v>171</v>
      </c>
      <c r="L14" s="262">
        <v>1052</v>
      </c>
      <c r="M14" s="263">
        <v>1052</v>
      </c>
      <c r="N14" s="257">
        <v>0</v>
      </c>
      <c r="O14" s="261">
        <v>0</v>
      </c>
      <c r="P14" s="258">
        <v>0</v>
      </c>
      <c r="Q14" s="260">
        <v>0</v>
      </c>
      <c r="R14" s="261">
        <v>0</v>
      </c>
      <c r="S14" s="261">
        <v>0</v>
      </c>
      <c r="T14" s="261">
        <v>10</v>
      </c>
      <c r="U14" s="261">
        <v>16</v>
      </c>
      <c r="V14" s="261">
        <v>18</v>
      </c>
      <c r="W14" s="258">
        <v>44</v>
      </c>
      <c r="X14" s="263">
        <v>44</v>
      </c>
      <c r="Y14" s="257">
        <v>17</v>
      </c>
      <c r="Z14" s="261">
        <v>8</v>
      </c>
      <c r="AA14" s="258">
        <v>25</v>
      </c>
      <c r="AB14" s="260">
        <v>0</v>
      </c>
      <c r="AC14" s="261">
        <v>329</v>
      </c>
      <c r="AD14" s="261">
        <v>132</v>
      </c>
      <c r="AE14" s="261">
        <v>96</v>
      </c>
      <c r="AF14" s="261">
        <v>194</v>
      </c>
      <c r="AG14" s="261">
        <v>66</v>
      </c>
      <c r="AH14" s="258">
        <v>817</v>
      </c>
      <c r="AI14" s="263">
        <v>842</v>
      </c>
      <c r="AJ14" s="257">
        <v>0</v>
      </c>
      <c r="AK14" s="261">
        <v>12</v>
      </c>
      <c r="AL14" s="258">
        <v>12</v>
      </c>
      <c r="AM14" s="260">
        <v>0</v>
      </c>
      <c r="AN14" s="261">
        <v>40</v>
      </c>
      <c r="AO14" s="261">
        <v>10</v>
      </c>
      <c r="AP14" s="261">
        <v>12</v>
      </c>
      <c r="AQ14" s="261">
        <v>12</v>
      </c>
      <c r="AR14" s="261">
        <v>30</v>
      </c>
      <c r="AS14" s="258">
        <v>104</v>
      </c>
      <c r="AT14" s="263">
        <v>116</v>
      </c>
      <c r="AU14" s="257">
        <v>0</v>
      </c>
      <c r="AV14" s="261">
        <v>0</v>
      </c>
      <c r="AW14" s="258">
        <v>0</v>
      </c>
      <c r="AX14" s="260">
        <v>0</v>
      </c>
      <c r="AY14" s="261">
        <v>147</v>
      </c>
      <c r="AZ14" s="261">
        <v>111</v>
      </c>
      <c r="BA14" s="261">
        <v>67</v>
      </c>
      <c r="BB14" s="261">
        <v>113</v>
      </c>
      <c r="BC14" s="261">
        <v>36</v>
      </c>
      <c r="BD14" s="262">
        <v>474</v>
      </c>
      <c r="BE14" s="263">
        <v>474</v>
      </c>
      <c r="BF14" s="257">
        <v>0</v>
      </c>
      <c r="BG14" s="261">
        <v>0</v>
      </c>
      <c r="BH14" s="258">
        <v>0</v>
      </c>
      <c r="BI14" s="260">
        <v>0</v>
      </c>
      <c r="BJ14" s="261">
        <v>80</v>
      </c>
      <c r="BK14" s="261">
        <v>60</v>
      </c>
      <c r="BL14" s="261">
        <v>98</v>
      </c>
      <c r="BM14" s="261">
        <v>21</v>
      </c>
      <c r="BN14" s="261">
        <v>8</v>
      </c>
      <c r="BO14" s="258">
        <v>267</v>
      </c>
      <c r="BP14" s="263">
        <v>267</v>
      </c>
      <c r="BQ14" s="257">
        <v>0</v>
      </c>
      <c r="BR14" s="261">
        <v>0</v>
      </c>
      <c r="BS14" s="258">
        <v>0</v>
      </c>
      <c r="BT14" s="260">
        <v>0</v>
      </c>
      <c r="BU14" s="261">
        <v>33</v>
      </c>
      <c r="BV14" s="261">
        <v>4</v>
      </c>
      <c r="BW14" s="261">
        <v>17</v>
      </c>
      <c r="BX14" s="261">
        <v>13</v>
      </c>
      <c r="BY14" s="261">
        <v>42</v>
      </c>
      <c r="BZ14" s="258">
        <v>109</v>
      </c>
      <c r="CA14" s="263">
        <v>109</v>
      </c>
      <c r="CB14" s="257">
        <v>0</v>
      </c>
      <c r="CC14" s="261">
        <v>0</v>
      </c>
      <c r="CD14" s="258">
        <v>0</v>
      </c>
      <c r="CE14" s="260">
        <v>0</v>
      </c>
      <c r="CF14" s="261">
        <v>0</v>
      </c>
      <c r="CG14" s="261">
        <v>0</v>
      </c>
      <c r="CH14" s="261">
        <v>49</v>
      </c>
      <c r="CI14" s="261">
        <v>4</v>
      </c>
      <c r="CJ14" s="261">
        <v>11</v>
      </c>
      <c r="CK14" s="258">
        <v>64</v>
      </c>
      <c r="CL14" s="263">
        <v>64</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58">
        <v>0</v>
      </c>
      <c r="E15" s="259">
        <v>0</v>
      </c>
      <c r="F15" s="260">
        <v>0</v>
      </c>
      <c r="G15" s="261">
        <v>479</v>
      </c>
      <c r="H15" s="261">
        <v>575</v>
      </c>
      <c r="I15" s="261">
        <v>647</v>
      </c>
      <c r="J15" s="261">
        <v>575</v>
      </c>
      <c r="K15" s="261">
        <v>957</v>
      </c>
      <c r="L15" s="262">
        <v>3233</v>
      </c>
      <c r="M15" s="263">
        <v>3233</v>
      </c>
      <c r="N15" s="257">
        <v>0</v>
      </c>
      <c r="O15" s="261">
        <v>0</v>
      </c>
      <c r="P15" s="258">
        <v>0</v>
      </c>
      <c r="Q15" s="260">
        <v>0</v>
      </c>
      <c r="R15" s="261">
        <v>0</v>
      </c>
      <c r="S15" s="261">
        <v>14</v>
      </c>
      <c r="T15" s="261">
        <v>7</v>
      </c>
      <c r="U15" s="261">
        <v>7</v>
      </c>
      <c r="V15" s="261">
        <v>27</v>
      </c>
      <c r="W15" s="258">
        <v>55</v>
      </c>
      <c r="X15" s="263">
        <v>55</v>
      </c>
      <c r="Y15" s="257">
        <v>41</v>
      </c>
      <c r="Z15" s="261">
        <v>135</v>
      </c>
      <c r="AA15" s="258">
        <v>176</v>
      </c>
      <c r="AB15" s="260">
        <v>0</v>
      </c>
      <c r="AC15" s="261">
        <v>145</v>
      </c>
      <c r="AD15" s="261">
        <v>220</v>
      </c>
      <c r="AE15" s="261">
        <v>166</v>
      </c>
      <c r="AF15" s="261">
        <v>176</v>
      </c>
      <c r="AG15" s="261">
        <v>126</v>
      </c>
      <c r="AH15" s="258">
        <v>833</v>
      </c>
      <c r="AI15" s="263">
        <v>1009</v>
      </c>
      <c r="AJ15" s="257">
        <v>15</v>
      </c>
      <c r="AK15" s="261">
        <v>8</v>
      </c>
      <c r="AL15" s="258">
        <v>23</v>
      </c>
      <c r="AM15" s="260">
        <v>0</v>
      </c>
      <c r="AN15" s="261">
        <v>19</v>
      </c>
      <c r="AO15" s="261">
        <v>58</v>
      </c>
      <c r="AP15" s="261">
        <v>0</v>
      </c>
      <c r="AQ15" s="261">
        <v>32</v>
      </c>
      <c r="AR15" s="261">
        <v>0</v>
      </c>
      <c r="AS15" s="258">
        <v>109</v>
      </c>
      <c r="AT15" s="263">
        <v>132</v>
      </c>
      <c r="AU15" s="257">
        <v>0</v>
      </c>
      <c r="AV15" s="261">
        <v>0</v>
      </c>
      <c r="AW15" s="258">
        <v>0</v>
      </c>
      <c r="AX15" s="260">
        <v>0</v>
      </c>
      <c r="AY15" s="261">
        <v>422</v>
      </c>
      <c r="AZ15" s="261">
        <v>233</v>
      </c>
      <c r="BA15" s="261">
        <v>106</v>
      </c>
      <c r="BB15" s="261">
        <v>86</v>
      </c>
      <c r="BC15" s="261">
        <v>53</v>
      </c>
      <c r="BD15" s="262">
        <v>900</v>
      </c>
      <c r="BE15" s="263">
        <v>900</v>
      </c>
      <c r="BF15" s="257">
        <v>0</v>
      </c>
      <c r="BG15" s="261">
        <v>0</v>
      </c>
      <c r="BH15" s="258">
        <v>0</v>
      </c>
      <c r="BI15" s="260">
        <v>0</v>
      </c>
      <c r="BJ15" s="261">
        <v>78</v>
      </c>
      <c r="BK15" s="261">
        <v>61</v>
      </c>
      <c r="BL15" s="261">
        <v>64</v>
      </c>
      <c r="BM15" s="261">
        <v>36</v>
      </c>
      <c r="BN15" s="261">
        <v>0</v>
      </c>
      <c r="BO15" s="258">
        <v>239</v>
      </c>
      <c r="BP15" s="263">
        <v>239</v>
      </c>
      <c r="BQ15" s="257">
        <v>0</v>
      </c>
      <c r="BR15" s="261">
        <v>0</v>
      </c>
      <c r="BS15" s="258">
        <v>0</v>
      </c>
      <c r="BT15" s="260">
        <v>0</v>
      </c>
      <c r="BU15" s="261">
        <v>66</v>
      </c>
      <c r="BV15" s="261">
        <v>58</v>
      </c>
      <c r="BW15" s="261">
        <v>93</v>
      </c>
      <c r="BX15" s="261">
        <v>82</v>
      </c>
      <c r="BY15" s="261">
        <v>98</v>
      </c>
      <c r="BZ15" s="258">
        <v>397</v>
      </c>
      <c r="CA15" s="263">
        <v>397</v>
      </c>
      <c r="CB15" s="257">
        <v>0</v>
      </c>
      <c r="CC15" s="261">
        <v>0</v>
      </c>
      <c r="CD15" s="258">
        <v>0</v>
      </c>
      <c r="CE15" s="260">
        <v>0</v>
      </c>
      <c r="CF15" s="261">
        <v>20</v>
      </c>
      <c r="CG15" s="261">
        <v>0</v>
      </c>
      <c r="CH15" s="261">
        <v>0</v>
      </c>
      <c r="CI15" s="261">
        <v>0</v>
      </c>
      <c r="CJ15" s="261">
        <v>0</v>
      </c>
      <c r="CK15" s="258">
        <v>20</v>
      </c>
      <c r="CL15" s="263">
        <v>20</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58">
        <v>0</v>
      </c>
      <c r="E16" s="259">
        <v>0</v>
      </c>
      <c r="F16" s="260">
        <v>0</v>
      </c>
      <c r="G16" s="261">
        <v>221</v>
      </c>
      <c r="H16" s="261">
        <v>396</v>
      </c>
      <c r="I16" s="261">
        <v>375</v>
      </c>
      <c r="J16" s="261">
        <v>346</v>
      </c>
      <c r="K16" s="261">
        <v>896</v>
      </c>
      <c r="L16" s="262">
        <v>2234</v>
      </c>
      <c r="M16" s="263">
        <v>2234</v>
      </c>
      <c r="N16" s="257">
        <v>0</v>
      </c>
      <c r="O16" s="261">
        <v>0</v>
      </c>
      <c r="P16" s="258">
        <v>0</v>
      </c>
      <c r="Q16" s="260">
        <v>0</v>
      </c>
      <c r="R16" s="261">
        <v>0</v>
      </c>
      <c r="S16" s="261">
        <v>0</v>
      </c>
      <c r="T16" s="261">
        <v>1</v>
      </c>
      <c r="U16" s="261">
        <v>10</v>
      </c>
      <c r="V16" s="261">
        <v>4</v>
      </c>
      <c r="W16" s="258">
        <v>15</v>
      </c>
      <c r="X16" s="263">
        <v>15</v>
      </c>
      <c r="Y16" s="257">
        <v>9</v>
      </c>
      <c r="Z16" s="261">
        <v>68</v>
      </c>
      <c r="AA16" s="258">
        <v>77</v>
      </c>
      <c r="AB16" s="260">
        <v>0</v>
      </c>
      <c r="AC16" s="261">
        <v>121</v>
      </c>
      <c r="AD16" s="261">
        <v>131</v>
      </c>
      <c r="AE16" s="261">
        <v>92</v>
      </c>
      <c r="AF16" s="261">
        <v>112</v>
      </c>
      <c r="AG16" s="261">
        <v>101</v>
      </c>
      <c r="AH16" s="258">
        <v>557</v>
      </c>
      <c r="AI16" s="263">
        <v>634</v>
      </c>
      <c r="AJ16" s="257">
        <v>0</v>
      </c>
      <c r="AK16" s="261">
        <v>0</v>
      </c>
      <c r="AL16" s="258">
        <v>0</v>
      </c>
      <c r="AM16" s="260">
        <v>0</v>
      </c>
      <c r="AN16" s="261">
        <v>6</v>
      </c>
      <c r="AO16" s="261">
        <v>39</v>
      </c>
      <c r="AP16" s="261">
        <v>0</v>
      </c>
      <c r="AQ16" s="261">
        <v>22</v>
      </c>
      <c r="AR16" s="261">
        <v>27</v>
      </c>
      <c r="AS16" s="258">
        <v>94</v>
      </c>
      <c r="AT16" s="263">
        <v>94</v>
      </c>
      <c r="AU16" s="257">
        <v>0</v>
      </c>
      <c r="AV16" s="261">
        <v>0</v>
      </c>
      <c r="AW16" s="258">
        <v>0</v>
      </c>
      <c r="AX16" s="260">
        <v>0</v>
      </c>
      <c r="AY16" s="261">
        <v>119</v>
      </c>
      <c r="AZ16" s="261">
        <v>156</v>
      </c>
      <c r="BA16" s="261">
        <v>87</v>
      </c>
      <c r="BB16" s="261">
        <v>11</v>
      </c>
      <c r="BC16" s="261">
        <v>2</v>
      </c>
      <c r="BD16" s="262">
        <v>375</v>
      </c>
      <c r="BE16" s="263">
        <v>375</v>
      </c>
      <c r="BF16" s="257">
        <v>0</v>
      </c>
      <c r="BG16" s="261">
        <v>0</v>
      </c>
      <c r="BH16" s="258">
        <v>0</v>
      </c>
      <c r="BI16" s="260">
        <v>0</v>
      </c>
      <c r="BJ16" s="261">
        <v>20</v>
      </c>
      <c r="BK16" s="261">
        <v>4</v>
      </c>
      <c r="BL16" s="261">
        <v>15</v>
      </c>
      <c r="BM16" s="261">
        <v>23</v>
      </c>
      <c r="BN16" s="261">
        <v>14</v>
      </c>
      <c r="BO16" s="258">
        <v>76</v>
      </c>
      <c r="BP16" s="263">
        <v>76</v>
      </c>
      <c r="BQ16" s="257">
        <v>0</v>
      </c>
      <c r="BR16" s="261">
        <v>0</v>
      </c>
      <c r="BS16" s="258">
        <v>0</v>
      </c>
      <c r="BT16" s="260">
        <v>0</v>
      </c>
      <c r="BU16" s="261">
        <v>2</v>
      </c>
      <c r="BV16" s="261">
        <v>37</v>
      </c>
      <c r="BW16" s="261">
        <v>32</v>
      </c>
      <c r="BX16" s="261">
        <v>17</v>
      </c>
      <c r="BY16" s="261">
        <v>0</v>
      </c>
      <c r="BZ16" s="258">
        <v>88</v>
      </c>
      <c r="CA16" s="263">
        <v>88</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58">
        <v>0</v>
      </c>
      <c r="E17" s="259">
        <v>0</v>
      </c>
      <c r="F17" s="260">
        <v>0</v>
      </c>
      <c r="G17" s="261">
        <v>27</v>
      </c>
      <c r="H17" s="261">
        <v>85</v>
      </c>
      <c r="I17" s="261">
        <v>8</v>
      </c>
      <c r="J17" s="261">
        <v>224</v>
      </c>
      <c r="K17" s="261">
        <v>72</v>
      </c>
      <c r="L17" s="262">
        <v>416</v>
      </c>
      <c r="M17" s="263">
        <v>416</v>
      </c>
      <c r="N17" s="257">
        <v>0</v>
      </c>
      <c r="O17" s="261">
        <v>0</v>
      </c>
      <c r="P17" s="258">
        <v>0</v>
      </c>
      <c r="Q17" s="260">
        <v>0</v>
      </c>
      <c r="R17" s="261">
        <v>0</v>
      </c>
      <c r="S17" s="261">
        <v>0</v>
      </c>
      <c r="T17" s="261">
        <v>0</v>
      </c>
      <c r="U17" s="261">
        <v>4</v>
      </c>
      <c r="V17" s="261">
        <v>9</v>
      </c>
      <c r="W17" s="258">
        <v>13</v>
      </c>
      <c r="X17" s="263">
        <v>13</v>
      </c>
      <c r="Y17" s="257">
        <v>0</v>
      </c>
      <c r="Z17" s="261">
        <v>2</v>
      </c>
      <c r="AA17" s="258">
        <v>2</v>
      </c>
      <c r="AB17" s="260">
        <v>0</v>
      </c>
      <c r="AC17" s="261">
        <v>2</v>
      </c>
      <c r="AD17" s="261">
        <v>10</v>
      </c>
      <c r="AE17" s="261">
        <v>0</v>
      </c>
      <c r="AF17" s="261">
        <v>44</v>
      </c>
      <c r="AG17" s="261">
        <v>39</v>
      </c>
      <c r="AH17" s="258">
        <v>95</v>
      </c>
      <c r="AI17" s="263">
        <v>97</v>
      </c>
      <c r="AJ17" s="257">
        <v>0</v>
      </c>
      <c r="AK17" s="261">
        <v>8</v>
      </c>
      <c r="AL17" s="258">
        <v>8</v>
      </c>
      <c r="AM17" s="260">
        <v>0</v>
      </c>
      <c r="AN17" s="261">
        <v>0</v>
      </c>
      <c r="AO17" s="261">
        <v>0</v>
      </c>
      <c r="AP17" s="261">
        <v>0</v>
      </c>
      <c r="AQ17" s="261">
        <v>0</v>
      </c>
      <c r="AR17" s="261">
        <v>12</v>
      </c>
      <c r="AS17" s="258">
        <v>12</v>
      </c>
      <c r="AT17" s="263">
        <v>20</v>
      </c>
      <c r="AU17" s="257">
        <v>0</v>
      </c>
      <c r="AV17" s="261">
        <v>0</v>
      </c>
      <c r="AW17" s="258">
        <v>0</v>
      </c>
      <c r="AX17" s="260">
        <v>0</v>
      </c>
      <c r="AY17" s="261">
        <v>24</v>
      </c>
      <c r="AZ17" s="261">
        <v>72</v>
      </c>
      <c r="BA17" s="261">
        <v>42</v>
      </c>
      <c r="BB17" s="261">
        <v>8</v>
      </c>
      <c r="BC17" s="261">
        <v>0</v>
      </c>
      <c r="BD17" s="262">
        <v>146</v>
      </c>
      <c r="BE17" s="263">
        <v>146</v>
      </c>
      <c r="BF17" s="257">
        <v>0</v>
      </c>
      <c r="BG17" s="261">
        <v>0</v>
      </c>
      <c r="BH17" s="258">
        <v>0</v>
      </c>
      <c r="BI17" s="260">
        <v>0</v>
      </c>
      <c r="BJ17" s="261">
        <v>0</v>
      </c>
      <c r="BK17" s="261">
        <v>10</v>
      </c>
      <c r="BL17" s="261">
        <v>27</v>
      </c>
      <c r="BM17" s="261">
        <v>18</v>
      </c>
      <c r="BN17" s="261">
        <v>2</v>
      </c>
      <c r="BO17" s="258">
        <v>57</v>
      </c>
      <c r="BP17" s="263">
        <v>57</v>
      </c>
      <c r="BQ17" s="257">
        <v>0</v>
      </c>
      <c r="BR17" s="261">
        <v>0</v>
      </c>
      <c r="BS17" s="258">
        <v>0</v>
      </c>
      <c r="BT17" s="260">
        <v>0</v>
      </c>
      <c r="BU17" s="261">
        <v>0</v>
      </c>
      <c r="BV17" s="261">
        <v>23</v>
      </c>
      <c r="BW17" s="261">
        <v>36</v>
      </c>
      <c r="BX17" s="261">
        <v>3</v>
      </c>
      <c r="BY17" s="261">
        <v>68</v>
      </c>
      <c r="BZ17" s="258">
        <v>130</v>
      </c>
      <c r="CA17" s="263">
        <v>130</v>
      </c>
      <c r="CB17" s="257">
        <v>0</v>
      </c>
      <c r="CC17" s="261">
        <v>0</v>
      </c>
      <c r="CD17" s="258">
        <v>0</v>
      </c>
      <c r="CE17" s="260">
        <v>0</v>
      </c>
      <c r="CF17" s="261">
        <v>0</v>
      </c>
      <c r="CG17" s="261">
        <v>3</v>
      </c>
      <c r="CH17" s="261">
        <v>0</v>
      </c>
      <c r="CI17" s="261">
        <v>0</v>
      </c>
      <c r="CJ17" s="261">
        <v>0</v>
      </c>
      <c r="CK17" s="258">
        <v>3</v>
      </c>
      <c r="CL17" s="263">
        <v>3</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58">
        <v>0</v>
      </c>
      <c r="E18" s="259">
        <v>0</v>
      </c>
      <c r="F18" s="260">
        <v>0</v>
      </c>
      <c r="G18" s="261">
        <v>66</v>
      </c>
      <c r="H18" s="261">
        <v>279</v>
      </c>
      <c r="I18" s="261">
        <v>182</v>
      </c>
      <c r="J18" s="261">
        <v>135</v>
      </c>
      <c r="K18" s="261">
        <v>69</v>
      </c>
      <c r="L18" s="262">
        <v>731</v>
      </c>
      <c r="M18" s="263">
        <v>731</v>
      </c>
      <c r="N18" s="257">
        <v>0</v>
      </c>
      <c r="O18" s="261">
        <v>0</v>
      </c>
      <c r="P18" s="258">
        <v>0</v>
      </c>
      <c r="Q18" s="260">
        <v>0</v>
      </c>
      <c r="R18" s="261">
        <v>0</v>
      </c>
      <c r="S18" s="261">
        <v>0</v>
      </c>
      <c r="T18" s="261">
        <v>4</v>
      </c>
      <c r="U18" s="261">
        <v>4</v>
      </c>
      <c r="V18" s="261">
        <v>12</v>
      </c>
      <c r="W18" s="258">
        <v>20</v>
      </c>
      <c r="X18" s="263">
        <v>20</v>
      </c>
      <c r="Y18" s="257">
        <v>3</v>
      </c>
      <c r="Z18" s="261">
        <v>21</v>
      </c>
      <c r="AA18" s="258">
        <v>24</v>
      </c>
      <c r="AB18" s="260">
        <v>0</v>
      </c>
      <c r="AC18" s="261">
        <v>81</v>
      </c>
      <c r="AD18" s="261">
        <v>112</v>
      </c>
      <c r="AE18" s="261">
        <v>93</v>
      </c>
      <c r="AF18" s="261">
        <v>42</v>
      </c>
      <c r="AG18" s="261">
        <v>51</v>
      </c>
      <c r="AH18" s="258">
        <v>379</v>
      </c>
      <c r="AI18" s="263">
        <v>403</v>
      </c>
      <c r="AJ18" s="257">
        <v>0</v>
      </c>
      <c r="AK18" s="261">
        <v>0</v>
      </c>
      <c r="AL18" s="258">
        <v>0</v>
      </c>
      <c r="AM18" s="260">
        <v>0</v>
      </c>
      <c r="AN18" s="261">
        <v>0</v>
      </c>
      <c r="AO18" s="261">
        <v>9</v>
      </c>
      <c r="AP18" s="261">
        <v>42</v>
      </c>
      <c r="AQ18" s="261">
        <v>0</v>
      </c>
      <c r="AR18" s="261">
        <v>9</v>
      </c>
      <c r="AS18" s="258">
        <v>60</v>
      </c>
      <c r="AT18" s="263">
        <v>60</v>
      </c>
      <c r="AU18" s="257">
        <v>0</v>
      </c>
      <c r="AV18" s="261">
        <v>0</v>
      </c>
      <c r="AW18" s="258">
        <v>0</v>
      </c>
      <c r="AX18" s="260">
        <v>0</v>
      </c>
      <c r="AY18" s="261">
        <v>256</v>
      </c>
      <c r="AZ18" s="261">
        <v>140</v>
      </c>
      <c r="BA18" s="261">
        <v>112</v>
      </c>
      <c r="BB18" s="261">
        <v>45</v>
      </c>
      <c r="BC18" s="261">
        <v>27</v>
      </c>
      <c r="BD18" s="262">
        <v>580</v>
      </c>
      <c r="BE18" s="263">
        <v>580</v>
      </c>
      <c r="BF18" s="257">
        <v>0</v>
      </c>
      <c r="BG18" s="261">
        <v>0</v>
      </c>
      <c r="BH18" s="258">
        <v>0</v>
      </c>
      <c r="BI18" s="260">
        <v>0</v>
      </c>
      <c r="BJ18" s="261">
        <v>53</v>
      </c>
      <c r="BK18" s="261">
        <v>131</v>
      </c>
      <c r="BL18" s="261">
        <v>28</v>
      </c>
      <c r="BM18" s="261">
        <v>29</v>
      </c>
      <c r="BN18" s="261">
        <v>8</v>
      </c>
      <c r="BO18" s="258">
        <v>249</v>
      </c>
      <c r="BP18" s="263">
        <v>249</v>
      </c>
      <c r="BQ18" s="257">
        <v>0</v>
      </c>
      <c r="BR18" s="261">
        <v>2</v>
      </c>
      <c r="BS18" s="258">
        <v>2</v>
      </c>
      <c r="BT18" s="260">
        <v>0</v>
      </c>
      <c r="BU18" s="261">
        <v>21</v>
      </c>
      <c r="BV18" s="261">
        <v>33</v>
      </c>
      <c r="BW18" s="261">
        <v>43</v>
      </c>
      <c r="BX18" s="261">
        <v>16</v>
      </c>
      <c r="BY18" s="261">
        <v>0</v>
      </c>
      <c r="BZ18" s="258">
        <v>113</v>
      </c>
      <c r="CA18" s="263">
        <v>115</v>
      </c>
      <c r="CB18" s="257">
        <v>0</v>
      </c>
      <c r="CC18" s="261">
        <v>0</v>
      </c>
      <c r="CD18" s="258">
        <v>0</v>
      </c>
      <c r="CE18" s="260">
        <v>0</v>
      </c>
      <c r="CF18" s="261">
        <v>0</v>
      </c>
      <c r="CG18" s="261">
        <v>8</v>
      </c>
      <c r="CH18" s="261">
        <v>0</v>
      </c>
      <c r="CI18" s="261">
        <v>0</v>
      </c>
      <c r="CJ18" s="261">
        <v>0</v>
      </c>
      <c r="CK18" s="258">
        <v>8</v>
      </c>
      <c r="CL18" s="263">
        <v>8</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58">
        <v>0</v>
      </c>
      <c r="E19" s="259">
        <v>0</v>
      </c>
      <c r="F19" s="260">
        <v>0</v>
      </c>
      <c r="G19" s="261">
        <v>123</v>
      </c>
      <c r="H19" s="261">
        <v>233</v>
      </c>
      <c r="I19" s="261">
        <v>508</v>
      </c>
      <c r="J19" s="261">
        <v>292</v>
      </c>
      <c r="K19" s="261">
        <v>875</v>
      </c>
      <c r="L19" s="262">
        <v>2031</v>
      </c>
      <c r="M19" s="263">
        <v>2031</v>
      </c>
      <c r="N19" s="257">
        <v>0</v>
      </c>
      <c r="O19" s="261">
        <v>0</v>
      </c>
      <c r="P19" s="258">
        <v>0</v>
      </c>
      <c r="Q19" s="260">
        <v>0</v>
      </c>
      <c r="R19" s="261">
        <v>0</v>
      </c>
      <c r="S19" s="261">
        <v>3</v>
      </c>
      <c r="T19" s="261">
        <v>2</v>
      </c>
      <c r="U19" s="261">
        <v>14</v>
      </c>
      <c r="V19" s="261">
        <v>9</v>
      </c>
      <c r="W19" s="258">
        <v>28</v>
      </c>
      <c r="X19" s="263">
        <v>28</v>
      </c>
      <c r="Y19" s="257">
        <v>42</v>
      </c>
      <c r="Z19" s="261">
        <v>49</v>
      </c>
      <c r="AA19" s="258">
        <v>91</v>
      </c>
      <c r="AB19" s="260">
        <v>0</v>
      </c>
      <c r="AC19" s="261">
        <v>55</v>
      </c>
      <c r="AD19" s="261">
        <v>151</v>
      </c>
      <c r="AE19" s="261">
        <v>154</v>
      </c>
      <c r="AF19" s="261">
        <v>129</v>
      </c>
      <c r="AG19" s="261">
        <v>60</v>
      </c>
      <c r="AH19" s="258">
        <v>549</v>
      </c>
      <c r="AI19" s="263">
        <v>640</v>
      </c>
      <c r="AJ19" s="257">
        <v>0</v>
      </c>
      <c r="AK19" s="261">
        <v>0</v>
      </c>
      <c r="AL19" s="258">
        <v>0</v>
      </c>
      <c r="AM19" s="260">
        <v>0</v>
      </c>
      <c r="AN19" s="261">
        <v>14</v>
      </c>
      <c r="AO19" s="261">
        <v>36</v>
      </c>
      <c r="AP19" s="261">
        <v>57</v>
      </c>
      <c r="AQ19" s="261">
        <v>22</v>
      </c>
      <c r="AR19" s="261">
        <v>22</v>
      </c>
      <c r="AS19" s="258">
        <v>151</v>
      </c>
      <c r="AT19" s="263">
        <v>151</v>
      </c>
      <c r="AU19" s="257">
        <v>0</v>
      </c>
      <c r="AV19" s="261">
        <v>0</v>
      </c>
      <c r="AW19" s="258">
        <v>0</v>
      </c>
      <c r="AX19" s="260">
        <v>0</v>
      </c>
      <c r="AY19" s="261">
        <v>159</v>
      </c>
      <c r="AZ19" s="261">
        <v>232</v>
      </c>
      <c r="BA19" s="261">
        <v>186</v>
      </c>
      <c r="BB19" s="261">
        <v>93</v>
      </c>
      <c r="BC19" s="261">
        <v>21</v>
      </c>
      <c r="BD19" s="262">
        <v>691</v>
      </c>
      <c r="BE19" s="263">
        <v>691</v>
      </c>
      <c r="BF19" s="257">
        <v>0</v>
      </c>
      <c r="BG19" s="261">
        <v>0</v>
      </c>
      <c r="BH19" s="258">
        <v>0</v>
      </c>
      <c r="BI19" s="260">
        <v>0</v>
      </c>
      <c r="BJ19" s="261">
        <v>19</v>
      </c>
      <c r="BK19" s="261">
        <v>76</v>
      </c>
      <c r="BL19" s="261">
        <v>52</v>
      </c>
      <c r="BM19" s="261">
        <v>27</v>
      </c>
      <c r="BN19" s="261">
        <v>21</v>
      </c>
      <c r="BO19" s="258">
        <v>195</v>
      </c>
      <c r="BP19" s="263">
        <v>195</v>
      </c>
      <c r="BQ19" s="257">
        <v>0</v>
      </c>
      <c r="BR19" s="261">
        <v>0</v>
      </c>
      <c r="BS19" s="258">
        <v>0</v>
      </c>
      <c r="BT19" s="260">
        <v>0</v>
      </c>
      <c r="BU19" s="261">
        <v>20</v>
      </c>
      <c r="BV19" s="261">
        <v>54</v>
      </c>
      <c r="BW19" s="261">
        <v>97</v>
      </c>
      <c r="BX19" s="261">
        <v>105</v>
      </c>
      <c r="BY19" s="261">
        <v>23</v>
      </c>
      <c r="BZ19" s="258">
        <v>299</v>
      </c>
      <c r="CA19" s="263">
        <v>299</v>
      </c>
      <c r="CB19" s="257">
        <v>0</v>
      </c>
      <c r="CC19" s="261">
        <v>0</v>
      </c>
      <c r="CD19" s="258">
        <v>0</v>
      </c>
      <c r="CE19" s="260">
        <v>0</v>
      </c>
      <c r="CF19" s="261">
        <v>0</v>
      </c>
      <c r="CG19" s="261">
        <v>23</v>
      </c>
      <c r="CH19" s="261">
        <v>0</v>
      </c>
      <c r="CI19" s="261">
        <v>2</v>
      </c>
      <c r="CJ19" s="261">
        <v>0</v>
      </c>
      <c r="CK19" s="258">
        <v>25</v>
      </c>
      <c r="CL19" s="263">
        <v>25</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58">
        <v>0</v>
      </c>
      <c r="E20" s="259">
        <v>0</v>
      </c>
      <c r="F20" s="260">
        <v>0</v>
      </c>
      <c r="G20" s="261">
        <v>339</v>
      </c>
      <c r="H20" s="261">
        <v>307</v>
      </c>
      <c r="I20" s="261">
        <v>466</v>
      </c>
      <c r="J20" s="261">
        <v>1283</v>
      </c>
      <c r="K20" s="261">
        <v>224</v>
      </c>
      <c r="L20" s="262">
        <v>2619</v>
      </c>
      <c r="M20" s="263">
        <v>2619</v>
      </c>
      <c r="N20" s="257">
        <v>0</v>
      </c>
      <c r="O20" s="261">
        <v>0</v>
      </c>
      <c r="P20" s="258">
        <v>0</v>
      </c>
      <c r="Q20" s="260">
        <v>0</v>
      </c>
      <c r="R20" s="261">
        <v>0</v>
      </c>
      <c r="S20" s="261">
        <v>0</v>
      </c>
      <c r="T20" s="261">
        <v>3</v>
      </c>
      <c r="U20" s="261">
        <v>24</v>
      </c>
      <c r="V20" s="261">
        <v>14</v>
      </c>
      <c r="W20" s="258">
        <v>41</v>
      </c>
      <c r="X20" s="263">
        <v>41</v>
      </c>
      <c r="Y20" s="257">
        <v>24</v>
      </c>
      <c r="Z20" s="261">
        <v>46</v>
      </c>
      <c r="AA20" s="258">
        <v>70</v>
      </c>
      <c r="AB20" s="260">
        <v>0</v>
      </c>
      <c r="AC20" s="261">
        <v>214</v>
      </c>
      <c r="AD20" s="261">
        <v>314</v>
      </c>
      <c r="AE20" s="261">
        <v>287</v>
      </c>
      <c r="AF20" s="261">
        <v>129</v>
      </c>
      <c r="AG20" s="261">
        <v>158</v>
      </c>
      <c r="AH20" s="258">
        <v>1102</v>
      </c>
      <c r="AI20" s="263">
        <v>1172</v>
      </c>
      <c r="AJ20" s="257">
        <v>12</v>
      </c>
      <c r="AK20" s="261">
        <v>0</v>
      </c>
      <c r="AL20" s="258">
        <v>12</v>
      </c>
      <c r="AM20" s="260">
        <v>0</v>
      </c>
      <c r="AN20" s="261">
        <v>3</v>
      </c>
      <c r="AO20" s="261">
        <v>29</v>
      </c>
      <c r="AP20" s="261">
        <v>37</v>
      </c>
      <c r="AQ20" s="261">
        <v>0</v>
      </c>
      <c r="AR20" s="261">
        <v>14</v>
      </c>
      <c r="AS20" s="258">
        <v>83</v>
      </c>
      <c r="AT20" s="263">
        <v>95</v>
      </c>
      <c r="AU20" s="257">
        <v>0</v>
      </c>
      <c r="AV20" s="261">
        <v>0</v>
      </c>
      <c r="AW20" s="258">
        <v>0</v>
      </c>
      <c r="AX20" s="260">
        <v>0</v>
      </c>
      <c r="AY20" s="261">
        <v>315</v>
      </c>
      <c r="AZ20" s="261">
        <v>362</v>
      </c>
      <c r="BA20" s="261">
        <v>146</v>
      </c>
      <c r="BB20" s="261">
        <v>132</v>
      </c>
      <c r="BC20" s="261">
        <v>71</v>
      </c>
      <c r="BD20" s="262">
        <v>1026</v>
      </c>
      <c r="BE20" s="263">
        <v>1026</v>
      </c>
      <c r="BF20" s="257">
        <v>0</v>
      </c>
      <c r="BG20" s="261">
        <v>0</v>
      </c>
      <c r="BH20" s="258">
        <v>0</v>
      </c>
      <c r="BI20" s="260">
        <v>0</v>
      </c>
      <c r="BJ20" s="261">
        <v>90</v>
      </c>
      <c r="BK20" s="261">
        <v>158</v>
      </c>
      <c r="BL20" s="261">
        <v>39</v>
      </c>
      <c r="BM20" s="261">
        <v>48</v>
      </c>
      <c r="BN20" s="261">
        <v>19</v>
      </c>
      <c r="BO20" s="258">
        <v>354</v>
      </c>
      <c r="BP20" s="263">
        <v>354</v>
      </c>
      <c r="BQ20" s="257">
        <v>0</v>
      </c>
      <c r="BR20" s="261">
        <v>0</v>
      </c>
      <c r="BS20" s="258">
        <v>0</v>
      </c>
      <c r="BT20" s="260">
        <v>0</v>
      </c>
      <c r="BU20" s="261">
        <v>9</v>
      </c>
      <c r="BV20" s="261">
        <v>52</v>
      </c>
      <c r="BW20" s="261">
        <v>58</v>
      </c>
      <c r="BX20" s="261">
        <v>106</v>
      </c>
      <c r="BY20" s="261">
        <v>86</v>
      </c>
      <c r="BZ20" s="258">
        <v>311</v>
      </c>
      <c r="CA20" s="263">
        <v>311</v>
      </c>
      <c r="CB20" s="257">
        <v>0</v>
      </c>
      <c r="CC20" s="261">
        <v>0</v>
      </c>
      <c r="CD20" s="258">
        <v>0</v>
      </c>
      <c r="CE20" s="260">
        <v>0</v>
      </c>
      <c r="CF20" s="261">
        <v>0</v>
      </c>
      <c r="CG20" s="261">
        <v>3</v>
      </c>
      <c r="CH20" s="261">
        <v>6</v>
      </c>
      <c r="CI20" s="261">
        <v>0</v>
      </c>
      <c r="CJ20" s="261">
        <v>5</v>
      </c>
      <c r="CK20" s="258">
        <v>14</v>
      </c>
      <c r="CL20" s="263">
        <v>14</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58">
        <v>0</v>
      </c>
      <c r="E21" s="259">
        <v>0</v>
      </c>
      <c r="F21" s="260">
        <v>0</v>
      </c>
      <c r="G21" s="261">
        <v>99</v>
      </c>
      <c r="H21" s="261">
        <v>112</v>
      </c>
      <c r="I21" s="261">
        <v>203</v>
      </c>
      <c r="J21" s="261">
        <v>51</v>
      </c>
      <c r="K21" s="261">
        <v>4</v>
      </c>
      <c r="L21" s="262">
        <v>469</v>
      </c>
      <c r="M21" s="263">
        <v>469</v>
      </c>
      <c r="N21" s="257">
        <v>0</v>
      </c>
      <c r="O21" s="261">
        <v>0</v>
      </c>
      <c r="P21" s="258">
        <v>0</v>
      </c>
      <c r="Q21" s="260">
        <v>0</v>
      </c>
      <c r="R21" s="261">
        <v>0</v>
      </c>
      <c r="S21" s="261">
        <v>0</v>
      </c>
      <c r="T21" s="261">
        <v>0</v>
      </c>
      <c r="U21" s="261">
        <v>2</v>
      </c>
      <c r="V21" s="261">
        <v>7</v>
      </c>
      <c r="W21" s="258">
        <v>9</v>
      </c>
      <c r="X21" s="263">
        <v>9</v>
      </c>
      <c r="Y21" s="257">
        <v>11</v>
      </c>
      <c r="Z21" s="261">
        <v>29</v>
      </c>
      <c r="AA21" s="258">
        <v>40</v>
      </c>
      <c r="AB21" s="260">
        <v>0</v>
      </c>
      <c r="AC21" s="261">
        <v>177</v>
      </c>
      <c r="AD21" s="261">
        <v>79</v>
      </c>
      <c r="AE21" s="261">
        <v>46</v>
      </c>
      <c r="AF21" s="261">
        <v>67</v>
      </c>
      <c r="AG21" s="261">
        <v>37</v>
      </c>
      <c r="AH21" s="258">
        <v>406</v>
      </c>
      <c r="AI21" s="263">
        <v>446</v>
      </c>
      <c r="AJ21" s="257">
        <v>0</v>
      </c>
      <c r="AK21" s="261">
        <v>0</v>
      </c>
      <c r="AL21" s="258">
        <v>0</v>
      </c>
      <c r="AM21" s="260">
        <v>0</v>
      </c>
      <c r="AN21" s="261">
        <v>24</v>
      </c>
      <c r="AO21" s="261">
        <v>0</v>
      </c>
      <c r="AP21" s="261">
        <v>0</v>
      </c>
      <c r="AQ21" s="261">
        <v>18</v>
      </c>
      <c r="AR21" s="261">
        <v>0</v>
      </c>
      <c r="AS21" s="258">
        <v>42</v>
      </c>
      <c r="AT21" s="263">
        <v>42</v>
      </c>
      <c r="AU21" s="257">
        <v>0</v>
      </c>
      <c r="AV21" s="261">
        <v>0</v>
      </c>
      <c r="AW21" s="258">
        <v>0</v>
      </c>
      <c r="AX21" s="260">
        <v>0</v>
      </c>
      <c r="AY21" s="261">
        <v>117</v>
      </c>
      <c r="AZ21" s="261">
        <v>101</v>
      </c>
      <c r="BA21" s="261">
        <v>45</v>
      </c>
      <c r="BB21" s="261">
        <v>3</v>
      </c>
      <c r="BC21" s="261">
        <v>48</v>
      </c>
      <c r="BD21" s="262">
        <v>314</v>
      </c>
      <c r="BE21" s="263">
        <v>314</v>
      </c>
      <c r="BF21" s="257">
        <v>0</v>
      </c>
      <c r="BG21" s="261">
        <v>0</v>
      </c>
      <c r="BH21" s="258">
        <v>0</v>
      </c>
      <c r="BI21" s="260">
        <v>0</v>
      </c>
      <c r="BJ21" s="261">
        <v>62</v>
      </c>
      <c r="BK21" s="261">
        <v>37</v>
      </c>
      <c r="BL21" s="261">
        <v>43</v>
      </c>
      <c r="BM21" s="261">
        <v>28</v>
      </c>
      <c r="BN21" s="261">
        <v>12</v>
      </c>
      <c r="BO21" s="258">
        <v>182</v>
      </c>
      <c r="BP21" s="263">
        <v>182</v>
      </c>
      <c r="BQ21" s="257">
        <v>0</v>
      </c>
      <c r="BR21" s="261">
        <v>3</v>
      </c>
      <c r="BS21" s="258">
        <v>3</v>
      </c>
      <c r="BT21" s="260">
        <v>0</v>
      </c>
      <c r="BU21" s="261">
        <v>4</v>
      </c>
      <c r="BV21" s="261">
        <v>2</v>
      </c>
      <c r="BW21" s="261">
        <v>35</v>
      </c>
      <c r="BX21" s="261">
        <v>0</v>
      </c>
      <c r="BY21" s="261">
        <v>0</v>
      </c>
      <c r="BZ21" s="258">
        <v>41</v>
      </c>
      <c r="CA21" s="263">
        <v>44</v>
      </c>
      <c r="CB21" s="257">
        <v>0</v>
      </c>
      <c r="CC21" s="261">
        <v>0</v>
      </c>
      <c r="CD21" s="258">
        <v>0</v>
      </c>
      <c r="CE21" s="260">
        <v>0</v>
      </c>
      <c r="CF21" s="261">
        <v>0</v>
      </c>
      <c r="CG21" s="261">
        <v>2</v>
      </c>
      <c r="CH21" s="261">
        <v>11</v>
      </c>
      <c r="CI21" s="261">
        <v>7</v>
      </c>
      <c r="CJ21" s="261">
        <v>0</v>
      </c>
      <c r="CK21" s="258">
        <v>20</v>
      </c>
      <c r="CL21" s="263">
        <v>20</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58">
        <v>0</v>
      </c>
      <c r="E22" s="259">
        <v>0</v>
      </c>
      <c r="F22" s="260">
        <v>0</v>
      </c>
      <c r="G22" s="261">
        <v>82</v>
      </c>
      <c r="H22" s="261">
        <v>241</v>
      </c>
      <c r="I22" s="261">
        <v>163</v>
      </c>
      <c r="J22" s="261">
        <v>206</v>
      </c>
      <c r="K22" s="261">
        <v>164</v>
      </c>
      <c r="L22" s="262">
        <v>856</v>
      </c>
      <c r="M22" s="263">
        <v>856</v>
      </c>
      <c r="N22" s="257">
        <v>0</v>
      </c>
      <c r="O22" s="261">
        <v>0</v>
      </c>
      <c r="P22" s="258">
        <v>0</v>
      </c>
      <c r="Q22" s="260">
        <v>0</v>
      </c>
      <c r="R22" s="261">
        <v>4</v>
      </c>
      <c r="S22" s="261">
        <v>0</v>
      </c>
      <c r="T22" s="261">
        <v>0</v>
      </c>
      <c r="U22" s="261">
        <v>19</v>
      </c>
      <c r="V22" s="261">
        <v>13</v>
      </c>
      <c r="W22" s="258">
        <v>36</v>
      </c>
      <c r="X22" s="263">
        <v>36</v>
      </c>
      <c r="Y22" s="257">
        <v>5</v>
      </c>
      <c r="Z22" s="261">
        <v>28</v>
      </c>
      <c r="AA22" s="258">
        <v>33</v>
      </c>
      <c r="AB22" s="260">
        <v>0</v>
      </c>
      <c r="AC22" s="261">
        <v>131</v>
      </c>
      <c r="AD22" s="261">
        <v>94</v>
      </c>
      <c r="AE22" s="261">
        <v>68</v>
      </c>
      <c r="AF22" s="261">
        <v>70</v>
      </c>
      <c r="AG22" s="261">
        <v>20</v>
      </c>
      <c r="AH22" s="258">
        <v>383</v>
      </c>
      <c r="AI22" s="263">
        <v>416</v>
      </c>
      <c r="AJ22" s="257">
        <v>0</v>
      </c>
      <c r="AK22" s="261">
        <v>30</v>
      </c>
      <c r="AL22" s="258">
        <v>30</v>
      </c>
      <c r="AM22" s="260">
        <v>0</v>
      </c>
      <c r="AN22" s="261">
        <v>42</v>
      </c>
      <c r="AO22" s="261">
        <v>52</v>
      </c>
      <c r="AP22" s="261">
        <v>48</v>
      </c>
      <c r="AQ22" s="261">
        <v>32</v>
      </c>
      <c r="AR22" s="261">
        <v>8</v>
      </c>
      <c r="AS22" s="258">
        <v>182</v>
      </c>
      <c r="AT22" s="263">
        <v>212</v>
      </c>
      <c r="AU22" s="257">
        <v>0</v>
      </c>
      <c r="AV22" s="261">
        <v>0</v>
      </c>
      <c r="AW22" s="258">
        <v>0</v>
      </c>
      <c r="AX22" s="260">
        <v>0</v>
      </c>
      <c r="AY22" s="261">
        <v>120</v>
      </c>
      <c r="AZ22" s="261">
        <v>131</v>
      </c>
      <c r="BA22" s="261">
        <v>116</v>
      </c>
      <c r="BB22" s="261">
        <v>52</v>
      </c>
      <c r="BC22" s="261">
        <v>22</v>
      </c>
      <c r="BD22" s="262">
        <v>441</v>
      </c>
      <c r="BE22" s="263">
        <v>441</v>
      </c>
      <c r="BF22" s="257">
        <v>0</v>
      </c>
      <c r="BG22" s="261">
        <v>0</v>
      </c>
      <c r="BH22" s="258">
        <v>0</v>
      </c>
      <c r="BI22" s="260">
        <v>0</v>
      </c>
      <c r="BJ22" s="261">
        <v>15</v>
      </c>
      <c r="BK22" s="261">
        <v>92</v>
      </c>
      <c r="BL22" s="261">
        <v>42</v>
      </c>
      <c r="BM22" s="261">
        <v>15</v>
      </c>
      <c r="BN22" s="261">
        <v>16</v>
      </c>
      <c r="BO22" s="258">
        <v>180</v>
      </c>
      <c r="BP22" s="263">
        <v>180</v>
      </c>
      <c r="BQ22" s="257">
        <v>0</v>
      </c>
      <c r="BR22" s="261">
        <v>0</v>
      </c>
      <c r="BS22" s="258">
        <v>0</v>
      </c>
      <c r="BT22" s="260">
        <v>0</v>
      </c>
      <c r="BU22" s="261">
        <v>65</v>
      </c>
      <c r="BV22" s="261">
        <v>22</v>
      </c>
      <c r="BW22" s="261">
        <v>42</v>
      </c>
      <c r="BX22" s="261">
        <v>49</v>
      </c>
      <c r="BY22" s="261">
        <v>9</v>
      </c>
      <c r="BZ22" s="258">
        <v>187</v>
      </c>
      <c r="CA22" s="263">
        <v>187</v>
      </c>
      <c r="CB22" s="257">
        <v>0</v>
      </c>
      <c r="CC22" s="261">
        <v>0</v>
      </c>
      <c r="CD22" s="258">
        <v>0</v>
      </c>
      <c r="CE22" s="260">
        <v>0</v>
      </c>
      <c r="CF22" s="261">
        <v>0</v>
      </c>
      <c r="CG22" s="261">
        <v>4</v>
      </c>
      <c r="CH22" s="261">
        <v>0</v>
      </c>
      <c r="CI22" s="261">
        <v>0</v>
      </c>
      <c r="CJ22" s="261">
        <v>0</v>
      </c>
      <c r="CK22" s="258">
        <v>4</v>
      </c>
      <c r="CL22" s="263">
        <v>4</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58">
        <v>0</v>
      </c>
      <c r="E23" s="259">
        <v>0</v>
      </c>
      <c r="F23" s="260">
        <v>0</v>
      </c>
      <c r="G23" s="261">
        <v>151</v>
      </c>
      <c r="H23" s="261">
        <v>260</v>
      </c>
      <c r="I23" s="261">
        <v>164</v>
      </c>
      <c r="J23" s="261">
        <v>133</v>
      </c>
      <c r="K23" s="261">
        <v>137</v>
      </c>
      <c r="L23" s="262">
        <v>845</v>
      </c>
      <c r="M23" s="263">
        <v>845</v>
      </c>
      <c r="N23" s="257">
        <v>0</v>
      </c>
      <c r="O23" s="261">
        <v>0</v>
      </c>
      <c r="P23" s="258">
        <v>0</v>
      </c>
      <c r="Q23" s="260">
        <v>0</v>
      </c>
      <c r="R23" s="261">
        <v>0</v>
      </c>
      <c r="S23" s="261">
        <v>0</v>
      </c>
      <c r="T23" s="261">
        <v>0</v>
      </c>
      <c r="U23" s="261">
        <v>0</v>
      </c>
      <c r="V23" s="261">
        <v>17</v>
      </c>
      <c r="W23" s="258">
        <v>17</v>
      </c>
      <c r="X23" s="263">
        <v>17</v>
      </c>
      <c r="Y23" s="257">
        <v>0</v>
      </c>
      <c r="Z23" s="261">
        <v>35</v>
      </c>
      <c r="AA23" s="258">
        <v>35</v>
      </c>
      <c r="AB23" s="260">
        <v>0</v>
      </c>
      <c r="AC23" s="261">
        <v>146</v>
      </c>
      <c r="AD23" s="261">
        <v>112</v>
      </c>
      <c r="AE23" s="261">
        <v>59</v>
      </c>
      <c r="AF23" s="261">
        <v>14</v>
      </c>
      <c r="AG23" s="261">
        <v>101</v>
      </c>
      <c r="AH23" s="258">
        <v>432</v>
      </c>
      <c r="AI23" s="263">
        <v>467</v>
      </c>
      <c r="AJ23" s="257">
        <v>0</v>
      </c>
      <c r="AK23" s="261">
        <v>27</v>
      </c>
      <c r="AL23" s="258">
        <v>27</v>
      </c>
      <c r="AM23" s="260">
        <v>0</v>
      </c>
      <c r="AN23" s="261">
        <v>0</v>
      </c>
      <c r="AO23" s="261">
        <v>8</v>
      </c>
      <c r="AP23" s="261">
        <v>14</v>
      </c>
      <c r="AQ23" s="261">
        <v>0</v>
      </c>
      <c r="AR23" s="261">
        <v>12</v>
      </c>
      <c r="AS23" s="258">
        <v>34</v>
      </c>
      <c r="AT23" s="263">
        <v>61</v>
      </c>
      <c r="AU23" s="257">
        <v>0</v>
      </c>
      <c r="AV23" s="261">
        <v>0</v>
      </c>
      <c r="AW23" s="258">
        <v>0</v>
      </c>
      <c r="AX23" s="260">
        <v>0</v>
      </c>
      <c r="AY23" s="261">
        <v>148</v>
      </c>
      <c r="AZ23" s="261">
        <v>70</v>
      </c>
      <c r="BA23" s="261">
        <v>63</v>
      </c>
      <c r="BB23" s="261">
        <v>34</v>
      </c>
      <c r="BC23" s="261">
        <v>1</v>
      </c>
      <c r="BD23" s="262">
        <v>316</v>
      </c>
      <c r="BE23" s="263">
        <v>316</v>
      </c>
      <c r="BF23" s="257">
        <v>0</v>
      </c>
      <c r="BG23" s="261">
        <v>0</v>
      </c>
      <c r="BH23" s="258">
        <v>0</v>
      </c>
      <c r="BI23" s="260">
        <v>0</v>
      </c>
      <c r="BJ23" s="261">
        <v>10</v>
      </c>
      <c r="BK23" s="261">
        <v>27</v>
      </c>
      <c r="BL23" s="261">
        <v>7</v>
      </c>
      <c r="BM23" s="261">
        <v>0</v>
      </c>
      <c r="BN23" s="261">
        <v>12</v>
      </c>
      <c r="BO23" s="258">
        <v>56</v>
      </c>
      <c r="BP23" s="263">
        <v>56</v>
      </c>
      <c r="BQ23" s="257">
        <v>0</v>
      </c>
      <c r="BR23" s="261">
        <v>6</v>
      </c>
      <c r="BS23" s="258">
        <v>6</v>
      </c>
      <c r="BT23" s="260">
        <v>0</v>
      </c>
      <c r="BU23" s="261">
        <v>13</v>
      </c>
      <c r="BV23" s="261">
        <v>10</v>
      </c>
      <c r="BW23" s="261">
        <v>58</v>
      </c>
      <c r="BX23" s="261">
        <v>16</v>
      </c>
      <c r="BY23" s="261">
        <v>12</v>
      </c>
      <c r="BZ23" s="258">
        <v>109</v>
      </c>
      <c r="CA23" s="263">
        <v>115</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58">
        <v>0</v>
      </c>
      <c r="E24" s="259">
        <v>0</v>
      </c>
      <c r="F24" s="260">
        <v>0</v>
      </c>
      <c r="G24" s="261">
        <v>91</v>
      </c>
      <c r="H24" s="261">
        <v>0</v>
      </c>
      <c r="I24" s="261">
        <v>46</v>
      </c>
      <c r="J24" s="261">
        <v>4</v>
      </c>
      <c r="K24" s="261">
        <v>139</v>
      </c>
      <c r="L24" s="262">
        <v>280</v>
      </c>
      <c r="M24" s="263">
        <v>280</v>
      </c>
      <c r="N24" s="257">
        <v>0</v>
      </c>
      <c r="O24" s="261">
        <v>0</v>
      </c>
      <c r="P24" s="258">
        <v>0</v>
      </c>
      <c r="Q24" s="260">
        <v>0</v>
      </c>
      <c r="R24" s="261">
        <v>0</v>
      </c>
      <c r="S24" s="261">
        <v>0</v>
      </c>
      <c r="T24" s="261">
        <v>5</v>
      </c>
      <c r="U24" s="261">
        <v>0</v>
      </c>
      <c r="V24" s="261">
        <v>39</v>
      </c>
      <c r="W24" s="258">
        <v>44</v>
      </c>
      <c r="X24" s="263">
        <v>44</v>
      </c>
      <c r="Y24" s="257">
        <v>0</v>
      </c>
      <c r="Z24" s="261">
        <v>0</v>
      </c>
      <c r="AA24" s="258">
        <v>0</v>
      </c>
      <c r="AB24" s="260">
        <v>0</v>
      </c>
      <c r="AC24" s="261">
        <v>26</v>
      </c>
      <c r="AD24" s="261">
        <v>14</v>
      </c>
      <c r="AE24" s="261">
        <v>23</v>
      </c>
      <c r="AF24" s="261">
        <v>36</v>
      </c>
      <c r="AG24" s="261">
        <v>97</v>
      </c>
      <c r="AH24" s="258">
        <v>196</v>
      </c>
      <c r="AI24" s="263">
        <v>196</v>
      </c>
      <c r="AJ24" s="257">
        <v>0</v>
      </c>
      <c r="AK24" s="261">
        <v>0</v>
      </c>
      <c r="AL24" s="258">
        <v>0</v>
      </c>
      <c r="AM24" s="260">
        <v>0</v>
      </c>
      <c r="AN24" s="261">
        <v>30</v>
      </c>
      <c r="AO24" s="261">
        <v>0</v>
      </c>
      <c r="AP24" s="261">
        <v>0</v>
      </c>
      <c r="AQ24" s="261">
        <v>24</v>
      </c>
      <c r="AR24" s="261">
        <v>0</v>
      </c>
      <c r="AS24" s="258">
        <v>54</v>
      </c>
      <c r="AT24" s="263">
        <v>54</v>
      </c>
      <c r="AU24" s="257">
        <v>0</v>
      </c>
      <c r="AV24" s="261">
        <v>0</v>
      </c>
      <c r="AW24" s="258">
        <v>0</v>
      </c>
      <c r="AX24" s="260">
        <v>0</v>
      </c>
      <c r="AY24" s="261">
        <v>14</v>
      </c>
      <c r="AZ24" s="261">
        <v>18</v>
      </c>
      <c r="BA24" s="261">
        <v>37</v>
      </c>
      <c r="BB24" s="261">
        <v>53</v>
      </c>
      <c r="BC24" s="261">
        <v>17</v>
      </c>
      <c r="BD24" s="262">
        <v>139</v>
      </c>
      <c r="BE24" s="263">
        <v>139</v>
      </c>
      <c r="BF24" s="257">
        <v>0</v>
      </c>
      <c r="BG24" s="261">
        <v>0</v>
      </c>
      <c r="BH24" s="258">
        <v>0</v>
      </c>
      <c r="BI24" s="260">
        <v>0</v>
      </c>
      <c r="BJ24" s="261">
        <v>24</v>
      </c>
      <c r="BK24" s="261">
        <v>3</v>
      </c>
      <c r="BL24" s="261">
        <v>0</v>
      </c>
      <c r="BM24" s="261">
        <v>8</v>
      </c>
      <c r="BN24" s="261">
        <v>0</v>
      </c>
      <c r="BO24" s="258">
        <v>35</v>
      </c>
      <c r="BP24" s="263">
        <v>35</v>
      </c>
      <c r="BQ24" s="257">
        <v>0</v>
      </c>
      <c r="BR24" s="261">
        <v>0</v>
      </c>
      <c r="BS24" s="258">
        <v>0</v>
      </c>
      <c r="BT24" s="260">
        <v>0</v>
      </c>
      <c r="BU24" s="261">
        <v>15</v>
      </c>
      <c r="BV24" s="261">
        <v>17</v>
      </c>
      <c r="BW24" s="261">
        <v>2</v>
      </c>
      <c r="BX24" s="261">
        <v>14</v>
      </c>
      <c r="BY24" s="261">
        <v>0</v>
      </c>
      <c r="BZ24" s="258">
        <v>48</v>
      </c>
      <c r="CA24" s="263">
        <v>48</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58">
        <v>0</v>
      </c>
      <c r="E25" s="259">
        <v>0</v>
      </c>
      <c r="F25" s="260">
        <v>0</v>
      </c>
      <c r="G25" s="261">
        <v>27</v>
      </c>
      <c r="H25" s="261">
        <v>93</v>
      </c>
      <c r="I25" s="261">
        <v>247</v>
      </c>
      <c r="J25" s="261">
        <v>184</v>
      </c>
      <c r="K25" s="261">
        <v>0</v>
      </c>
      <c r="L25" s="262">
        <v>551</v>
      </c>
      <c r="M25" s="263">
        <v>551</v>
      </c>
      <c r="N25" s="257">
        <v>0</v>
      </c>
      <c r="O25" s="261">
        <v>0</v>
      </c>
      <c r="P25" s="258">
        <v>0</v>
      </c>
      <c r="Q25" s="260">
        <v>0</v>
      </c>
      <c r="R25" s="261">
        <v>9</v>
      </c>
      <c r="S25" s="261">
        <v>0</v>
      </c>
      <c r="T25" s="261">
        <v>4</v>
      </c>
      <c r="U25" s="261">
        <v>0</v>
      </c>
      <c r="V25" s="261">
        <v>4</v>
      </c>
      <c r="W25" s="258">
        <v>17</v>
      </c>
      <c r="X25" s="263">
        <v>17</v>
      </c>
      <c r="Y25" s="257">
        <v>34</v>
      </c>
      <c r="Z25" s="261">
        <v>48</v>
      </c>
      <c r="AA25" s="258">
        <v>82</v>
      </c>
      <c r="AB25" s="260">
        <v>0</v>
      </c>
      <c r="AC25" s="261">
        <v>82</v>
      </c>
      <c r="AD25" s="261">
        <v>85</v>
      </c>
      <c r="AE25" s="261">
        <v>134</v>
      </c>
      <c r="AF25" s="261">
        <v>62</v>
      </c>
      <c r="AG25" s="261">
        <v>4</v>
      </c>
      <c r="AH25" s="258">
        <v>367</v>
      </c>
      <c r="AI25" s="263">
        <v>449</v>
      </c>
      <c r="AJ25" s="257">
        <v>0</v>
      </c>
      <c r="AK25" s="261">
        <v>12</v>
      </c>
      <c r="AL25" s="258">
        <v>12</v>
      </c>
      <c r="AM25" s="260">
        <v>0</v>
      </c>
      <c r="AN25" s="261">
        <v>0</v>
      </c>
      <c r="AO25" s="261">
        <v>24</v>
      </c>
      <c r="AP25" s="261">
        <v>0</v>
      </c>
      <c r="AQ25" s="261">
        <v>0</v>
      </c>
      <c r="AR25" s="261">
        <v>0</v>
      </c>
      <c r="AS25" s="258">
        <v>24</v>
      </c>
      <c r="AT25" s="263">
        <v>36</v>
      </c>
      <c r="AU25" s="257">
        <v>0</v>
      </c>
      <c r="AV25" s="261">
        <v>0</v>
      </c>
      <c r="AW25" s="258">
        <v>0</v>
      </c>
      <c r="AX25" s="260">
        <v>0</v>
      </c>
      <c r="AY25" s="261">
        <v>96</v>
      </c>
      <c r="AZ25" s="261">
        <v>151</v>
      </c>
      <c r="BA25" s="261">
        <v>56</v>
      </c>
      <c r="BB25" s="261">
        <v>44</v>
      </c>
      <c r="BC25" s="261">
        <v>0</v>
      </c>
      <c r="BD25" s="262">
        <v>347</v>
      </c>
      <c r="BE25" s="263">
        <v>347</v>
      </c>
      <c r="BF25" s="257">
        <v>0</v>
      </c>
      <c r="BG25" s="261">
        <v>0</v>
      </c>
      <c r="BH25" s="258">
        <v>0</v>
      </c>
      <c r="BI25" s="260">
        <v>0</v>
      </c>
      <c r="BJ25" s="261">
        <v>15</v>
      </c>
      <c r="BK25" s="261">
        <v>14</v>
      </c>
      <c r="BL25" s="261">
        <v>15</v>
      </c>
      <c r="BM25" s="261">
        <v>15</v>
      </c>
      <c r="BN25" s="261">
        <v>21</v>
      </c>
      <c r="BO25" s="258">
        <v>80</v>
      </c>
      <c r="BP25" s="263">
        <v>80</v>
      </c>
      <c r="BQ25" s="257">
        <v>0</v>
      </c>
      <c r="BR25" s="261">
        <v>0</v>
      </c>
      <c r="BS25" s="258">
        <v>0</v>
      </c>
      <c r="BT25" s="260">
        <v>0</v>
      </c>
      <c r="BU25" s="261">
        <v>14</v>
      </c>
      <c r="BV25" s="261">
        <v>3</v>
      </c>
      <c r="BW25" s="261">
        <v>32</v>
      </c>
      <c r="BX25" s="261">
        <v>8</v>
      </c>
      <c r="BY25" s="261">
        <v>0</v>
      </c>
      <c r="BZ25" s="258">
        <v>57</v>
      </c>
      <c r="CA25" s="263">
        <v>57</v>
      </c>
      <c r="CB25" s="257">
        <v>0</v>
      </c>
      <c r="CC25" s="261">
        <v>0</v>
      </c>
      <c r="CD25" s="258">
        <v>0</v>
      </c>
      <c r="CE25" s="260">
        <v>0</v>
      </c>
      <c r="CF25" s="261">
        <v>0</v>
      </c>
      <c r="CG25" s="261">
        <v>0</v>
      </c>
      <c r="CH25" s="261">
        <v>3</v>
      </c>
      <c r="CI25" s="261">
        <v>9</v>
      </c>
      <c r="CJ25" s="261">
        <v>0</v>
      </c>
      <c r="CK25" s="258">
        <v>12</v>
      </c>
      <c r="CL25" s="263">
        <v>12</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58">
        <v>0</v>
      </c>
      <c r="E26" s="259">
        <v>0</v>
      </c>
      <c r="F26" s="260">
        <v>0</v>
      </c>
      <c r="G26" s="261">
        <v>102</v>
      </c>
      <c r="H26" s="261">
        <v>70</v>
      </c>
      <c r="I26" s="261">
        <v>97</v>
      </c>
      <c r="J26" s="261">
        <v>152</v>
      </c>
      <c r="K26" s="261">
        <v>192</v>
      </c>
      <c r="L26" s="262">
        <v>613</v>
      </c>
      <c r="M26" s="263">
        <v>613</v>
      </c>
      <c r="N26" s="257">
        <v>0</v>
      </c>
      <c r="O26" s="261">
        <v>0</v>
      </c>
      <c r="P26" s="258">
        <v>0</v>
      </c>
      <c r="Q26" s="260">
        <v>0</v>
      </c>
      <c r="R26" s="261">
        <v>5</v>
      </c>
      <c r="S26" s="261">
        <v>0</v>
      </c>
      <c r="T26" s="261">
        <v>0</v>
      </c>
      <c r="U26" s="261">
        <v>0</v>
      </c>
      <c r="V26" s="261">
        <v>8</v>
      </c>
      <c r="W26" s="258">
        <v>13</v>
      </c>
      <c r="X26" s="263">
        <v>13</v>
      </c>
      <c r="Y26" s="257">
        <v>12</v>
      </c>
      <c r="Z26" s="261">
        <v>7</v>
      </c>
      <c r="AA26" s="258">
        <v>19</v>
      </c>
      <c r="AB26" s="260">
        <v>0</v>
      </c>
      <c r="AC26" s="261">
        <v>89</v>
      </c>
      <c r="AD26" s="261">
        <v>46</v>
      </c>
      <c r="AE26" s="261">
        <v>45</v>
      </c>
      <c r="AF26" s="261">
        <v>62</v>
      </c>
      <c r="AG26" s="261">
        <v>25</v>
      </c>
      <c r="AH26" s="258">
        <v>267</v>
      </c>
      <c r="AI26" s="263">
        <v>286</v>
      </c>
      <c r="AJ26" s="257">
        <v>0</v>
      </c>
      <c r="AK26" s="261">
        <v>0</v>
      </c>
      <c r="AL26" s="258">
        <v>0</v>
      </c>
      <c r="AM26" s="260">
        <v>0</v>
      </c>
      <c r="AN26" s="261">
        <v>0</v>
      </c>
      <c r="AO26" s="261">
        <v>10</v>
      </c>
      <c r="AP26" s="261">
        <v>0</v>
      </c>
      <c r="AQ26" s="261">
        <v>0</v>
      </c>
      <c r="AR26" s="261">
        <v>12</v>
      </c>
      <c r="AS26" s="258">
        <v>22</v>
      </c>
      <c r="AT26" s="263">
        <v>22</v>
      </c>
      <c r="AU26" s="257">
        <v>0</v>
      </c>
      <c r="AV26" s="261">
        <v>0</v>
      </c>
      <c r="AW26" s="258">
        <v>0</v>
      </c>
      <c r="AX26" s="260">
        <v>0</v>
      </c>
      <c r="AY26" s="261">
        <v>79</v>
      </c>
      <c r="AZ26" s="261">
        <v>39</v>
      </c>
      <c r="BA26" s="261">
        <v>27</v>
      </c>
      <c r="BB26" s="261">
        <v>2</v>
      </c>
      <c r="BC26" s="261">
        <v>0</v>
      </c>
      <c r="BD26" s="262">
        <v>147</v>
      </c>
      <c r="BE26" s="263">
        <v>147</v>
      </c>
      <c r="BF26" s="257">
        <v>0</v>
      </c>
      <c r="BG26" s="261">
        <v>0</v>
      </c>
      <c r="BH26" s="258">
        <v>0</v>
      </c>
      <c r="BI26" s="260">
        <v>0</v>
      </c>
      <c r="BJ26" s="261">
        <v>30</v>
      </c>
      <c r="BK26" s="261">
        <v>45</v>
      </c>
      <c r="BL26" s="261">
        <v>12</v>
      </c>
      <c r="BM26" s="261">
        <v>12</v>
      </c>
      <c r="BN26" s="261">
        <v>21</v>
      </c>
      <c r="BO26" s="258">
        <v>120</v>
      </c>
      <c r="BP26" s="263">
        <v>120</v>
      </c>
      <c r="BQ26" s="257">
        <v>0</v>
      </c>
      <c r="BR26" s="261">
        <v>0</v>
      </c>
      <c r="BS26" s="258">
        <v>0</v>
      </c>
      <c r="BT26" s="260">
        <v>0</v>
      </c>
      <c r="BU26" s="261">
        <v>4</v>
      </c>
      <c r="BV26" s="261">
        <v>2</v>
      </c>
      <c r="BW26" s="261">
        <v>6</v>
      </c>
      <c r="BX26" s="261">
        <v>0</v>
      </c>
      <c r="BY26" s="261">
        <v>10</v>
      </c>
      <c r="BZ26" s="258">
        <v>22</v>
      </c>
      <c r="CA26" s="263">
        <v>22</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58">
        <v>0</v>
      </c>
      <c r="E27" s="259">
        <v>0</v>
      </c>
      <c r="F27" s="260">
        <v>0</v>
      </c>
      <c r="G27" s="261">
        <v>25</v>
      </c>
      <c r="H27" s="261">
        <v>52</v>
      </c>
      <c r="I27" s="261">
        <v>7</v>
      </c>
      <c r="J27" s="261">
        <v>12</v>
      </c>
      <c r="K27" s="261">
        <v>0</v>
      </c>
      <c r="L27" s="262">
        <v>96</v>
      </c>
      <c r="M27" s="263">
        <v>96</v>
      </c>
      <c r="N27" s="257">
        <v>0</v>
      </c>
      <c r="O27" s="261">
        <v>0</v>
      </c>
      <c r="P27" s="258">
        <v>0</v>
      </c>
      <c r="Q27" s="260">
        <v>0</v>
      </c>
      <c r="R27" s="261">
        <v>0</v>
      </c>
      <c r="S27" s="261">
        <v>4</v>
      </c>
      <c r="T27" s="261">
        <v>0</v>
      </c>
      <c r="U27" s="261">
        <v>0</v>
      </c>
      <c r="V27" s="261">
        <v>8</v>
      </c>
      <c r="W27" s="258">
        <v>12</v>
      </c>
      <c r="X27" s="263">
        <v>12</v>
      </c>
      <c r="Y27" s="257">
        <v>3</v>
      </c>
      <c r="Z27" s="261">
        <v>16</v>
      </c>
      <c r="AA27" s="258">
        <v>19</v>
      </c>
      <c r="AB27" s="260">
        <v>0</v>
      </c>
      <c r="AC27" s="261">
        <v>28</v>
      </c>
      <c r="AD27" s="261">
        <v>38</v>
      </c>
      <c r="AE27" s="261">
        <v>0</v>
      </c>
      <c r="AF27" s="261">
        <v>0</v>
      </c>
      <c r="AG27" s="261">
        <v>26</v>
      </c>
      <c r="AH27" s="258">
        <v>92</v>
      </c>
      <c r="AI27" s="263">
        <v>111</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30</v>
      </c>
      <c r="AZ27" s="261">
        <v>39</v>
      </c>
      <c r="BA27" s="261">
        <v>4</v>
      </c>
      <c r="BB27" s="261">
        <v>9</v>
      </c>
      <c r="BC27" s="261">
        <v>0</v>
      </c>
      <c r="BD27" s="262">
        <v>82</v>
      </c>
      <c r="BE27" s="263">
        <v>82</v>
      </c>
      <c r="BF27" s="257">
        <v>0</v>
      </c>
      <c r="BG27" s="261">
        <v>0</v>
      </c>
      <c r="BH27" s="258">
        <v>0</v>
      </c>
      <c r="BI27" s="260">
        <v>0</v>
      </c>
      <c r="BJ27" s="261">
        <v>0</v>
      </c>
      <c r="BK27" s="261">
        <v>12</v>
      </c>
      <c r="BL27" s="261">
        <v>19</v>
      </c>
      <c r="BM27" s="261">
        <v>0</v>
      </c>
      <c r="BN27" s="261">
        <v>11</v>
      </c>
      <c r="BO27" s="258">
        <v>42</v>
      </c>
      <c r="BP27" s="263">
        <v>42</v>
      </c>
      <c r="BQ27" s="257">
        <v>0</v>
      </c>
      <c r="BR27" s="261">
        <v>0</v>
      </c>
      <c r="BS27" s="258">
        <v>0</v>
      </c>
      <c r="BT27" s="260">
        <v>0</v>
      </c>
      <c r="BU27" s="261">
        <v>5</v>
      </c>
      <c r="BV27" s="261">
        <v>7</v>
      </c>
      <c r="BW27" s="261">
        <v>32</v>
      </c>
      <c r="BX27" s="261">
        <v>0</v>
      </c>
      <c r="BY27" s="261">
        <v>0</v>
      </c>
      <c r="BZ27" s="258">
        <v>44</v>
      </c>
      <c r="CA27" s="263">
        <v>44</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58">
        <v>0</v>
      </c>
      <c r="E28" s="259">
        <v>0</v>
      </c>
      <c r="F28" s="260">
        <v>0</v>
      </c>
      <c r="G28" s="261">
        <v>44</v>
      </c>
      <c r="H28" s="261">
        <v>87</v>
      </c>
      <c r="I28" s="261">
        <v>0</v>
      </c>
      <c r="J28" s="261">
        <v>40</v>
      </c>
      <c r="K28" s="261">
        <v>175</v>
      </c>
      <c r="L28" s="262">
        <v>346</v>
      </c>
      <c r="M28" s="263">
        <v>346</v>
      </c>
      <c r="N28" s="257">
        <v>0</v>
      </c>
      <c r="O28" s="261">
        <v>0</v>
      </c>
      <c r="P28" s="258">
        <v>0</v>
      </c>
      <c r="Q28" s="260">
        <v>0</v>
      </c>
      <c r="R28" s="261">
        <v>0</v>
      </c>
      <c r="S28" s="261">
        <v>0</v>
      </c>
      <c r="T28" s="261">
        <v>0</v>
      </c>
      <c r="U28" s="261">
        <v>0</v>
      </c>
      <c r="V28" s="261">
        <v>22</v>
      </c>
      <c r="W28" s="258">
        <v>22</v>
      </c>
      <c r="X28" s="263">
        <v>22</v>
      </c>
      <c r="Y28" s="257">
        <v>0</v>
      </c>
      <c r="Z28" s="261">
        <v>0</v>
      </c>
      <c r="AA28" s="258">
        <v>0</v>
      </c>
      <c r="AB28" s="260">
        <v>0</v>
      </c>
      <c r="AC28" s="261">
        <v>29</v>
      </c>
      <c r="AD28" s="261">
        <v>63</v>
      </c>
      <c r="AE28" s="261">
        <v>0</v>
      </c>
      <c r="AF28" s="261">
        <v>53</v>
      </c>
      <c r="AG28" s="261">
        <v>60</v>
      </c>
      <c r="AH28" s="258">
        <v>205</v>
      </c>
      <c r="AI28" s="263">
        <v>205</v>
      </c>
      <c r="AJ28" s="257">
        <v>0</v>
      </c>
      <c r="AK28" s="261">
        <v>24</v>
      </c>
      <c r="AL28" s="258">
        <v>24</v>
      </c>
      <c r="AM28" s="260">
        <v>0</v>
      </c>
      <c r="AN28" s="261">
        <v>0</v>
      </c>
      <c r="AO28" s="261">
        <v>0</v>
      </c>
      <c r="AP28" s="261">
        <v>0</v>
      </c>
      <c r="AQ28" s="261">
        <v>0</v>
      </c>
      <c r="AR28" s="261">
        <v>0</v>
      </c>
      <c r="AS28" s="258">
        <v>0</v>
      </c>
      <c r="AT28" s="263">
        <v>24</v>
      </c>
      <c r="AU28" s="257">
        <v>0</v>
      </c>
      <c r="AV28" s="261">
        <v>0</v>
      </c>
      <c r="AW28" s="258">
        <v>0</v>
      </c>
      <c r="AX28" s="260">
        <v>0</v>
      </c>
      <c r="AY28" s="261">
        <v>66</v>
      </c>
      <c r="AZ28" s="261">
        <v>18</v>
      </c>
      <c r="BA28" s="261">
        <v>11</v>
      </c>
      <c r="BB28" s="261">
        <v>23</v>
      </c>
      <c r="BC28" s="261">
        <v>0</v>
      </c>
      <c r="BD28" s="262">
        <v>118</v>
      </c>
      <c r="BE28" s="263">
        <v>118</v>
      </c>
      <c r="BF28" s="257">
        <v>0</v>
      </c>
      <c r="BG28" s="261">
        <v>0</v>
      </c>
      <c r="BH28" s="258">
        <v>0</v>
      </c>
      <c r="BI28" s="260">
        <v>0</v>
      </c>
      <c r="BJ28" s="261">
        <v>28</v>
      </c>
      <c r="BK28" s="261">
        <v>15</v>
      </c>
      <c r="BL28" s="261">
        <v>3</v>
      </c>
      <c r="BM28" s="261">
        <v>0</v>
      </c>
      <c r="BN28" s="261">
        <v>0</v>
      </c>
      <c r="BO28" s="258">
        <v>46</v>
      </c>
      <c r="BP28" s="263">
        <v>46</v>
      </c>
      <c r="BQ28" s="257">
        <v>0</v>
      </c>
      <c r="BR28" s="261">
        <v>0</v>
      </c>
      <c r="BS28" s="258">
        <v>0</v>
      </c>
      <c r="BT28" s="260">
        <v>0</v>
      </c>
      <c r="BU28" s="261">
        <v>5</v>
      </c>
      <c r="BV28" s="261">
        <v>4</v>
      </c>
      <c r="BW28" s="261">
        <v>3</v>
      </c>
      <c r="BX28" s="261">
        <v>0</v>
      </c>
      <c r="BY28" s="261">
        <v>41</v>
      </c>
      <c r="BZ28" s="258">
        <v>53</v>
      </c>
      <c r="CA28" s="263">
        <v>53</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58">
        <v>0</v>
      </c>
      <c r="E29" s="259">
        <v>0</v>
      </c>
      <c r="F29" s="260">
        <v>0</v>
      </c>
      <c r="G29" s="261">
        <v>7</v>
      </c>
      <c r="H29" s="261">
        <v>44</v>
      </c>
      <c r="I29" s="261">
        <v>137</v>
      </c>
      <c r="J29" s="261">
        <v>0</v>
      </c>
      <c r="K29" s="261">
        <v>0</v>
      </c>
      <c r="L29" s="262">
        <v>188</v>
      </c>
      <c r="M29" s="263">
        <v>188</v>
      </c>
      <c r="N29" s="257">
        <v>0</v>
      </c>
      <c r="O29" s="261">
        <v>0</v>
      </c>
      <c r="P29" s="258">
        <v>0</v>
      </c>
      <c r="Q29" s="260">
        <v>0</v>
      </c>
      <c r="R29" s="261">
        <v>0</v>
      </c>
      <c r="S29" s="261">
        <v>0</v>
      </c>
      <c r="T29" s="261">
        <v>0</v>
      </c>
      <c r="U29" s="261">
        <v>5</v>
      </c>
      <c r="V29" s="261">
        <v>0</v>
      </c>
      <c r="W29" s="258">
        <v>5</v>
      </c>
      <c r="X29" s="263">
        <v>5</v>
      </c>
      <c r="Y29" s="257">
        <v>5</v>
      </c>
      <c r="Z29" s="261">
        <v>12</v>
      </c>
      <c r="AA29" s="258">
        <v>17</v>
      </c>
      <c r="AB29" s="260">
        <v>0</v>
      </c>
      <c r="AC29" s="261">
        <v>0</v>
      </c>
      <c r="AD29" s="261">
        <v>72</v>
      </c>
      <c r="AE29" s="261">
        <v>27</v>
      </c>
      <c r="AF29" s="261">
        <v>15</v>
      </c>
      <c r="AG29" s="261">
        <v>0</v>
      </c>
      <c r="AH29" s="258">
        <v>114</v>
      </c>
      <c r="AI29" s="263">
        <v>131</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46</v>
      </c>
      <c r="AZ29" s="261">
        <v>21</v>
      </c>
      <c r="BA29" s="261">
        <v>22</v>
      </c>
      <c r="BB29" s="261">
        <v>12</v>
      </c>
      <c r="BC29" s="261">
        <v>0</v>
      </c>
      <c r="BD29" s="262">
        <v>101</v>
      </c>
      <c r="BE29" s="263">
        <v>101</v>
      </c>
      <c r="BF29" s="257">
        <v>0</v>
      </c>
      <c r="BG29" s="261">
        <v>0</v>
      </c>
      <c r="BH29" s="258">
        <v>0</v>
      </c>
      <c r="BI29" s="260">
        <v>0</v>
      </c>
      <c r="BJ29" s="261">
        <v>10</v>
      </c>
      <c r="BK29" s="261">
        <v>16</v>
      </c>
      <c r="BL29" s="261">
        <v>8</v>
      </c>
      <c r="BM29" s="261">
        <v>0</v>
      </c>
      <c r="BN29" s="261">
        <v>0</v>
      </c>
      <c r="BO29" s="258">
        <v>34</v>
      </c>
      <c r="BP29" s="263">
        <v>34</v>
      </c>
      <c r="BQ29" s="257">
        <v>0</v>
      </c>
      <c r="BR29" s="261">
        <v>0</v>
      </c>
      <c r="BS29" s="258">
        <v>0</v>
      </c>
      <c r="BT29" s="260">
        <v>0</v>
      </c>
      <c r="BU29" s="261">
        <v>10</v>
      </c>
      <c r="BV29" s="261">
        <v>4</v>
      </c>
      <c r="BW29" s="261">
        <v>3</v>
      </c>
      <c r="BX29" s="261">
        <v>8</v>
      </c>
      <c r="BY29" s="261">
        <v>0</v>
      </c>
      <c r="BZ29" s="258">
        <v>25</v>
      </c>
      <c r="CA29" s="263">
        <v>25</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58">
        <v>0</v>
      </c>
      <c r="E30" s="259">
        <v>0</v>
      </c>
      <c r="F30" s="260">
        <v>0</v>
      </c>
      <c r="G30" s="261">
        <v>9</v>
      </c>
      <c r="H30" s="261">
        <v>13</v>
      </c>
      <c r="I30" s="261">
        <v>0</v>
      </c>
      <c r="J30" s="261">
        <v>27</v>
      </c>
      <c r="K30" s="261">
        <v>0</v>
      </c>
      <c r="L30" s="262">
        <v>49</v>
      </c>
      <c r="M30" s="263">
        <v>49</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7</v>
      </c>
      <c r="AE30" s="261">
        <v>4</v>
      </c>
      <c r="AF30" s="261">
        <v>0</v>
      </c>
      <c r="AG30" s="261">
        <v>0</v>
      </c>
      <c r="AH30" s="258">
        <v>21</v>
      </c>
      <c r="AI30" s="263">
        <v>21</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4</v>
      </c>
      <c r="AZ30" s="261">
        <v>12</v>
      </c>
      <c r="BA30" s="261">
        <v>44</v>
      </c>
      <c r="BB30" s="261">
        <v>13</v>
      </c>
      <c r="BC30" s="261">
        <v>0</v>
      </c>
      <c r="BD30" s="262">
        <v>73</v>
      </c>
      <c r="BE30" s="263">
        <v>73</v>
      </c>
      <c r="BF30" s="257">
        <v>0</v>
      </c>
      <c r="BG30" s="261">
        <v>0</v>
      </c>
      <c r="BH30" s="258">
        <v>0</v>
      </c>
      <c r="BI30" s="260">
        <v>0</v>
      </c>
      <c r="BJ30" s="261">
        <v>0</v>
      </c>
      <c r="BK30" s="261">
        <v>3</v>
      </c>
      <c r="BL30" s="261">
        <v>0</v>
      </c>
      <c r="BM30" s="261">
        <v>0</v>
      </c>
      <c r="BN30" s="261">
        <v>0</v>
      </c>
      <c r="BO30" s="258">
        <v>3</v>
      </c>
      <c r="BP30" s="263">
        <v>3</v>
      </c>
      <c r="BQ30" s="257">
        <v>0</v>
      </c>
      <c r="BR30" s="261">
        <v>0</v>
      </c>
      <c r="BS30" s="258">
        <v>0</v>
      </c>
      <c r="BT30" s="260">
        <v>0</v>
      </c>
      <c r="BU30" s="261">
        <v>0</v>
      </c>
      <c r="BV30" s="261">
        <v>6</v>
      </c>
      <c r="BW30" s="261">
        <v>10</v>
      </c>
      <c r="BX30" s="261">
        <v>0</v>
      </c>
      <c r="BY30" s="261">
        <v>0</v>
      </c>
      <c r="BZ30" s="258">
        <v>16</v>
      </c>
      <c r="CA30" s="263">
        <v>16</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58">
        <v>0</v>
      </c>
      <c r="E31" s="259">
        <v>0</v>
      </c>
      <c r="F31" s="260">
        <v>0</v>
      </c>
      <c r="G31" s="261">
        <v>16</v>
      </c>
      <c r="H31" s="261">
        <v>25</v>
      </c>
      <c r="I31" s="261">
        <v>0</v>
      </c>
      <c r="J31" s="261">
        <v>73</v>
      </c>
      <c r="K31" s="261">
        <v>0</v>
      </c>
      <c r="L31" s="262">
        <v>114</v>
      </c>
      <c r="M31" s="263">
        <v>114</v>
      </c>
      <c r="N31" s="257">
        <v>0</v>
      </c>
      <c r="O31" s="261">
        <v>0</v>
      </c>
      <c r="P31" s="258">
        <v>0</v>
      </c>
      <c r="Q31" s="260">
        <v>0</v>
      </c>
      <c r="R31" s="261">
        <v>0</v>
      </c>
      <c r="S31" s="261">
        <v>0</v>
      </c>
      <c r="T31" s="261">
        <v>0</v>
      </c>
      <c r="U31" s="261">
        <v>0</v>
      </c>
      <c r="V31" s="261">
        <v>0</v>
      </c>
      <c r="W31" s="258">
        <v>0</v>
      </c>
      <c r="X31" s="263">
        <v>0</v>
      </c>
      <c r="Y31" s="257">
        <v>0</v>
      </c>
      <c r="Z31" s="261">
        <v>8</v>
      </c>
      <c r="AA31" s="258">
        <v>8</v>
      </c>
      <c r="AB31" s="260">
        <v>0</v>
      </c>
      <c r="AC31" s="261">
        <v>24</v>
      </c>
      <c r="AD31" s="261">
        <v>20</v>
      </c>
      <c r="AE31" s="261">
        <v>32</v>
      </c>
      <c r="AF31" s="261">
        <v>4</v>
      </c>
      <c r="AG31" s="261">
        <v>0</v>
      </c>
      <c r="AH31" s="258">
        <v>80</v>
      </c>
      <c r="AI31" s="263">
        <v>88</v>
      </c>
      <c r="AJ31" s="257">
        <v>0</v>
      </c>
      <c r="AK31" s="261">
        <v>0</v>
      </c>
      <c r="AL31" s="258">
        <v>0</v>
      </c>
      <c r="AM31" s="260">
        <v>0</v>
      </c>
      <c r="AN31" s="261">
        <v>9</v>
      </c>
      <c r="AO31" s="261">
        <v>0</v>
      </c>
      <c r="AP31" s="261">
        <v>0</v>
      </c>
      <c r="AQ31" s="261">
        <v>12</v>
      </c>
      <c r="AR31" s="261">
        <v>0</v>
      </c>
      <c r="AS31" s="258">
        <v>21</v>
      </c>
      <c r="AT31" s="263">
        <v>21</v>
      </c>
      <c r="AU31" s="257">
        <v>0</v>
      </c>
      <c r="AV31" s="261">
        <v>0</v>
      </c>
      <c r="AW31" s="258">
        <v>0</v>
      </c>
      <c r="AX31" s="260">
        <v>0</v>
      </c>
      <c r="AY31" s="261">
        <v>16</v>
      </c>
      <c r="AZ31" s="261">
        <v>5</v>
      </c>
      <c r="BA31" s="261">
        <v>3</v>
      </c>
      <c r="BB31" s="261">
        <v>13</v>
      </c>
      <c r="BC31" s="261">
        <v>0</v>
      </c>
      <c r="BD31" s="262">
        <v>37</v>
      </c>
      <c r="BE31" s="263">
        <v>37</v>
      </c>
      <c r="BF31" s="257">
        <v>0</v>
      </c>
      <c r="BG31" s="261">
        <v>0</v>
      </c>
      <c r="BH31" s="258">
        <v>0</v>
      </c>
      <c r="BI31" s="260">
        <v>0</v>
      </c>
      <c r="BJ31" s="261">
        <v>15</v>
      </c>
      <c r="BK31" s="261">
        <v>0</v>
      </c>
      <c r="BL31" s="261">
        <v>13</v>
      </c>
      <c r="BM31" s="261">
        <v>0</v>
      </c>
      <c r="BN31" s="261">
        <v>0</v>
      </c>
      <c r="BO31" s="258">
        <v>28</v>
      </c>
      <c r="BP31" s="263">
        <v>28</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2</v>
      </c>
      <c r="CG31" s="261">
        <v>0</v>
      </c>
      <c r="CH31" s="261">
        <v>0</v>
      </c>
      <c r="CI31" s="261">
        <v>0</v>
      </c>
      <c r="CJ31" s="261">
        <v>0</v>
      </c>
      <c r="CK31" s="258">
        <v>2</v>
      </c>
      <c r="CL31" s="263">
        <v>2</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58">
        <v>0</v>
      </c>
      <c r="E32" s="259">
        <v>0</v>
      </c>
      <c r="F32" s="260">
        <v>0</v>
      </c>
      <c r="G32" s="261">
        <v>23</v>
      </c>
      <c r="H32" s="261">
        <v>0</v>
      </c>
      <c r="I32" s="261">
        <v>60</v>
      </c>
      <c r="J32" s="261">
        <v>52</v>
      </c>
      <c r="K32" s="261">
        <v>0</v>
      </c>
      <c r="L32" s="262">
        <v>135</v>
      </c>
      <c r="M32" s="263">
        <v>135</v>
      </c>
      <c r="N32" s="257">
        <v>0</v>
      </c>
      <c r="O32" s="261">
        <v>0</v>
      </c>
      <c r="P32" s="258">
        <v>0</v>
      </c>
      <c r="Q32" s="260">
        <v>0</v>
      </c>
      <c r="R32" s="261">
        <v>4</v>
      </c>
      <c r="S32" s="261">
        <v>0</v>
      </c>
      <c r="T32" s="261">
        <v>0</v>
      </c>
      <c r="U32" s="261">
        <v>4</v>
      </c>
      <c r="V32" s="261">
        <v>0</v>
      </c>
      <c r="W32" s="258">
        <v>8</v>
      </c>
      <c r="X32" s="263">
        <v>8</v>
      </c>
      <c r="Y32" s="257">
        <v>0</v>
      </c>
      <c r="Z32" s="261">
        <v>0</v>
      </c>
      <c r="AA32" s="258">
        <v>0</v>
      </c>
      <c r="AB32" s="260">
        <v>0</v>
      </c>
      <c r="AC32" s="261">
        <v>20</v>
      </c>
      <c r="AD32" s="261">
        <v>0</v>
      </c>
      <c r="AE32" s="261">
        <v>0</v>
      </c>
      <c r="AF32" s="261">
        <v>4</v>
      </c>
      <c r="AG32" s="261">
        <v>0</v>
      </c>
      <c r="AH32" s="258">
        <v>24</v>
      </c>
      <c r="AI32" s="263">
        <v>24</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17</v>
      </c>
      <c r="AZ32" s="261">
        <v>18</v>
      </c>
      <c r="BA32" s="261">
        <v>0</v>
      </c>
      <c r="BB32" s="261">
        <v>0</v>
      </c>
      <c r="BC32" s="261">
        <v>0</v>
      </c>
      <c r="BD32" s="262">
        <v>35</v>
      </c>
      <c r="BE32" s="263">
        <v>35</v>
      </c>
      <c r="BF32" s="257">
        <v>0</v>
      </c>
      <c r="BG32" s="261">
        <v>0</v>
      </c>
      <c r="BH32" s="258">
        <v>0</v>
      </c>
      <c r="BI32" s="260">
        <v>0</v>
      </c>
      <c r="BJ32" s="261">
        <v>6</v>
      </c>
      <c r="BK32" s="261">
        <v>0</v>
      </c>
      <c r="BL32" s="261">
        <v>0</v>
      </c>
      <c r="BM32" s="261">
        <v>10</v>
      </c>
      <c r="BN32" s="261">
        <v>0</v>
      </c>
      <c r="BO32" s="258">
        <v>16</v>
      </c>
      <c r="BP32" s="263">
        <v>16</v>
      </c>
      <c r="BQ32" s="257">
        <v>0</v>
      </c>
      <c r="BR32" s="261">
        <v>0</v>
      </c>
      <c r="BS32" s="258">
        <v>0</v>
      </c>
      <c r="BT32" s="260">
        <v>0</v>
      </c>
      <c r="BU32" s="261">
        <v>0</v>
      </c>
      <c r="BV32" s="261">
        <v>12</v>
      </c>
      <c r="BW32" s="261">
        <v>0</v>
      </c>
      <c r="BX32" s="261">
        <v>6</v>
      </c>
      <c r="BY32" s="261">
        <v>0</v>
      </c>
      <c r="BZ32" s="258">
        <v>18</v>
      </c>
      <c r="CA32" s="263">
        <v>18</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58">
        <v>0</v>
      </c>
      <c r="E33" s="259">
        <v>0</v>
      </c>
      <c r="F33" s="260">
        <v>0</v>
      </c>
      <c r="G33" s="261">
        <v>17</v>
      </c>
      <c r="H33" s="261">
        <v>0</v>
      </c>
      <c r="I33" s="261">
        <v>0</v>
      </c>
      <c r="J33" s="261">
        <v>0</v>
      </c>
      <c r="K33" s="261">
        <v>0</v>
      </c>
      <c r="L33" s="262">
        <v>17</v>
      </c>
      <c r="M33" s="263">
        <v>17</v>
      </c>
      <c r="N33" s="257">
        <v>0</v>
      </c>
      <c r="O33" s="261">
        <v>0</v>
      </c>
      <c r="P33" s="258">
        <v>0</v>
      </c>
      <c r="Q33" s="260">
        <v>0</v>
      </c>
      <c r="R33" s="261">
        <v>0</v>
      </c>
      <c r="S33" s="261">
        <v>0</v>
      </c>
      <c r="T33" s="261">
        <v>0</v>
      </c>
      <c r="U33" s="261">
        <v>0</v>
      </c>
      <c r="V33" s="261">
        <v>9</v>
      </c>
      <c r="W33" s="258">
        <v>9</v>
      </c>
      <c r="X33" s="263">
        <v>9</v>
      </c>
      <c r="Y33" s="257">
        <v>0</v>
      </c>
      <c r="Z33" s="261">
        <v>0</v>
      </c>
      <c r="AA33" s="258">
        <v>0</v>
      </c>
      <c r="AB33" s="260">
        <v>0</v>
      </c>
      <c r="AC33" s="261">
        <v>27</v>
      </c>
      <c r="AD33" s="261">
        <v>9</v>
      </c>
      <c r="AE33" s="261">
        <v>23</v>
      </c>
      <c r="AF33" s="261">
        <v>5</v>
      </c>
      <c r="AG33" s="261">
        <v>27</v>
      </c>
      <c r="AH33" s="258">
        <v>91</v>
      </c>
      <c r="AI33" s="263">
        <v>91</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11</v>
      </c>
      <c r="AZ33" s="261">
        <v>35</v>
      </c>
      <c r="BA33" s="261">
        <v>18</v>
      </c>
      <c r="BB33" s="261">
        <v>0</v>
      </c>
      <c r="BC33" s="261">
        <v>0</v>
      </c>
      <c r="BD33" s="262">
        <v>64</v>
      </c>
      <c r="BE33" s="263">
        <v>64</v>
      </c>
      <c r="BF33" s="257">
        <v>0</v>
      </c>
      <c r="BG33" s="261">
        <v>0</v>
      </c>
      <c r="BH33" s="258">
        <v>0</v>
      </c>
      <c r="BI33" s="260">
        <v>0</v>
      </c>
      <c r="BJ33" s="261">
        <v>7</v>
      </c>
      <c r="BK33" s="261">
        <v>11</v>
      </c>
      <c r="BL33" s="261">
        <v>0</v>
      </c>
      <c r="BM33" s="261">
        <v>0</v>
      </c>
      <c r="BN33" s="261">
        <v>0</v>
      </c>
      <c r="BO33" s="258">
        <v>18</v>
      </c>
      <c r="BP33" s="263">
        <v>18</v>
      </c>
      <c r="BQ33" s="257">
        <v>0</v>
      </c>
      <c r="BR33" s="261">
        <v>0</v>
      </c>
      <c r="BS33" s="258">
        <v>0</v>
      </c>
      <c r="BT33" s="260">
        <v>0</v>
      </c>
      <c r="BU33" s="261">
        <v>4</v>
      </c>
      <c r="BV33" s="261">
        <v>0</v>
      </c>
      <c r="BW33" s="261">
        <v>0</v>
      </c>
      <c r="BX33" s="261">
        <v>0</v>
      </c>
      <c r="BY33" s="261">
        <v>0</v>
      </c>
      <c r="BZ33" s="258">
        <v>4</v>
      </c>
      <c r="CA33" s="263">
        <v>4</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58">
        <v>0</v>
      </c>
      <c r="E34" s="259">
        <v>0</v>
      </c>
      <c r="F34" s="260">
        <v>0</v>
      </c>
      <c r="G34" s="261">
        <v>18</v>
      </c>
      <c r="H34" s="261">
        <v>20</v>
      </c>
      <c r="I34" s="261">
        <v>15</v>
      </c>
      <c r="J34" s="261">
        <v>0</v>
      </c>
      <c r="K34" s="261">
        <v>106</v>
      </c>
      <c r="L34" s="262">
        <v>159</v>
      </c>
      <c r="M34" s="263">
        <v>159</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12</v>
      </c>
      <c r="AD34" s="261">
        <v>13</v>
      </c>
      <c r="AE34" s="261">
        <v>0</v>
      </c>
      <c r="AF34" s="261">
        <v>0</v>
      </c>
      <c r="AG34" s="261">
        <v>16</v>
      </c>
      <c r="AH34" s="258">
        <v>41</v>
      </c>
      <c r="AI34" s="263">
        <v>41</v>
      </c>
      <c r="AJ34" s="257">
        <v>0</v>
      </c>
      <c r="AK34" s="261">
        <v>0</v>
      </c>
      <c r="AL34" s="258">
        <v>0</v>
      </c>
      <c r="AM34" s="260">
        <v>0</v>
      </c>
      <c r="AN34" s="261">
        <v>0</v>
      </c>
      <c r="AO34" s="261">
        <v>9</v>
      </c>
      <c r="AP34" s="261">
        <v>0</v>
      </c>
      <c r="AQ34" s="261">
        <v>9</v>
      </c>
      <c r="AR34" s="261">
        <v>0</v>
      </c>
      <c r="AS34" s="258">
        <v>18</v>
      </c>
      <c r="AT34" s="263">
        <v>18</v>
      </c>
      <c r="AU34" s="257">
        <v>0</v>
      </c>
      <c r="AV34" s="261">
        <v>0</v>
      </c>
      <c r="AW34" s="258">
        <v>0</v>
      </c>
      <c r="AX34" s="260">
        <v>0</v>
      </c>
      <c r="AY34" s="261">
        <v>22</v>
      </c>
      <c r="AZ34" s="261">
        <v>61</v>
      </c>
      <c r="BA34" s="261">
        <v>0</v>
      </c>
      <c r="BB34" s="261">
        <v>14</v>
      </c>
      <c r="BC34" s="261">
        <v>6</v>
      </c>
      <c r="BD34" s="262">
        <v>103</v>
      </c>
      <c r="BE34" s="263">
        <v>103</v>
      </c>
      <c r="BF34" s="257">
        <v>0</v>
      </c>
      <c r="BG34" s="261">
        <v>0</v>
      </c>
      <c r="BH34" s="258">
        <v>0</v>
      </c>
      <c r="BI34" s="260">
        <v>0</v>
      </c>
      <c r="BJ34" s="261">
        <v>0</v>
      </c>
      <c r="BK34" s="261">
        <v>0</v>
      </c>
      <c r="BL34" s="261">
        <v>8</v>
      </c>
      <c r="BM34" s="261">
        <v>10</v>
      </c>
      <c r="BN34" s="261">
        <v>4</v>
      </c>
      <c r="BO34" s="258">
        <v>22</v>
      </c>
      <c r="BP34" s="263">
        <v>22</v>
      </c>
      <c r="BQ34" s="257">
        <v>0</v>
      </c>
      <c r="BR34" s="261">
        <v>0</v>
      </c>
      <c r="BS34" s="258">
        <v>0</v>
      </c>
      <c r="BT34" s="260">
        <v>0</v>
      </c>
      <c r="BU34" s="261">
        <v>0</v>
      </c>
      <c r="BV34" s="261">
        <v>3</v>
      </c>
      <c r="BW34" s="261">
        <v>0</v>
      </c>
      <c r="BX34" s="261">
        <v>7</v>
      </c>
      <c r="BY34" s="261">
        <v>2</v>
      </c>
      <c r="BZ34" s="258">
        <v>12</v>
      </c>
      <c r="CA34" s="263">
        <v>12</v>
      </c>
      <c r="CB34" s="257">
        <v>0</v>
      </c>
      <c r="CC34" s="261">
        <v>0</v>
      </c>
      <c r="CD34" s="258">
        <v>0</v>
      </c>
      <c r="CE34" s="260">
        <v>0</v>
      </c>
      <c r="CF34" s="261">
        <v>0</v>
      </c>
      <c r="CG34" s="261">
        <v>0</v>
      </c>
      <c r="CH34" s="261">
        <v>0</v>
      </c>
      <c r="CI34" s="261">
        <v>0</v>
      </c>
      <c r="CJ34" s="261">
        <v>3</v>
      </c>
      <c r="CK34" s="258">
        <v>3</v>
      </c>
      <c r="CL34" s="263">
        <v>3</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58">
        <v>0</v>
      </c>
      <c r="E35" s="259">
        <v>0</v>
      </c>
      <c r="F35" s="260">
        <v>0</v>
      </c>
      <c r="G35" s="261">
        <v>35</v>
      </c>
      <c r="H35" s="261">
        <v>0</v>
      </c>
      <c r="I35" s="261">
        <v>0</v>
      </c>
      <c r="J35" s="261">
        <v>0</v>
      </c>
      <c r="K35" s="261">
        <v>96</v>
      </c>
      <c r="L35" s="262">
        <v>131</v>
      </c>
      <c r="M35" s="263">
        <v>131</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0</v>
      </c>
      <c r="AD35" s="261">
        <v>4</v>
      </c>
      <c r="AE35" s="261">
        <v>0</v>
      </c>
      <c r="AF35" s="261">
        <v>0</v>
      </c>
      <c r="AG35" s="261">
        <v>2</v>
      </c>
      <c r="AH35" s="258">
        <v>6</v>
      </c>
      <c r="AI35" s="263">
        <v>6</v>
      </c>
      <c r="AJ35" s="257">
        <v>0</v>
      </c>
      <c r="AK35" s="261">
        <v>0</v>
      </c>
      <c r="AL35" s="258">
        <v>0</v>
      </c>
      <c r="AM35" s="260">
        <v>0</v>
      </c>
      <c r="AN35" s="261">
        <v>30</v>
      </c>
      <c r="AO35" s="261">
        <v>27</v>
      </c>
      <c r="AP35" s="261">
        <v>21</v>
      </c>
      <c r="AQ35" s="261">
        <v>0</v>
      </c>
      <c r="AR35" s="261">
        <v>24</v>
      </c>
      <c r="AS35" s="258">
        <v>102</v>
      </c>
      <c r="AT35" s="263">
        <v>102</v>
      </c>
      <c r="AU35" s="257">
        <v>0</v>
      </c>
      <c r="AV35" s="261">
        <v>0</v>
      </c>
      <c r="AW35" s="258">
        <v>0</v>
      </c>
      <c r="AX35" s="260">
        <v>0</v>
      </c>
      <c r="AY35" s="261">
        <v>14</v>
      </c>
      <c r="AZ35" s="261">
        <v>0</v>
      </c>
      <c r="BA35" s="261">
        <v>0</v>
      </c>
      <c r="BB35" s="261">
        <v>0</v>
      </c>
      <c r="BC35" s="261">
        <v>11</v>
      </c>
      <c r="BD35" s="262">
        <v>25</v>
      </c>
      <c r="BE35" s="263">
        <v>25</v>
      </c>
      <c r="BF35" s="257">
        <v>0</v>
      </c>
      <c r="BG35" s="261">
        <v>0</v>
      </c>
      <c r="BH35" s="258">
        <v>0</v>
      </c>
      <c r="BI35" s="260">
        <v>0</v>
      </c>
      <c r="BJ35" s="261">
        <v>7</v>
      </c>
      <c r="BK35" s="261">
        <v>0</v>
      </c>
      <c r="BL35" s="261">
        <v>9</v>
      </c>
      <c r="BM35" s="261">
        <v>0</v>
      </c>
      <c r="BN35" s="261">
        <v>0</v>
      </c>
      <c r="BO35" s="258">
        <v>16</v>
      </c>
      <c r="BP35" s="263">
        <v>16</v>
      </c>
      <c r="BQ35" s="257">
        <v>0</v>
      </c>
      <c r="BR35" s="261">
        <v>0</v>
      </c>
      <c r="BS35" s="258">
        <v>0</v>
      </c>
      <c r="BT35" s="260">
        <v>0</v>
      </c>
      <c r="BU35" s="261">
        <v>0</v>
      </c>
      <c r="BV35" s="261">
        <v>0</v>
      </c>
      <c r="BW35" s="261">
        <v>3</v>
      </c>
      <c r="BX35" s="261">
        <v>32</v>
      </c>
      <c r="BY35" s="261">
        <v>0</v>
      </c>
      <c r="BZ35" s="258">
        <v>35</v>
      </c>
      <c r="CA35" s="263">
        <v>35</v>
      </c>
      <c r="CB35" s="257">
        <v>0</v>
      </c>
      <c r="CC35" s="261">
        <v>0</v>
      </c>
      <c r="CD35" s="258">
        <v>0</v>
      </c>
      <c r="CE35" s="260">
        <v>0</v>
      </c>
      <c r="CF35" s="261">
        <v>7</v>
      </c>
      <c r="CG35" s="261">
        <v>0</v>
      </c>
      <c r="CH35" s="261">
        <v>0</v>
      </c>
      <c r="CI35" s="261">
        <v>0</v>
      </c>
      <c r="CJ35" s="261">
        <v>0</v>
      </c>
      <c r="CK35" s="258">
        <v>7</v>
      </c>
      <c r="CL35" s="263">
        <v>7</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58">
        <v>0</v>
      </c>
      <c r="E36" s="259">
        <v>0</v>
      </c>
      <c r="F36" s="260">
        <v>0</v>
      </c>
      <c r="G36" s="261">
        <v>13</v>
      </c>
      <c r="H36" s="261">
        <v>0</v>
      </c>
      <c r="I36" s="261">
        <v>0</v>
      </c>
      <c r="J36" s="261">
        <v>0</v>
      </c>
      <c r="K36" s="261">
        <v>0</v>
      </c>
      <c r="L36" s="262">
        <v>13</v>
      </c>
      <c r="M36" s="263">
        <v>13</v>
      </c>
      <c r="N36" s="257">
        <v>0</v>
      </c>
      <c r="O36" s="261">
        <v>0</v>
      </c>
      <c r="P36" s="258">
        <v>0</v>
      </c>
      <c r="Q36" s="260">
        <v>0</v>
      </c>
      <c r="R36" s="261">
        <v>0</v>
      </c>
      <c r="S36" s="261">
        <v>0</v>
      </c>
      <c r="T36" s="261">
        <v>0</v>
      </c>
      <c r="U36" s="261">
        <v>0</v>
      </c>
      <c r="V36" s="261">
        <v>0</v>
      </c>
      <c r="W36" s="258">
        <v>0</v>
      </c>
      <c r="X36" s="263">
        <v>0</v>
      </c>
      <c r="Y36" s="257">
        <v>0</v>
      </c>
      <c r="Z36" s="261">
        <v>17</v>
      </c>
      <c r="AA36" s="258">
        <v>17</v>
      </c>
      <c r="AB36" s="260">
        <v>0</v>
      </c>
      <c r="AC36" s="261">
        <v>0</v>
      </c>
      <c r="AD36" s="261">
        <v>0</v>
      </c>
      <c r="AE36" s="261">
        <v>0</v>
      </c>
      <c r="AF36" s="261">
        <v>0</v>
      </c>
      <c r="AG36" s="261">
        <v>0</v>
      </c>
      <c r="AH36" s="258">
        <v>0</v>
      </c>
      <c r="AI36" s="263">
        <v>17</v>
      </c>
      <c r="AJ36" s="257">
        <v>0</v>
      </c>
      <c r="AK36" s="261">
        <v>0</v>
      </c>
      <c r="AL36" s="258">
        <v>0</v>
      </c>
      <c r="AM36" s="260">
        <v>0</v>
      </c>
      <c r="AN36" s="261">
        <v>0</v>
      </c>
      <c r="AO36" s="261">
        <v>19</v>
      </c>
      <c r="AP36" s="261">
        <v>0</v>
      </c>
      <c r="AQ36" s="261">
        <v>0</v>
      </c>
      <c r="AR36" s="261">
        <v>0</v>
      </c>
      <c r="AS36" s="258">
        <v>19</v>
      </c>
      <c r="AT36" s="263">
        <v>19</v>
      </c>
      <c r="AU36" s="257">
        <v>0</v>
      </c>
      <c r="AV36" s="261">
        <v>0</v>
      </c>
      <c r="AW36" s="258">
        <v>0</v>
      </c>
      <c r="AX36" s="260">
        <v>0</v>
      </c>
      <c r="AY36" s="261">
        <v>0</v>
      </c>
      <c r="AZ36" s="261">
        <v>3</v>
      </c>
      <c r="BA36" s="261">
        <v>26</v>
      </c>
      <c r="BB36" s="261">
        <v>0</v>
      </c>
      <c r="BC36" s="261">
        <v>0</v>
      </c>
      <c r="BD36" s="262">
        <v>29</v>
      </c>
      <c r="BE36" s="263">
        <v>29</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58">
        <v>0</v>
      </c>
      <c r="E37" s="259">
        <v>0</v>
      </c>
      <c r="F37" s="260">
        <v>0</v>
      </c>
      <c r="G37" s="261">
        <v>69</v>
      </c>
      <c r="H37" s="261">
        <v>24</v>
      </c>
      <c r="I37" s="261">
        <v>-55</v>
      </c>
      <c r="J37" s="261">
        <v>0</v>
      </c>
      <c r="K37" s="261">
        <v>35</v>
      </c>
      <c r="L37" s="262">
        <v>73</v>
      </c>
      <c r="M37" s="263">
        <v>73</v>
      </c>
      <c r="N37" s="257">
        <v>0</v>
      </c>
      <c r="O37" s="261">
        <v>0</v>
      </c>
      <c r="P37" s="258">
        <v>0</v>
      </c>
      <c r="Q37" s="260">
        <v>0</v>
      </c>
      <c r="R37" s="261">
        <v>0</v>
      </c>
      <c r="S37" s="261">
        <v>0</v>
      </c>
      <c r="T37" s="261">
        <v>0</v>
      </c>
      <c r="U37" s="261">
        <v>5</v>
      </c>
      <c r="V37" s="261">
        <v>2</v>
      </c>
      <c r="W37" s="258">
        <v>7</v>
      </c>
      <c r="X37" s="263">
        <v>7</v>
      </c>
      <c r="Y37" s="257">
        <v>0</v>
      </c>
      <c r="Z37" s="261">
        <v>6</v>
      </c>
      <c r="AA37" s="258">
        <v>6</v>
      </c>
      <c r="AB37" s="260">
        <v>0</v>
      </c>
      <c r="AC37" s="261">
        <v>14</v>
      </c>
      <c r="AD37" s="261">
        <v>21</v>
      </c>
      <c r="AE37" s="261">
        <v>8</v>
      </c>
      <c r="AF37" s="261">
        <v>35</v>
      </c>
      <c r="AG37" s="261">
        <v>8</v>
      </c>
      <c r="AH37" s="258">
        <v>86</v>
      </c>
      <c r="AI37" s="263">
        <v>92</v>
      </c>
      <c r="AJ37" s="257">
        <v>11</v>
      </c>
      <c r="AK37" s="261">
        <v>12</v>
      </c>
      <c r="AL37" s="258">
        <v>23</v>
      </c>
      <c r="AM37" s="260">
        <v>0</v>
      </c>
      <c r="AN37" s="261">
        <v>47</v>
      </c>
      <c r="AO37" s="261">
        <v>0</v>
      </c>
      <c r="AP37" s="261">
        <v>0</v>
      </c>
      <c r="AQ37" s="261">
        <v>21</v>
      </c>
      <c r="AR37" s="261">
        <v>0</v>
      </c>
      <c r="AS37" s="258">
        <v>68</v>
      </c>
      <c r="AT37" s="263">
        <v>91</v>
      </c>
      <c r="AU37" s="257">
        <v>0</v>
      </c>
      <c r="AV37" s="261">
        <v>0</v>
      </c>
      <c r="AW37" s="258">
        <v>0</v>
      </c>
      <c r="AX37" s="260">
        <v>0</v>
      </c>
      <c r="AY37" s="261">
        <v>13</v>
      </c>
      <c r="AZ37" s="261">
        <v>18</v>
      </c>
      <c r="BA37" s="261">
        <v>4</v>
      </c>
      <c r="BB37" s="261">
        <v>8</v>
      </c>
      <c r="BC37" s="261">
        <v>7</v>
      </c>
      <c r="BD37" s="262">
        <v>50</v>
      </c>
      <c r="BE37" s="263">
        <v>50</v>
      </c>
      <c r="BF37" s="257">
        <v>0</v>
      </c>
      <c r="BG37" s="261">
        <v>0</v>
      </c>
      <c r="BH37" s="258">
        <v>0</v>
      </c>
      <c r="BI37" s="260">
        <v>0</v>
      </c>
      <c r="BJ37" s="261">
        <v>15</v>
      </c>
      <c r="BK37" s="261">
        <v>8</v>
      </c>
      <c r="BL37" s="261">
        <v>0</v>
      </c>
      <c r="BM37" s="261">
        <v>11</v>
      </c>
      <c r="BN37" s="261">
        <v>0</v>
      </c>
      <c r="BO37" s="258">
        <v>34</v>
      </c>
      <c r="BP37" s="263">
        <v>34</v>
      </c>
      <c r="BQ37" s="257">
        <v>0</v>
      </c>
      <c r="BR37" s="261">
        <v>0</v>
      </c>
      <c r="BS37" s="258">
        <v>0</v>
      </c>
      <c r="BT37" s="260">
        <v>0</v>
      </c>
      <c r="BU37" s="261">
        <v>0</v>
      </c>
      <c r="BV37" s="261">
        <v>0</v>
      </c>
      <c r="BW37" s="261">
        <v>0</v>
      </c>
      <c r="BX37" s="261">
        <v>20</v>
      </c>
      <c r="BY37" s="261">
        <v>9</v>
      </c>
      <c r="BZ37" s="258">
        <v>29</v>
      </c>
      <c r="CA37" s="263">
        <v>29</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58">
        <v>0</v>
      </c>
      <c r="E38" s="259">
        <v>0</v>
      </c>
      <c r="F38" s="260">
        <v>0</v>
      </c>
      <c r="G38" s="261">
        <v>0</v>
      </c>
      <c r="H38" s="261">
        <v>4</v>
      </c>
      <c r="I38" s="261">
        <v>0</v>
      </c>
      <c r="J38" s="261">
        <v>90</v>
      </c>
      <c r="K38" s="261">
        <v>120</v>
      </c>
      <c r="L38" s="262">
        <v>214</v>
      </c>
      <c r="M38" s="263">
        <v>214</v>
      </c>
      <c r="N38" s="257">
        <v>0</v>
      </c>
      <c r="O38" s="261">
        <v>0</v>
      </c>
      <c r="P38" s="258">
        <v>0</v>
      </c>
      <c r="Q38" s="260">
        <v>0</v>
      </c>
      <c r="R38" s="261">
        <v>0</v>
      </c>
      <c r="S38" s="261">
        <v>0</v>
      </c>
      <c r="T38" s="261">
        <v>0</v>
      </c>
      <c r="U38" s="261">
        <v>0</v>
      </c>
      <c r="V38" s="261">
        <v>0</v>
      </c>
      <c r="W38" s="258">
        <v>0</v>
      </c>
      <c r="X38" s="263">
        <v>0</v>
      </c>
      <c r="Y38" s="257">
        <v>6</v>
      </c>
      <c r="Z38" s="261">
        <v>9</v>
      </c>
      <c r="AA38" s="258">
        <v>15</v>
      </c>
      <c r="AB38" s="260">
        <v>0</v>
      </c>
      <c r="AC38" s="261">
        <v>13</v>
      </c>
      <c r="AD38" s="261">
        <v>4</v>
      </c>
      <c r="AE38" s="261">
        <v>0</v>
      </c>
      <c r="AF38" s="261">
        <v>1</v>
      </c>
      <c r="AG38" s="261">
        <v>10</v>
      </c>
      <c r="AH38" s="258">
        <v>28</v>
      </c>
      <c r="AI38" s="263">
        <v>43</v>
      </c>
      <c r="AJ38" s="257">
        <v>0</v>
      </c>
      <c r="AK38" s="261">
        <v>0</v>
      </c>
      <c r="AL38" s="258">
        <v>0</v>
      </c>
      <c r="AM38" s="260">
        <v>0</v>
      </c>
      <c r="AN38" s="261">
        <v>16</v>
      </c>
      <c r="AO38" s="261">
        <v>0</v>
      </c>
      <c r="AP38" s="261">
        <v>0</v>
      </c>
      <c r="AQ38" s="261">
        <v>0</v>
      </c>
      <c r="AR38" s="261">
        <v>0</v>
      </c>
      <c r="AS38" s="258">
        <v>16</v>
      </c>
      <c r="AT38" s="263">
        <v>16</v>
      </c>
      <c r="AU38" s="257">
        <v>0</v>
      </c>
      <c r="AV38" s="261">
        <v>0</v>
      </c>
      <c r="AW38" s="258">
        <v>0</v>
      </c>
      <c r="AX38" s="260">
        <v>0</v>
      </c>
      <c r="AY38" s="261">
        <v>5</v>
      </c>
      <c r="AZ38" s="261">
        <v>45</v>
      </c>
      <c r="BA38" s="261">
        <v>5</v>
      </c>
      <c r="BB38" s="261">
        <v>14</v>
      </c>
      <c r="BC38" s="261">
        <v>6</v>
      </c>
      <c r="BD38" s="262">
        <v>75</v>
      </c>
      <c r="BE38" s="263">
        <v>75</v>
      </c>
      <c r="BF38" s="257">
        <v>0</v>
      </c>
      <c r="BG38" s="261">
        <v>0</v>
      </c>
      <c r="BH38" s="258">
        <v>0</v>
      </c>
      <c r="BI38" s="260">
        <v>0</v>
      </c>
      <c r="BJ38" s="261">
        <v>4</v>
      </c>
      <c r="BK38" s="261">
        <v>0</v>
      </c>
      <c r="BL38" s="261">
        <v>0</v>
      </c>
      <c r="BM38" s="261">
        <v>0</v>
      </c>
      <c r="BN38" s="261">
        <v>0</v>
      </c>
      <c r="BO38" s="258">
        <v>4</v>
      </c>
      <c r="BP38" s="263">
        <v>4</v>
      </c>
      <c r="BQ38" s="257">
        <v>0</v>
      </c>
      <c r="BR38" s="261">
        <v>0</v>
      </c>
      <c r="BS38" s="258">
        <v>0</v>
      </c>
      <c r="BT38" s="260">
        <v>0</v>
      </c>
      <c r="BU38" s="261">
        <v>0</v>
      </c>
      <c r="BV38" s="261">
        <v>20</v>
      </c>
      <c r="BW38" s="261">
        <v>0</v>
      </c>
      <c r="BX38" s="261">
        <v>8</v>
      </c>
      <c r="BY38" s="261">
        <v>0</v>
      </c>
      <c r="BZ38" s="258">
        <v>28</v>
      </c>
      <c r="CA38" s="263">
        <v>28</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5">
        <v>0</v>
      </c>
      <c r="E39" s="266">
        <v>0</v>
      </c>
      <c r="F39" s="267">
        <v>0</v>
      </c>
      <c r="G39" s="268">
        <v>0</v>
      </c>
      <c r="H39" s="268">
        <v>0</v>
      </c>
      <c r="I39" s="268">
        <v>0</v>
      </c>
      <c r="J39" s="268">
        <v>0</v>
      </c>
      <c r="K39" s="268">
        <v>20</v>
      </c>
      <c r="L39" s="269">
        <v>20</v>
      </c>
      <c r="M39" s="270">
        <v>2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3</v>
      </c>
      <c r="AH39" s="265">
        <v>3</v>
      </c>
      <c r="AI39" s="270">
        <v>3</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9">
        <v>0</v>
      </c>
      <c r="BE39" s="270">
        <v>0</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5</v>
      </c>
      <c r="CK39" s="265">
        <v>5</v>
      </c>
      <c r="CL39" s="270">
        <v>5</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15" t="s">
        <v>128</v>
      </c>
      <c r="F1" s="17"/>
      <c r="H1" s="500">
        <f>第１表!F2</f>
        <v>5</v>
      </c>
      <c r="I1" s="500"/>
      <c r="J1" s="235">
        <f>第１表!G2</f>
        <v>11</v>
      </c>
      <c r="K1" s="531">
        <f>IF(J1&lt;3,J1-2+12,J1-2)</f>
        <v>9</v>
      </c>
      <c r="L1" s="531"/>
    </row>
    <row r="2" spans="2:35" ht="24" customHeight="1" thickBot="1" x14ac:dyDescent="0.25">
      <c r="J2" s="5"/>
      <c r="K2" s="5"/>
      <c r="L2" s="5"/>
      <c r="M2" s="5"/>
      <c r="N2" s="5"/>
      <c r="O2" s="5"/>
      <c r="P2" s="25"/>
      <c r="Q2" s="25"/>
      <c r="R2" s="25"/>
    </row>
    <row r="3" spans="2:35" ht="21" customHeight="1" thickBot="1" x14ac:dyDescent="0.25">
      <c r="B3" s="21"/>
      <c r="C3" s="532" t="s">
        <v>53</v>
      </c>
      <c r="D3" s="533"/>
      <c r="E3" s="533"/>
      <c r="F3" s="533"/>
      <c r="G3" s="533"/>
      <c r="H3" s="533"/>
      <c r="I3" s="533"/>
      <c r="J3" s="533"/>
      <c r="K3" s="533"/>
      <c r="L3" s="533"/>
      <c r="M3" s="534"/>
      <c r="N3" s="532" t="s">
        <v>54</v>
      </c>
      <c r="O3" s="533"/>
      <c r="P3" s="533"/>
      <c r="Q3" s="533"/>
      <c r="R3" s="533"/>
      <c r="S3" s="533"/>
      <c r="T3" s="533"/>
      <c r="U3" s="533"/>
      <c r="V3" s="533"/>
      <c r="W3" s="533"/>
      <c r="X3" s="534"/>
      <c r="Y3" s="532" t="s">
        <v>55</v>
      </c>
      <c r="Z3" s="533"/>
      <c r="AA3" s="533"/>
      <c r="AB3" s="533"/>
      <c r="AC3" s="533"/>
      <c r="AD3" s="533"/>
      <c r="AE3" s="533"/>
      <c r="AF3" s="533"/>
      <c r="AG3" s="533"/>
      <c r="AH3" s="533"/>
      <c r="AI3" s="534"/>
    </row>
    <row r="4" spans="2:35" ht="30" customHeight="1" thickBot="1" x14ac:dyDescent="0.25">
      <c r="B4" s="21" t="s">
        <v>42</v>
      </c>
      <c r="C4" s="22" t="s">
        <v>43</v>
      </c>
      <c r="D4" s="6" t="s">
        <v>44</v>
      </c>
      <c r="E4" s="23" t="s">
        <v>45</v>
      </c>
      <c r="F4" s="24" t="s">
        <v>46</v>
      </c>
      <c r="G4" s="6" t="s">
        <v>47</v>
      </c>
      <c r="H4" s="6" t="s">
        <v>48</v>
      </c>
      <c r="I4" s="6" t="s">
        <v>49</v>
      </c>
      <c r="J4" s="6" t="s">
        <v>50</v>
      </c>
      <c r="K4" s="6" t="s">
        <v>51</v>
      </c>
      <c r="L4" s="23" t="s">
        <v>45</v>
      </c>
      <c r="M4" s="11" t="s">
        <v>52</v>
      </c>
      <c r="N4" s="22" t="s">
        <v>43</v>
      </c>
      <c r="O4" s="6" t="s">
        <v>44</v>
      </c>
      <c r="P4" s="23" t="s">
        <v>45</v>
      </c>
      <c r="Q4" s="24" t="s">
        <v>46</v>
      </c>
      <c r="R4" s="6" t="s">
        <v>47</v>
      </c>
      <c r="S4" s="6" t="s">
        <v>48</v>
      </c>
      <c r="T4" s="6" t="s">
        <v>49</v>
      </c>
      <c r="U4" s="6" t="s">
        <v>50</v>
      </c>
      <c r="V4" s="6" t="s">
        <v>51</v>
      </c>
      <c r="W4" s="23" t="s">
        <v>45</v>
      </c>
      <c r="X4" s="11" t="s">
        <v>52</v>
      </c>
      <c r="Y4" s="22" t="s">
        <v>43</v>
      </c>
      <c r="Z4" s="6" t="s">
        <v>44</v>
      </c>
      <c r="AA4" s="23" t="s">
        <v>45</v>
      </c>
      <c r="AB4" s="24" t="s">
        <v>46</v>
      </c>
      <c r="AC4" s="6" t="s">
        <v>47</v>
      </c>
      <c r="AD4" s="6" t="s">
        <v>48</v>
      </c>
      <c r="AE4" s="6" t="s">
        <v>49</v>
      </c>
      <c r="AF4" s="6" t="s">
        <v>50</v>
      </c>
      <c r="AG4" s="6" t="s">
        <v>51</v>
      </c>
      <c r="AH4" s="23" t="s">
        <v>45</v>
      </c>
      <c r="AI4" s="11" t="s">
        <v>52</v>
      </c>
    </row>
    <row r="5" spans="2:35" ht="21" customHeight="1" x14ac:dyDescent="0.2">
      <c r="B5" s="470" t="s">
        <v>4</v>
      </c>
      <c r="C5" s="81">
        <v>177</v>
      </c>
      <c r="D5" s="82">
        <v>321</v>
      </c>
      <c r="E5" s="83">
        <v>498</v>
      </c>
      <c r="F5" s="84">
        <v>0</v>
      </c>
      <c r="G5" s="82">
        <v>18819</v>
      </c>
      <c r="H5" s="82">
        <v>19340</v>
      </c>
      <c r="I5" s="82">
        <v>12917</v>
      </c>
      <c r="J5" s="82">
        <v>8174</v>
      </c>
      <c r="K5" s="82">
        <v>5188</v>
      </c>
      <c r="L5" s="83">
        <v>64438</v>
      </c>
      <c r="M5" s="85">
        <v>64936</v>
      </c>
      <c r="N5" s="86">
        <v>0</v>
      </c>
      <c r="O5" s="82">
        <v>3</v>
      </c>
      <c r="P5" s="83">
        <v>3</v>
      </c>
      <c r="Q5" s="84">
        <v>0</v>
      </c>
      <c r="R5" s="82">
        <v>210</v>
      </c>
      <c r="S5" s="82">
        <v>352</v>
      </c>
      <c r="T5" s="82">
        <v>229</v>
      </c>
      <c r="U5" s="82">
        <v>167</v>
      </c>
      <c r="V5" s="82">
        <v>173</v>
      </c>
      <c r="W5" s="83">
        <v>1131</v>
      </c>
      <c r="X5" s="85">
        <v>1134</v>
      </c>
      <c r="Y5" s="86">
        <v>177</v>
      </c>
      <c r="Z5" s="82">
        <v>324</v>
      </c>
      <c r="AA5" s="83">
        <v>501</v>
      </c>
      <c r="AB5" s="84">
        <v>0</v>
      </c>
      <c r="AC5" s="82">
        <v>19029</v>
      </c>
      <c r="AD5" s="82">
        <v>19692</v>
      </c>
      <c r="AE5" s="82">
        <v>13146</v>
      </c>
      <c r="AF5" s="82">
        <v>8341</v>
      </c>
      <c r="AG5" s="82">
        <v>5361</v>
      </c>
      <c r="AH5" s="83">
        <v>65569</v>
      </c>
      <c r="AI5" s="85">
        <v>66070</v>
      </c>
    </row>
    <row r="6" spans="2:35" ht="21" customHeight="1" x14ac:dyDescent="0.2">
      <c r="B6" s="471" t="s">
        <v>5</v>
      </c>
      <c r="C6" s="87">
        <v>76</v>
      </c>
      <c r="D6" s="88">
        <v>123</v>
      </c>
      <c r="E6" s="89">
        <v>199</v>
      </c>
      <c r="F6" s="90">
        <v>0</v>
      </c>
      <c r="G6" s="88">
        <v>7080</v>
      </c>
      <c r="H6" s="88">
        <v>9185</v>
      </c>
      <c r="I6" s="88">
        <v>5765</v>
      </c>
      <c r="J6" s="88">
        <v>3628</v>
      </c>
      <c r="K6" s="88">
        <v>2384</v>
      </c>
      <c r="L6" s="89">
        <v>28042</v>
      </c>
      <c r="M6" s="91">
        <v>28241</v>
      </c>
      <c r="N6" s="92">
        <v>0</v>
      </c>
      <c r="O6" s="88">
        <v>0</v>
      </c>
      <c r="P6" s="89">
        <v>0</v>
      </c>
      <c r="Q6" s="90">
        <v>0</v>
      </c>
      <c r="R6" s="88">
        <v>68</v>
      </c>
      <c r="S6" s="88">
        <v>168</v>
      </c>
      <c r="T6" s="88">
        <v>122</v>
      </c>
      <c r="U6" s="88">
        <v>84</v>
      </c>
      <c r="V6" s="88">
        <v>82</v>
      </c>
      <c r="W6" s="89">
        <v>524</v>
      </c>
      <c r="X6" s="91">
        <v>524</v>
      </c>
      <c r="Y6" s="92">
        <v>76</v>
      </c>
      <c r="Z6" s="88">
        <v>123</v>
      </c>
      <c r="AA6" s="89">
        <v>199</v>
      </c>
      <c r="AB6" s="90">
        <v>0</v>
      </c>
      <c r="AC6" s="88">
        <v>7148</v>
      </c>
      <c r="AD6" s="88">
        <v>9353</v>
      </c>
      <c r="AE6" s="88">
        <v>5887</v>
      </c>
      <c r="AF6" s="88">
        <v>3712</v>
      </c>
      <c r="AG6" s="88">
        <v>2466</v>
      </c>
      <c r="AH6" s="89">
        <v>28566</v>
      </c>
      <c r="AI6" s="91">
        <v>28765</v>
      </c>
    </row>
    <row r="7" spans="2:35" ht="21" customHeight="1" x14ac:dyDescent="0.2">
      <c r="B7" s="472" t="s">
        <v>6</v>
      </c>
      <c r="C7" s="87">
        <v>26</v>
      </c>
      <c r="D7" s="88">
        <v>39</v>
      </c>
      <c r="E7" s="89">
        <v>65</v>
      </c>
      <c r="F7" s="90">
        <v>0</v>
      </c>
      <c r="G7" s="88">
        <v>2867</v>
      </c>
      <c r="H7" s="88">
        <v>2595</v>
      </c>
      <c r="I7" s="88">
        <v>1918</v>
      </c>
      <c r="J7" s="88">
        <v>1350</v>
      </c>
      <c r="K7" s="88">
        <v>934</v>
      </c>
      <c r="L7" s="89">
        <v>9664</v>
      </c>
      <c r="M7" s="91">
        <v>9729</v>
      </c>
      <c r="N7" s="92">
        <v>0</v>
      </c>
      <c r="O7" s="88">
        <v>0</v>
      </c>
      <c r="P7" s="89">
        <v>0</v>
      </c>
      <c r="Q7" s="90">
        <v>0</v>
      </c>
      <c r="R7" s="88">
        <v>25</v>
      </c>
      <c r="S7" s="88">
        <v>33</v>
      </c>
      <c r="T7" s="88">
        <v>24</v>
      </c>
      <c r="U7" s="88">
        <v>24</v>
      </c>
      <c r="V7" s="88">
        <v>35</v>
      </c>
      <c r="W7" s="89">
        <v>141</v>
      </c>
      <c r="X7" s="91">
        <v>141</v>
      </c>
      <c r="Y7" s="92">
        <v>26</v>
      </c>
      <c r="Z7" s="88">
        <v>39</v>
      </c>
      <c r="AA7" s="89">
        <v>65</v>
      </c>
      <c r="AB7" s="90">
        <v>0</v>
      </c>
      <c r="AC7" s="88">
        <v>2892</v>
      </c>
      <c r="AD7" s="88">
        <v>2628</v>
      </c>
      <c r="AE7" s="88">
        <v>1942</v>
      </c>
      <c r="AF7" s="88">
        <v>1374</v>
      </c>
      <c r="AG7" s="88">
        <v>969</v>
      </c>
      <c r="AH7" s="89">
        <v>9805</v>
      </c>
      <c r="AI7" s="91">
        <v>9870</v>
      </c>
    </row>
    <row r="8" spans="2:35" ht="21" customHeight="1" x14ac:dyDescent="0.2">
      <c r="B8" s="472" t="s">
        <v>14</v>
      </c>
      <c r="C8" s="87">
        <v>19</v>
      </c>
      <c r="D8" s="88">
        <v>35</v>
      </c>
      <c r="E8" s="89">
        <v>54</v>
      </c>
      <c r="F8" s="90">
        <v>0</v>
      </c>
      <c r="G8" s="88">
        <v>1401</v>
      </c>
      <c r="H8" s="88">
        <v>1619</v>
      </c>
      <c r="I8" s="88">
        <v>1140</v>
      </c>
      <c r="J8" s="88">
        <v>641</v>
      </c>
      <c r="K8" s="88">
        <v>370</v>
      </c>
      <c r="L8" s="89">
        <v>5171</v>
      </c>
      <c r="M8" s="91">
        <v>5225</v>
      </c>
      <c r="N8" s="92">
        <v>0</v>
      </c>
      <c r="O8" s="88">
        <v>0</v>
      </c>
      <c r="P8" s="89">
        <v>0</v>
      </c>
      <c r="Q8" s="90">
        <v>0</v>
      </c>
      <c r="R8" s="88">
        <v>14</v>
      </c>
      <c r="S8" s="88">
        <v>33</v>
      </c>
      <c r="T8" s="88">
        <v>13</v>
      </c>
      <c r="U8" s="88">
        <v>9</v>
      </c>
      <c r="V8" s="88">
        <v>8</v>
      </c>
      <c r="W8" s="89">
        <v>77</v>
      </c>
      <c r="X8" s="91">
        <v>77</v>
      </c>
      <c r="Y8" s="92">
        <v>19</v>
      </c>
      <c r="Z8" s="88">
        <v>35</v>
      </c>
      <c r="AA8" s="89">
        <v>54</v>
      </c>
      <c r="AB8" s="90">
        <v>0</v>
      </c>
      <c r="AC8" s="88">
        <v>1415</v>
      </c>
      <c r="AD8" s="88">
        <v>1652</v>
      </c>
      <c r="AE8" s="88">
        <v>1153</v>
      </c>
      <c r="AF8" s="88">
        <v>650</v>
      </c>
      <c r="AG8" s="88">
        <v>378</v>
      </c>
      <c r="AH8" s="89">
        <v>5248</v>
      </c>
      <c r="AI8" s="91">
        <v>5302</v>
      </c>
    </row>
    <row r="9" spans="2:35" ht="21" customHeight="1" x14ac:dyDescent="0.2">
      <c r="B9" s="472" t="s">
        <v>7</v>
      </c>
      <c r="C9" s="87">
        <v>2</v>
      </c>
      <c r="D9" s="88">
        <v>4</v>
      </c>
      <c r="E9" s="89">
        <v>6</v>
      </c>
      <c r="F9" s="90">
        <v>0</v>
      </c>
      <c r="G9" s="88">
        <v>1393</v>
      </c>
      <c r="H9" s="88">
        <v>942</v>
      </c>
      <c r="I9" s="88">
        <v>548</v>
      </c>
      <c r="J9" s="88">
        <v>324</v>
      </c>
      <c r="K9" s="88">
        <v>187</v>
      </c>
      <c r="L9" s="89">
        <v>3394</v>
      </c>
      <c r="M9" s="91">
        <v>3400</v>
      </c>
      <c r="N9" s="92">
        <v>0</v>
      </c>
      <c r="O9" s="88">
        <v>0</v>
      </c>
      <c r="P9" s="89">
        <v>0</v>
      </c>
      <c r="Q9" s="90">
        <v>0</v>
      </c>
      <c r="R9" s="88">
        <v>16</v>
      </c>
      <c r="S9" s="88">
        <v>21</v>
      </c>
      <c r="T9" s="88">
        <v>8</v>
      </c>
      <c r="U9" s="88">
        <v>8</v>
      </c>
      <c r="V9" s="88">
        <v>9</v>
      </c>
      <c r="W9" s="89">
        <v>62</v>
      </c>
      <c r="X9" s="91">
        <v>62</v>
      </c>
      <c r="Y9" s="92">
        <v>2</v>
      </c>
      <c r="Z9" s="88">
        <v>4</v>
      </c>
      <c r="AA9" s="89">
        <v>6</v>
      </c>
      <c r="AB9" s="90">
        <v>0</v>
      </c>
      <c r="AC9" s="88">
        <v>1409</v>
      </c>
      <c r="AD9" s="88">
        <v>963</v>
      </c>
      <c r="AE9" s="88">
        <v>556</v>
      </c>
      <c r="AF9" s="88">
        <v>332</v>
      </c>
      <c r="AG9" s="88">
        <v>196</v>
      </c>
      <c r="AH9" s="89">
        <v>3456</v>
      </c>
      <c r="AI9" s="91">
        <v>3462</v>
      </c>
    </row>
    <row r="10" spans="2:35" ht="21" customHeight="1" x14ac:dyDescent="0.2">
      <c r="B10" s="472" t="s">
        <v>8</v>
      </c>
      <c r="C10" s="87">
        <v>10</v>
      </c>
      <c r="D10" s="88">
        <v>14</v>
      </c>
      <c r="E10" s="89">
        <v>24</v>
      </c>
      <c r="F10" s="90">
        <v>0</v>
      </c>
      <c r="G10" s="88">
        <v>760</v>
      </c>
      <c r="H10" s="88">
        <v>641</v>
      </c>
      <c r="I10" s="88">
        <v>389</v>
      </c>
      <c r="J10" s="88">
        <v>251</v>
      </c>
      <c r="K10" s="88">
        <v>128</v>
      </c>
      <c r="L10" s="89">
        <v>2169</v>
      </c>
      <c r="M10" s="91">
        <v>2193</v>
      </c>
      <c r="N10" s="92">
        <v>0</v>
      </c>
      <c r="O10" s="88">
        <v>0</v>
      </c>
      <c r="P10" s="89">
        <v>0</v>
      </c>
      <c r="Q10" s="90">
        <v>0</v>
      </c>
      <c r="R10" s="88">
        <v>15</v>
      </c>
      <c r="S10" s="88">
        <v>23</v>
      </c>
      <c r="T10" s="88">
        <v>7</v>
      </c>
      <c r="U10" s="88">
        <v>8</v>
      </c>
      <c r="V10" s="88">
        <v>2</v>
      </c>
      <c r="W10" s="89">
        <v>55</v>
      </c>
      <c r="X10" s="91">
        <v>55</v>
      </c>
      <c r="Y10" s="92">
        <v>10</v>
      </c>
      <c r="Z10" s="88">
        <v>14</v>
      </c>
      <c r="AA10" s="89">
        <v>24</v>
      </c>
      <c r="AB10" s="90">
        <v>0</v>
      </c>
      <c r="AC10" s="88">
        <v>775</v>
      </c>
      <c r="AD10" s="88">
        <v>664</v>
      </c>
      <c r="AE10" s="88">
        <v>396</v>
      </c>
      <c r="AF10" s="88">
        <v>259</v>
      </c>
      <c r="AG10" s="88">
        <v>130</v>
      </c>
      <c r="AH10" s="89">
        <v>2224</v>
      </c>
      <c r="AI10" s="91">
        <v>2248</v>
      </c>
    </row>
    <row r="11" spans="2:35" ht="21" customHeight="1" x14ac:dyDescent="0.2">
      <c r="B11" s="472" t="s">
        <v>9</v>
      </c>
      <c r="C11" s="87">
        <v>4</v>
      </c>
      <c r="D11" s="88">
        <v>7</v>
      </c>
      <c r="E11" s="89">
        <v>11</v>
      </c>
      <c r="F11" s="90">
        <v>0</v>
      </c>
      <c r="G11" s="88">
        <v>523</v>
      </c>
      <c r="H11" s="88">
        <v>360</v>
      </c>
      <c r="I11" s="88">
        <v>280</v>
      </c>
      <c r="J11" s="88">
        <v>199</v>
      </c>
      <c r="K11" s="88">
        <v>96</v>
      </c>
      <c r="L11" s="89">
        <v>1458</v>
      </c>
      <c r="M11" s="91">
        <v>1469</v>
      </c>
      <c r="N11" s="92">
        <v>0</v>
      </c>
      <c r="O11" s="88">
        <v>0</v>
      </c>
      <c r="P11" s="89">
        <v>0</v>
      </c>
      <c r="Q11" s="90">
        <v>0</v>
      </c>
      <c r="R11" s="88">
        <v>10</v>
      </c>
      <c r="S11" s="88">
        <v>12</v>
      </c>
      <c r="T11" s="88">
        <v>6</v>
      </c>
      <c r="U11" s="88">
        <v>4</v>
      </c>
      <c r="V11" s="88">
        <v>2</v>
      </c>
      <c r="W11" s="89">
        <v>34</v>
      </c>
      <c r="X11" s="91">
        <v>34</v>
      </c>
      <c r="Y11" s="92">
        <v>4</v>
      </c>
      <c r="Z11" s="88">
        <v>7</v>
      </c>
      <c r="AA11" s="89">
        <v>11</v>
      </c>
      <c r="AB11" s="90">
        <v>0</v>
      </c>
      <c r="AC11" s="88">
        <v>533</v>
      </c>
      <c r="AD11" s="88">
        <v>372</v>
      </c>
      <c r="AE11" s="88">
        <v>286</v>
      </c>
      <c r="AF11" s="88">
        <v>203</v>
      </c>
      <c r="AG11" s="88">
        <v>98</v>
      </c>
      <c r="AH11" s="89">
        <v>1492</v>
      </c>
      <c r="AI11" s="91">
        <v>1503</v>
      </c>
    </row>
    <row r="12" spans="2:35" ht="21" customHeight="1" x14ac:dyDescent="0.2">
      <c r="B12" s="472" t="s">
        <v>10</v>
      </c>
      <c r="C12" s="87">
        <v>10</v>
      </c>
      <c r="D12" s="88">
        <v>20</v>
      </c>
      <c r="E12" s="89">
        <v>30</v>
      </c>
      <c r="F12" s="90">
        <v>0</v>
      </c>
      <c r="G12" s="88">
        <v>796</v>
      </c>
      <c r="H12" s="88">
        <v>541</v>
      </c>
      <c r="I12" s="88">
        <v>397</v>
      </c>
      <c r="J12" s="88">
        <v>327</v>
      </c>
      <c r="K12" s="88">
        <v>258</v>
      </c>
      <c r="L12" s="89">
        <v>2319</v>
      </c>
      <c r="M12" s="91">
        <v>2349</v>
      </c>
      <c r="N12" s="92">
        <v>0</v>
      </c>
      <c r="O12" s="88">
        <v>1</v>
      </c>
      <c r="P12" s="89">
        <v>1</v>
      </c>
      <c r="Q12" s="90">
        <v>0</v>
      </c>
      <c r="R12" s="88">
        <v>18</v>
      </c>
      <c r="S12" s="88">
        <v>6</v>
      </c>
      <c r="T12" s="88">
        <v>7</v>
      </c>
      <c r="U12" s="88">
        <v>6</v>
      </c>
      <c r="V12" s="88">
        <v>6</v>
      </c>
      <c r="W12" s="89">
        <v>43</v>
      </c>
      <c r="X12" s="91">
        <v>44</v>
      </c>
      <c r="Y12" s="92">
        <v>10</v>
      </c>
      <c r="Z12" s="88">
        <v>21</v>
      </c>
      <c r="AA12" s="89">
        <v>31</v>
      </c>
      <c r="AB12" s="90">
        <v>0</v>
      </c>
      <c r="AC12" s="88">
        <v>814</v>
      </c>
      <c r="AD12" s="88">
        <v>547</v>
      </c>
      <c r="AE12" s="88">
        <v>404</v>
      </c>
      <c r="AF12" s="88">
        <v>333</v>
      </c>
      <c r="AG12" s="88">
        <v>264</v>
      </c>
      <c r="AH12" s="89">
        <v>2362</v>
      </c>
      <c r="AI12" s="91">
        <v>2393</v>
      </c>
    </row>
    <row r="13" spans="2:35" ht="21" customHeight="1" x14ac:dyDescent="0.2">
      <c r="B13" s="472" t="s">
        <v>11</v>
      </c>
      <c r="C13" s="87">
        <v>1</v>
      </c>
      <c r="D13" s="88">
        <v>8</v>
      </c>
      <c r="E13" s="89">
        <v>9</v>
      </c>
      <c r="F13" s="90">
        <v>0</v>
      </c>
      <c r="G13" s="88">
        <v>646</v>
      </c>
      <c r="H13" s="88">
        <v>411</v>
      </c>
      <c r="I13" s="88">
        <v>298</v>
      </c>
      <c r="J13" s="88">
        <v>165</v>
      </c>
      <c r="K13" s="88">
        <v>65</v>
      </c>
      <c r="L13" s="89">
        <v>1585</v>
      </c>
      <c r="M13" s="91">
        <v>1594</v>
      </c>
      <c r="N13" s="92">
        <v>0</v>
      </c>
      <c r="O13" s="88">
        <v>1</v>
      </c>
      <c r="P13" s="89">
        <v>1</v>
      </c>
      <c r="Q13" s="90">
        <v>0</v>
      </c>
      <c r="R13" s="88">
        <v>11</v>
      </c>
      <c r="S13" s="88">
        <v>5</v>
      </c>
      <c r="T13" s="88">
        <v>3</v>
      </c>
      <c r="U13" s="88">
        <v>4</v>
      </c>
      <c r="V13" s="88">
        <v>3</v>
      </c>
      <c r="W13" s="89">
        <v>26</v>
      </c>
      <c r="X13" s="91">
        <v>27</v>
      </c>
      <c r="Y13" s="92">
        <v>1</v>
      </c>
      <c r="Z13" s="88">
        <v>9</v>
      </c>
      <c r="AA13" s="89">
        <v>10</v>
      </c>
      <c r="AB13" s="90">
        <v>0</v>
      </c>
      <c r="AC13" s="88">
        <v>657</v>
      </c>
      <c r="AD13" s="88">
        <v>416</v>
      </c>
      <c r="AE13" s="88">
        <v>301</v>
      </c>
      <c r="AF13" s="88">
        <v>169</v>
      </c>
      <c r="AG13" s="88">
        <v>68</v>
      </c>
      <c r="AH13" s="89">
        <v>1611</v>
      </c>
      <c r="AI13" s="91">
        <v>1621</v>
      </c>
    </row>
    <row r="14" spans="2:35" ht="21" customHeight="1" x14ac:dyDescent="0.2">
      <c r="B14" s="472" t="s">
        <v>12</v>
      </c>
      <c r="C14" s="87">
        <v>1</v>
      </c>
      <c r="D14" s="88">
        <v>1</v>
      </c>
      <c r="E14" s="89">
        <v>2</v>
      </c>
      <c r="F14" s="90">
        <v>0</v>
      </c>
      <c r="G14" s="88">
        <v>446</v>
      </c>
      <c r="H14" s="88">
        <v>364</v>
      </c>
      <c r="I14" s="88">
        <v>274</v>
      </c>
      <c r="J14" s="88">
        <v>177</v>
      </c>
      <c r="K14" s="88">
        <v>130</v>
      </c>
      <c r="L14" s="89">
        <v>1391</v>
      </c>
      <c r="M14" s="91">
        <v>1393</v>
      </c>
      <c r="N14" s="92">
        <v>0</v>
      </c>
      <c r="O14" s="88">
        <v>0</v>
      </c>
      <c r="P14" s="89">
        <v>0</v>
      </c>
      <c r="Q14" s="90">
        <v>0</v>
      </c>
      <c r="R14" s="88">
        <v>4</v>
      </c>
      <c r="S14" s="88">
        <v>4</v>
      </c>
      <c r="T14" s="88">
        <v>2</v>
      </c>
      <c r="U14" s="88">
        <v>1</v>
      </c>
      <c r="V14" s="88">
        <v>4</v>
      </c>
      <c r="W14" s="89">
        <v>15</v>
      </c>
      <c r="X14" s="91">
        <v>15</v>
      </c>
      <c r="Y14" s="92">
        <v>1</v>
      </c>
      <c r="Z14" s="88">
        <v>1</v>
      </c>
      <c r="AA14" s="89">
        <v>2</v>
      </c>
      <c r="AB14" s="90">
        <v>0</v>
      </c>
      <c r="AC14" s="88">
        <v>450</v>
      </c>
      <c r="AD14" s="88">
        <v>368</v>
      </c>
      <c r="AE14" s="88">
        <v>276</v>
      </c>
      <c r="AF14" s="88">
        <v>178</v>
      </c>
      <c r="AG14" s="88">
        <v>134</v>
      </c>
      <c r="AH14" s="89">
        <v>1406</v>
      </c>
      <c r="AI14" s="91">
        <v>1408</v>
      </c>
    </row>
    <row r="15" spans="2:35" ht="21" customHeight="1" x14ac:dyDescent="0.2">
      <c r="B15" s="472" t="s">
        <v>13</v>
      </c>
      <c r="C15" s="87">
        <v>3</v>
      </c>
      <c r="D15" s="88">
        <v>4</v>
      </c>
      <c r="E15" s="89">
        <v>7</v>
      </c>
      <c r="F15" s="90">
        <v>0</v>
      </c>
      <c r="G15" s="88">
        <v>177</v>
      </c>
      <c r="H15" s="88">
        <v>172</v>
      </c>
      <c r="I15" s="88">
        <v>105</v>
      </c>
      <c r="J15" s="88">
        <v>64</v>
      </c>
      <c r="K15" s="88">
        <v>36</v>
      </c>
      <c r="L15" s="89">
        <v>554</v>
      </c>
      <c r="M15" s="91">
        <v>561</v>
      </c>
      <c r="N15" s="92">
        <v>0</v>
      </c>
      <c r="O15" s="88">
        <v>0</v>
      </c>
      <c r="P15" s="89">
        <v>0</v>
      </c>
      <c r="Q15" s="90">
        <v>0</v>
      </c>
      <c r="R15" s="88">
        <v>2</v>
      </c>
      <c r="S15" s="88">
        <v>3</v>
      </c>
      <c r="T15" s="88">
        <v>3</v>
      </c>
      <c r="U15" s="88">
        <v>0</v>
      </c>
      <c r="V15" s="88">
        <v>0</v>
      </c>
      <c r="W15" s="89">
        <v>8</v>
      </c>
      <c r="X15" s="91">
        <v>8</v>
      </c>
      <c r="Y15" s="92">
        <v>3</v>
      </c>
      <c r="Z15" s="88">
        <v>4</v>
      </c>
      <c r="AA15" s="89">
        <v>7</v>
      </c>
      <c r="AB15" s="90">
        <v>0</v>
      </c>
      <c r="AC15" s="88">
        <v>179</v>
      </c>
      <c r="AD15" s="88">
        <v>175</v>
      </c>
      <c r="AE15" s="88">
        <v>108</v>
      </c>
      <c r="AF15" s="88">
        <v>64</v>
      </c>
      <c r="AG15" s="88">
        <v>36</v>
      </c>
      <c r="AH15" s="89">
        <v>562</v>
      </c>
      <c r="AI15" s="91">
        <v>569</v>
      </c>
    </row>
    <row r="16" spans="2:35" ht="21" customHeight="1" x14ac:dyDescent="0.2">
      <c r="B16" s="472" t="s">
        <v>15</v>
      </c>
      <c r="C16" s="87">
        <v>4</v>
      </c>
      <c r="D16" s="88">
        <v>17</v>
      </c>
      <c r="E16" s="89">
        <v>21</v>
      </c>
      <c r="F16" s="90">
        <v>0</v>
      </c>
      <c r="G16" s="88">
        <v>222</v>
      </c>
      <c r="H16" s="88">
        <v>248</v>
      </c>
      <c r="I16" s="88">
        <v>143</v>
      </c>
      <c r="J16" s="88">
        <v>81</v>
      </c>
      <c r="K16" s="88">
        <v>48</v>
      </c>
      <c r="L16" s="89">
        <v>742</v>
      </c>
      <c r="M16" s="91">
        <v>763</v>
      </c>
      <c r="N16" s="92">
        <v>0</v>
      </c>
      <c r="O16" s="88">
        <v>1</v>
      </c>
      <c r="P16" s="89">
        <v>1</v>
      </c>
      <c r="Q16" s="90">
        <v>0</v>
      </c>
      <c r="R16" s="88">
        <v>3</v>
      </c>
      <c r="S16" s="88">
        <v>3</v>
      </c>
      <c r="T16" s="88">
        <v>1</v>
      </c>
      <c r="U16" s="88">
        <v>2</v>
      </c>
      <c r="V16" s="88">
        <v>2</v>
      </c>
      <c r="W16" s="89">
        <v>11</v>
      </c>
      <c r="X16" s="91">
        <v>12</v>
      </c>
      <c r="Y16" s="92">
        <v>4</v>
      </c>
      <c r="Z16" s="88">
        <v>18</v>
      </c>
      <c r="AA16" s="89">
        <v>22</v>
      </c>
      <c r="AB16" s="90">
        <v>0</v>
      </c>
      <c r="AC16" s="88">
        <v>225</v>
      </c>
      <c r="AD16" s="88">
        <v>251</v>
      </c>
      <c r="AE16" s="88">
        <v>144</v>
      </c>
      <c r="AF16" s="88">
        <v>83</v>
      </c>
      <c r="AG16" s="88">
        <v>50</v>
      </c>
      <c r="AH16" s="89">
        <v>753</v>
      </c>
      <c r="AI16" s="91">
        <v>775</v>
      </c>
    </row>
    <row r="17" spans="2:35" ht="21" customHeight="1" x14ac:dyDescent="0.2">
      <c r="B17" s="472" t="s">
        <v>16</v>
      </c>
      <c r="C17" s="87">
        <v>3</v>
      </c>
      <c r="D17" s="88">
        <v>2</v>
      </c>
      <c r="E17" s="89">
        <v>5</v>
      </c>
      <c r="F17" s="90">
        <v>0</v>
      </c>
      <c r="G17" s="88">
        <v>215</v>
      </c>
      <c r="H17" s="88">
        <v>272</v>
      </c>
      <c r="I17" s="88">
        <v>188</v>
      </c>
      <c r="J17" s="88">
        <v>112</v>
      </c>
      <c r="K17" s="88">
        <v>86</v>
      </c>
      <c r="L17" s="89">
        <v>873</v>
      </c>
      <c r="M17" s="91">
        <v>878</v>
      </c>
      <c r="N17" s="92">
        <v>0</v>
      </c>
      <c r="O17" s="88">
        <v>0</v>
      </c>
      <c r="P17" s="89">
        <v>0</v>
      </c>
      <c r="Q17" s="90">
        <v>0</v>
      </c>
      <c r="R17" s="88">
        <v>3</v>
      </c>
      <c r="S17" s="88">
        <v>2</v>
      </c>
      <c r="T17" s="88">
        <v>6</v>
      </c>
      <c r="U17" s="88">
        <v>3</v>
      </c>
      <c r="V17" s="88">
        <v>1</v>
      </c>
      <c r="W17" s="89">
        <v>15</v>
      </c>
      <c r="X17" s="91">
        <v>15</v>
      </c>
      <c r="Y17" s="92">
        <v>3</v>
      </c>
      <c r="Z17" s="88">
        <v>2</v>
      </c>
      <c r="AA17" s="89">
        <v>5</v>
      </c>
      <c r="AB17" s="90">
        <v>0</v>
      </c>
      <c r="AC17" s="88">
        <v>218</v>
      </c>
      <c r="AD17" s="88">
        <v>274</v>
      </c>
      <c r="AE17" s="88">
        <v>194</v>
      </c>
      <c r="AF17" s="88">
        <v>115</v>
      </c>
      <c r="AG17" s="88">
        <v>87</v>
      </c>
      <c r="AH17" s="89">
        <v>888</v>
      </c>
      <c r="AI17" s="91">
        <v>893</v>
      </c>
    </row>
    <row r="18" spans="2:35" ht="21" customHeight="1" x14ac:dyDescent="0.2">
      <c r="B18" s="472" t="s">
        <v>17</v>
      </c>
      <c r="C18" s="87">
        <v>1</v>
      </c>
      <c r="D18" s="88">
        <v>5</v>
      </c>
      <c r="E18" s="89">
        <v>6</v>
      </c>
      <c r="F18" s="90">
        <v>0</v>
      </c>
      <c r="G18" s="88">
        <v>334</v>
      </c>
      <c r="H18" s="88">
        <v>407</v>
      </c>
      <c r="I18" s="88">
        <v>279</v>
      </c>
      <c r="J18" s="88">
        <v>205</v>
      </c>
      <c r="K18" s="88">
        <v>115</v>
      </c>
      <c r="L18" s="89">
        <v>1340</v>
      </c>
      <c r="M18" s="91">
        <v>1346</v>
      </c>
      <c r="N18" s="92">
        <v>0</v>
      </c>
      <c r="O18" s="88">
        <v>0</v>
      </c>
      <c r="P18" s="89">
        <v>0</v>
      </c>
      <c r="Q18" s="90">
        <v>0</v>
      </c>
      <c r="R18" s="88">
        <v>4</v>
      </c>
      <c r="S18" s="88">
        <v>13</v>
      </c>
      <c r="T18" s="88">
        <v>11</v>
      </c>
      <c r="U18" s="88">
        <v>6</v>
      </c>
      <c r="V18" s="88">
        <v>5</v>
      </c>
      <c r="W18" s="89">
        <v>39</v>
      </c>
      <c r="X18" s="91">
        <v>39</v>
      </c>
      <c r="Y18" s="92">
        <v>1</v>
      </c>
      <c r="Z18" s="88">
        <v>5</v>
      </c>
      <c r="AA18" s="89">
        <v>6</v>
      </c>
      <c r="AB18" s="90">
        <v>0</v>
      </c>
      <c r="AC18" s="88">
        <v>338</v>
      </c>
      <c r="AD18" s="88">
        <v>420</v>
      </c>
      <c r="AE18" s="88">
        <v>290</v>
      </c>
      <c r="AF18" s="88">
        <v>211</v>
      </c>
      <c r="AG18" s="88">
        <v>120</v>
      </c>
      <c r="AH18" s="89">
        <v>1379</v>
      </c>
      <c r="AI18" s="91">
        <v>1385</v>
      </c>
    </row>
    <row r="19" spans="2:35" ht="21" customHeight="1" x14ac:dyDescent="0.2">
      <c r="B19" s="472" t="s">
        <v>18</v>
      </c>
      <c r="C19" s="87">
        <v>6</v>
      </c>
      <c r="D19" s="88">
        <v>17</v>
      </c>
      <c r="E19" s="89">
        <v>23</v>
      </c>
      <c r="F19" s="90">
        <v>0</v>
      </c>
      <c r="G19" s="88">
        <v>416</v>
      </c>
      <c r="H19" s="88">
        <v>338</v>
      </c>
      <c r="I19" s="88">
        <v>288</v>
      </c>
      <c r="J19" s="88">
        <v>157</v>
      </c>
      <c r="K19" s="88">
        <v>81</v>
      </c>
      <c r="L19" s="89">
        <v>1280</v>
      </c>
      <c r="M19" s="91">
        <v>1303</v>
      </c>
      <c r="N19" s="92">
        <v>0</v>
      </c>
      <c r="O19" s="88">
        <v>0</v>
      </c>
      <c r="P19" s="89">
        <v>0</v>
      </c>
      <c r="Q19" s="90">
        <v>0</v>
      </c>
      <c r="R19" s="88">
        <v>2</v>
      </c>
      <c r="S19" s="88">
        <v>7</v>
      </c>
      <c r="T19" s="88">
        <v>0</v>
      </c>
      <c r="U19" s="88">
        <v>3</v>
      </c>
      <c r="V19" s="88">
        <v>6</v>
      </c>
      <c r="W19" s="89">
        <v>18</v>
      </c>
      <c r="X19" s="91">
        <v>18</v>
      </c>
      <c r="Y19" s="92">
        <v>6</v>
      </c>
      <c r="Z19" s="88">
        <v>17</v>
      </c>
      <c r="AA19" s="89">
        <v>23</v>
      </c>
      <c r="AB19" s="90">
        <v>0</v>
      </c>
      <c r="AC19" s="88">
        <v>418</v>
      </c>
      <c r="AD19" s="88">
        <v>345</v>
      </c>
      <c r="AE19" s="88">
        <v>288</v>
      </c>
      <c r="AF19" s="88">
        <v>160</v>
      </c>
      <c r="AG19" s="88">
        <v>87</v>
      </c>
      <c r="AH19" s="89">
        <v>1298</v>
      </c>
      <c r="AI19" s="91">
        <v>1321</v>
      </c>
    </row>
    <row r="20" spans="2:35" ht="21" customHeight="1" x14ac:dyDescent="0.2">
      <c r="B20" s="472" t="s">
        <v>19</v>
      </c>
      <c r="C20" s="87">
        <v>0</v>
      </c>
      <c r="D20" s="88">
        <v>3</v>
      </c>
      <c r="E20" s="89">
        <v>3</v>
      </c>
      <c r="F20" s="90">
        <v>0</v>
      </c>
      <c r="G20" s="88">
        <v>193</v>
      </c>
      <c r="H20" s="88">
        <v>203</v>
      </c>
      <c r="I20" s="88">
        <v>146</v>
      </c>
      <c r="J20" s="88">
        <v>76</v>
      </c>
      <c r="K20" s="88">
        <v>55</v>
      </c>
      <c r="L20" s="89">
        <v>673</v>
      </c>
      <c r="M20" s="91">
        <v>676</v>
      </c>
      <c r="N20" s="92">
        <v>0</v>
      </c>
      <c r="O20" s="88">
        <v>0</v>
      </c>
      <c r="P20" s="89">
        <v>0</v>
      </c>
      <c r="Q20" s="90">
        <v>0</v>
      </c>
      <c r="R20" s="88">
        <v>0</v>
      </c>
      <c r="S20" s="88">
        <v>1</v>
      </c>
      <c r="T20" s="88">
        <v>3</v>
      </c>
      <c r="U20" s="88">
        <v>2</v>
      </c>
      <c r="V20" s="88">
        <v>1</v>
      </c>
      <c r="W20" s="89">
        <v>7</v>
      </c>
      <c r="X20" s="91">
        <v>7</v>
      </c>
      <c r="Y20" s="92">
        <v>0</v>
      </c>
      <c r="Z20" s="88">
        <v>3</v>
      </c>
      <c r="AA20" s="89">
        <v>3</v>
      </c>
      <c r="AB20" s="90">
        <v>0</v>
      </c>
      <c r="AC20" s="88">
        <v>193</v>
      </c>
      <c r="AD20" s="88">
        <v>204</v>
      </c>
      <c r="AE20" s="88">
        <v>149</v>
      </c>
      <c r="AF20" s="88">
        <v>78</v>
      </c>
      <c r="AG20" s="88">
        <v>56</v>
      </c>
      <c r="AH20" s="89">
        <v>680</v>
      </c>
      <c r="AI20" s="91">
        <v>683</v>
      </c>
    </row>
    <row r="21" spans="2:35" ht="21" customHeight="1" x14ac:dyDescent="0.2">
      <c r="B21" s="472" t="s">
        <v>20</v>
      </c>
      <c r="C21" s="87">
        <v>0</v>
      </c>
      <c r="D21" s="88">
        <v>1</v>
      </c>
      <c r="E21" s="89">
        <v>1</v>
      </c>
      <c r="F21" s="90">
        <v>0</v>
      </c>
      <c r="G21" s="88">
        <v>211</v>
      </c>
      <c r="H21" s="88">
        <v>140</v>
      </c>
      <c r="I21" s="88">
        <v>116</v>
      </c>
      <c r="J21" s="88">
        <v>35</v>
      </c>
      <c r="K21" s="88">
        <v>29</v>
      </c>
      <c r="L21" s="89">
        <v>531</v>
      </c>
      <c r="M21" s="91">
        <v>532</v>
      </c>
      <c r="N21" s="92">
        <v>0</v>
      </c>
      <c r="O21" s="88">
        <v>0</v>
      </c>
      <c r="P21" s="89">
        <v>0</v>
      </c>
      <c r="Q21" s="90">
        <v>0</v>
      </c>
      <c r="R21" s="88">
        <v>5</v>
      </c>
      <c r="S21" s="88">
        <v>3</v>
      </c>
      <c r="T21" s="88">
        <v>1</v>
      </c>
      <c r="U21" s="88">
        <v>0</v>
      </c>
      <c r="V21" s="88">
        <v>1</v>
      </c>
      <c r="W21" s="89">
        <v>10</v>
      </c>
      <c r="X21" s="91">
        <v>10</v>
      </c>
      <c r="Y21" s="92">
        <v>0</v>
      </c>
      <c r="Z21" s="88">
        <v>1</v>
      </c>
      <c r="AA21" s="89">
        <v>1</v>
      </c>
      <c r="AB21" s="90">
        <v>0</v>
      </c>
      <c r="AC21" s="88">
        <v>216</v>
      </c>
      <c r="AD21" s="88">
        <v>143</v>
      </c>
      <c r="AE21" s="88">
        <v>117</v>
      </c>
      <c r="AF21" s="88">
        <v>35</v>
      </c>
      <c r="AG21" s="88">
        <v>30</v>
      </c>
      <c r="AH21" s="89">
        <v>541</v>
      </c>
      <c r="AI21" s="91">
        <v>542</v>
      </c>
    </row>
    <row r="22" spans="2:35" ht="21" customHeight="1" x14ac:dyDescent="0.2">
      <c r="B22" s="472" t="s">
        <v>21</v>
      </c>
      <c r="C22" s="87">
        <v>0</v>
      </c>
      <c r="D22" s="88">
        <v>0</v>
      </c>
      <c r="E22" s="89">
        <v>0</v>
      </c>
      <c r="F22" s="90">
        <v>0</v>
      </c>
      <c r="G22" s="88">
        <v>226</v>
      </c>
      <c r="H22" s="88">
        <v>226</v>
      </c>
      <c r="I22" s="88">
        <v>132</v>
      </c>
      <c r="J22" s="88">
        <v>63</v>
      </c>
      <c r="K22" s="88">
        <v>31</v>
      </c>
      <c r="L22" s="89">
        <v>678</v>
      </c>
      <c r="M22" s="91">
        <v>678</v>
      </c>
      <c r="N22" s="92">
        <v>0</v>
      </c>
      <c r="O22" s="88">
        <v>0</v>
      </c>
      <c r="P22" s="89">
        <v>0</v>
      </c>
      <c r="Q22" s="90">
        <v>0</v>
      </c>
      <c r="R22" s="88">
        <v>2</v>
      </c>
      <c r="S22" s="88">
        <v>6</v>
      </c>
      <c r="T22" s="88">
        <v>6</v>
      </c>
      <c r="U22" s="88">
        <v>1</v>
      </c>
      <c r="V22" s="88">
        <v>2</v>
      </c>
      <c r="W22" s="89">
        <v>17</v>
      </c>
      <c r="X22" s="91">
        <v>17</v>
      </c>
      <c r="Y22" s="92">
        <v>0</v>
      </c>
      <c r="Z22" s="88">
        <v>0</v>
      </c>
      <c r="AA22" s="89">
        <v>0</v>
      </c>
      <c r="AB22" s="90">
        <v>0</v>
      </c>
      <c r="AC22" s="88">
        <v>228</v>
      </c>
      <c r="AD22" s="88">
        <v>232</v>
      </c>
      <c r="AE22" s="88">
        <v>138</v>
      </c>
      <c r="AF22" s="88">
        <v>64</v>
      </c>
      <c r="AG22" s="88">
        <v>33</v>
      </c>
      <c r="AH22" s="89">
        <v>695</v>
      </c>
      <c r="AI22" s="91">
        <v>695</v>
      </c>
    </row>
    <row r="23" spans="2:35" ht="21" customHeight="1" x14ac:dyDescent="0.2">
      <c r="B23" s="472" t="s">
        <v>22</v>
      </c>
      <c r="C23" s="87">
        <v>3</v>
      </c>
      <c r="D23" s="88">
        <v>2</v>
      </c>
      <c r="E23" s="89">
        <v>5</v>
      </c>
      <c r="F23" s="90">
        <v>0</v>
      </c>
      <c r="G23" s="88">
        <v>154</v>
      </c>
      <c r="H23" s="88">
        <v>133</v>
      </c>
      <c r="I23" s="88">
        <v>85</v>
      </c>
      <c r="J23" s="88">
        <v>63</v>
      </c>
      <c r="K23" s="88">
        <v>22</v>
      </c>
      <c r="L23" s="89">
        <v>457</v>
      </c>
      <c r="M23" s="91">
        <v>462</v>
      </c>
      <c r="N23" s="92">
        <v>0</v>
      </c>
      <c r="O23" s="88">
        <v>0</v>
      </c>
      <c r="P23" s="89">
        <v>0</v>
      </c>
      <c r="Q23" s="90">
        <v>0</v>
      </c>
      <c r="R23" s="88">
        <v>2</v>
      </c>
      <c r="S23" s="88">
        <v>1</v>
      </c>
      <c r="T23" s="88">
        <v>1</v>
      </c>
      <c r="U23" s="88">
        <v>0</v>
      </c>
      <c r="V23" s="88">
        <v>1</v>
      </c>
      <c r="W23" s="89">
        <v>5</v>
      </c>
      <c r="X23" s="91">
        <v>5</v>
      </c>
      <c r="Y23" s="92">
        <v>3</v>
      </c>
      <c r="Z23" s="88">
        <v>2</v>
      </c>
      <c r="AA23" s="89">
        <v>5</v>
      </c>
      <c r="AB23" s="90">
        <v>0</v>
      </c>
      <c r="AC23" s="88">
        <v>156</v>
      </c>
      <c r="AD23" s="88">
        <v>134</v>
      </c>
      <c r="AE23" s="88">
        <v>86</v>
      </c>
      <c r="AF23" s="88">
        <v>63</v>
      </c>
      <c r="AG23" s="88">
        <v>23</v>
      </c>
      <c r="AH23" s="89">
        <v>462</v>
      </c>
      <c r="AI23" s="91">
        <v>467</v>
      </c>
    </row>
    <row r="24" spans="2:35" ht="21" customHeight="1" x14ac:dyDescent="0.2">
      <c r="B24" s="472" t="s">
        <v>23</v>
      </c>
      <c r="C24" s="87">
        <v>0</v>
      </c>
      <c r="D24" s="88">
        <v>0</v>
      </c>
      <c r="E24" s="89">
        <v>0</v>
      </c>
      <c r="F24" s="90">
        <v>0</v>
      </c>
      <c r="G24" s="88">
        <v>104</v>
      </c>
      <c r="H24" s="88">
        <v>71</v>
      </c>
      <c r="I24" s="88">
        <v>55</v>
      </c>
      <c r="J24" s="88">
        <v>34</v>
      </c>
      <c r="K24" s="88">
        <v>16</v>
      </c>
      <c r="L24" s="89">
        <v>280</v>
      </c>
      <c r="M24" s="91">
        <v>280</v>
      </c>
      <c r="N24" s="92">
        <v>0</v>
      </c>
      <c r="O24" s="88">
        <v>0</v>
      </c>
      <c r="P24" s="89">
        <v>0</v>
      </c>
      <c r="Q24" s="90">
        <v>0</v>
      </c>
      <c r="R24" s="88">
        <v>1</v>
      </c>
      <c r="S24" s="88">
        <v>2</v>
      </c>
      <c r="T24" s="88">
        <v>1</v>
      </c>
      <c r="U24" s="88">
        <v>0</v>
      </c>
      <c r="V24" s="88">
        <v>0</v>
      </c>
      <c r="W24" s="89">
        <v>4</v>
      </c>
      <c r="X24" s="91">
        <v>4</v>
      </c>
      <c r="Y24" s="92">
        <v>0</v>
      </c>
      <c r="Z24" s="88">
        <v>0</v>
      </c>
      <c r="AA24" s="89">
        <v>0</v>
      </c>
      <c r="AB24" s="90">
        <v>0</v>
      </c>
      <c r="AC24" s="88">
        <v>105</v>
      </c>
      <c r="AD24" s="88">
        <v>73</v>
      </c>
      <c r="AE24" s="88">
        <v>56</v>
      </c>
      <c r="AF24" s="88">
        <v>34</v>
      </c>
      <c r="AG24" s="88">
        <v>16</v>
      </c>
      <c r="AH24" s="89">
        <v>284</v>
      </c>
      <c r="AI24" s="91">
        <v>284</v>
      </c>
    </row>
    <row r="25" spans="2:35" ht="21" customHeight="1" x14ac:dyDescent="0.2">
      <c r="B25" s="472" t="s">
        <v>24</v>
      </c>
      <c r="C25" s="87">
        <v>0</v>
      </c>
      <c r="D25" s="88">
        <v>2</v>
      </c>
      <c r="E25" s="89">
        <v>2</v>
      </c>
      <c r="F25" s="90">
        <v>0</v>
      </c>
      <c r="G25" s="88">
        <v>55</v>
      </c>
      <c r="H25" s="88">
        <v>36</v>
      </c>
      <c r="I25" s="88">
        <v>39</v>
      </c>
      <c r="J25" s="88">
        <v>23</v>
      </c>
      <c r="K25" s="88">
        <v>9</v>
      </c>
      <c r="L25" s="89">
        <v>162</v>
      </c>
      <c r="M25" s="91">
        <v>164</v>
      </c>
      <c r="N25" s="92">
        <v>0</v>
      </c>
      <c r="O25" s="88">
        <v>0</v>
      </c>
      <c r="P25" s="89">
        <v>0</v>
      </c>
      <c r="Q25" s="90">
        <v>0</v>
      </c>
      <c r="R25" s="88">
        <v>0</v>
      </c>
      <c r="S25" s="88">
        <v>1</v>
      </c>
      <c r="T25" s="88">
        <v>0</v>
      </c>
      <c r="U25" s="88">
        <v>1</v>
      </c>
      <c r="V25" s="88">
        <v>0</v>
      </c>
      <c r="W25" s="89">
        <v>2</v>
      </c>
      <c r="X25" s="91">
        <v>2</v>
      </c>
      <c r="Y25" s="92">
        <v>0</v>
      </c>
      <c r="Z25" s="88">
        <v>2</v>
      </c>
      <c r="AA25" s="89">
        <v>2</v>
      </c>
      <c r="AB25" s="90">
        <v>0</v>
      </c>
      <c r="AC25" s="88">
        <v>55</v>
      </c>
      <c r="AD25" s="88">
        <v>37</v>
      </c>
      <c r="AE25" s="88">
        <v>39</v>
      </c>
      <c r="AF25" s="88">
        <v>24</v>
      </c>
      <c r="AG25" s="88">
        <v>9</v>
      </c>
      <c r="AH25" s="89">
        <v>164</v>
      </c>
      <c r="AI25" s="91">
        <v>166</v>
      </c>
    </row>
    <row r="26" spans="2:35" ht="21" customHeight="1" x14ac:dyDescent="0.2">
      <c r="B26" s="472" t="s">
        <v>25</v>
      </c>
      <c r="C26" s="87">
        <v>2</v>
      </c>
      <c r="D26" s="88">
        <v>0</v>
      </c>
      <c r="E26" s="89">
        <v>2</v>
      </c>
      <c r="F26" s="90">
        <v>0</v>
      </c>
      <c r="G26" s="88">
        <v>95</v>
      </c>
      <c r="H26" s="88">
        <v>48</v>
      </c>
      <c r="I26" s="88">
        <v>23</v>
      </c>
      <c r="J26" s="88">
        <v>13</v>
      </c>
      <c r="K26" s="88">
        <v>2</v>
      </c>
      <c r="L26" s="89">
        <v>181</v>
      </c>
      <c r="M26" s="91">
        <v>183</v>
      </c>
      <c r="N26" s="92">
        <v>0</v>
      </c>
      <c r="O26" s="88">
        <v>0</v>
      </c>
      <c r="P26" s="89">
        <v>0</v>
      </c>
      <c r="Q26" s="90">
        <v>0</v>
      </c>
      <c r="R26" s="88">
        <v>1</v>
      </c>
      <c r="S26" s="88">
        <v>1</v>
      </c>
      <c r="T26" s="88">
        <v>1</v>
      </c>
      <c r="U26" s="88">
        <v>0</v>
      </c>
      <c r="V26" s="88">
        <v>0</v>
      </c>
      <c r="W26" s="89">
        <v>3</v>
      </c>
      <c r="X26" s="91">
        <v>3</v>
      </c>
      <c r="Y26" s="92">
        <v>2</v>
      </c>
      <c r="Z26" s="88">
        <v>0</v>
      </c>
      <c r="AA26" s="89">
        <v>2</v>
      </c>
      <c r="AB26" s="90">
        <v>0</v>
      </c>
      <c r="AC26" s="88">
        <v>96</v>
      </c>
      <c r="AD26" s="88">
        <v>49</v>
      </c>
      <c r="AE26" s="88">
        <v>24</v>
      </c>
      <c r="AF26" s="88">
        <v>13</v>
      </c>
      <c r="AG26" s="88">
        <v>2</v>
      </c>
      <c r="AH26" s="89">
        <v>184</v>
      </c>
      <c r="AI26" s="91">
        <v>186</v>
      </c>
    </row>
    <row r="27" spans="2:35" ht="21" customHeight="1" x14ac:dyDescent="0.2">
      <c r="B27" s="472" t="s">
        <v>26</v>
      </c>
      <c r="C27" s="87">
        <v>0</v>
      </c>
      <c r="D27" s="88">
        <v>1</v>
      </c>
      <c r="E27" s="89">
        <v>1</v>
      </c>
      <c r="F27" s="90">
        <v>0</v>
      </c>
      <c r="G27" s="88">
        <v>58</v>
      </c>
      <c r="H27" s="88">
        <v>67</v>
      </c>
      <c r="I27" s="88">
        <v>51</v>
      </c>
      <c r="J27" s="88">
        <v>24</v>
      </c>
      <c r="K27" s="88">
        <v>11</v>
      </c>
      <c r="L27" s="89">
        <v>211</v>
      </c>
      <c r="M27" s="91">
        <v>212</v>
      </c>
      <c r="N27" s="92">
        <v>0</v>
      </c>
      <c r="O27" s="88">
        <v>0</v>
      </c>
      <c r="P27" s="89">
        <v>0</v>
      </c>
      <c r="Q27" s="90">
        <v>0</v>
      </c>
      <c r="R27" s="88">
        <v>0</v>
      </c>
      <c r="S27" s="88">
        <v>0</v>
      </c>
      <c r="T27" s="88">
        <v>0</v>
      </c>
      <c r="U27" s="88">
        <v>0</v>
      </c>
      <c r="V27" s="88">
        <v>1</v>
      </c>
      <c r="W27" s="89">
        <v>1</v>
      </c>
      <c r="X27" s="91">
        <v>1</v>
      </c>
      <c r="Y27" s="92">
        <v>0</v>
      </c>
      <c r="Z27" s="88">
        <v>1</v>
      </c>
      <c r="AA27" s="89">
        <v>1</v>
      </c>
      <c r="AB27" s="90">
        <v>0</v>
      </c>
      <c r="AC27" s="88">
        <v>58</v>
      </c>
      <c r="AD27" s="88">
        <v>67</v>
      </c>
      <c r="AE27" s="88">
        <v>51</v>
      </c>
      <c r="AF27" s="88">
        <v>24</v>
      </c>
      <c r="AG27" s="88">
        <v>12</v>
      </c>
      <c r="AH27" s="89">
        <v>212</v>
      </c>
      <c r="AI27" s="91">
        <v>213</v>
      </c>
    </row>
    <row r="28" spans="2:35" ht="21" customHeight="1" x14ac:dyDescent="0.2">
      <c r="B28" s="472" t="s">
        <v>27</v>
      </c>
      <c r="C28" s="87">
        <v>0</v>
      </c>
      <c r="D28" s="88">
        <v>0</v>
      </c>
      <c r="E28" s="89">
        <v>0</v>
      </c>
      <c r="F28" s="90">
        <v>0</v>
      </c>
      <c r="G28" s="88">
        <v>51</v>
      </c>
      <c r="H28" s="88">
        <v>24</v>
      </c>
      <c r="I28" s="88">
        <v>25</v>
      </c>
      <c r="J28" s="88">
        <v>19</v>
      </c>
      <c r="K28" s="88">
        <v>16</v>
      </c>
      <c r="L28" s="89">
        <v>135</v>
      </c>
      <c r="M28" s="91">
        <v>135</v>
      </c>
      <c r="N28" s="92">
        <v>0</v>
      </c>
      <c r="O28" s="88">
        <v>0</v>
      </c>
      <c r="P28" s="89">
        <v>0</v>
      </c>
      <c r="Q28" s="90">
        <v>0</v>
      </c>
      <c r="R28" s="88">
        <v>1</v>
      </c>
      <c r="S28" s="88">
        <v>0</v>
      </c>
      <c r="T28" s="88">
        <v>1</v>
      </c>
      <c r="U28" s="88">
        <v>0</v>
      </c>
      <c r="V28" s="88">
        <v>0</v>
      </c>
      <c r="W28" s="89">
        <v>2</v>
      </c>
      <c r="X28" s="91">
        <v>2</v>
      </c>
      <c r="Y28" s="92">
        <v>0</v>
      </c>
      <c r="Z28" s="88">
        <v>0</v>
      </c>
      <c r="AA28" s="89">
        <v>0</v>
      </c>
      <c r="AB28" s="90">
        <v>0</v>
      </c>
      <c r="AC28" s="88">
        <v>52</v>
      </c>
      <c r="AD28" s="88">
        <v>24</v>
      </c>
      <c r="AE28" s="88">
        <v>26</v>
      </c>
      <c r="AF28" s="88">
        <v>19</v>
      </c>
      <c r="AG28" s="88">
        <v>16</v>
      </c>
      <c r="AH28" s="89">
        <v>137</v>
      </c>
      <c r="AI28" s="91">
        <v>137</v>
      </c>
    </row>
    <row r="29" spans="2:35" ht="21" customHeight="1" x14ac:dyDescent="0.2">
      <c r="B29" s="472" t="s">
        <v>28</v>
      </c>
      <c r="C29" s="87">
        <v>0</v>
      </c>
      <c r="D29" s="88">
        <v>0</v>
      </c>
      <c r="E29" s="89">
        <v>0</v>
      </c>
      <c r="F29" s="90">
        <v>0</v>
      </c>
      <c r="G29" s="88">
        <v>22</v>
      </c>
      <c r="H29" s="88">
        <v>20</v>
      </c>
      <c r="I29" s="88">
        <v>6</v>
      </c>
      <c r="J29" s="88">
        <v>6</v>
      </c>
      <c r="K29" s="88">
        <v>3</v>
      </c>
      <c r="L29" s="89">
        <v>57</v>
      </c>
      <c r="M29" s="91">
        <v>57</v>
      </c>
      <c r="N29" s="92">
        <v>0</v>
      </c>
      <c r="O29" s="88">
        <v>0</v>
      </c>
      <c r="P29" s="89">
        <v>0</v>
      </c>
      <c r="Q29" s="90">
        <v>0</v>
      </c>
      <c r="R29" s="88">
        <v>0</v>
      </c>
      <c r="S29" s="88">
        <v>1</v>
      </c>
      <c r="T29" s="88">
        <v>0</v>
      </c>
      <c r="U29" s="88">
        <v>0</v>
      </c>
      <c r="V29" s="88">
        <v>1</v>
      </c>
      <c r="W29" s="89">
        <v>2</v>
      </c>
      <c r="X29" s="91">
        <v>2</v>
      </c>
      <c r="Y29" s="92">
        <v>0</v>
      </c>
      <c r="Z29" s="88">
        <v>0</v>
      </c>
      <c r="AA29" s="89">
        <v>0</v>
      </c>
      <c r="AB29" s="90">
        <v>0</v>
      </c>
      <c r="AC29" s="88">
        <v>22</v>
      </c>
      <c r="AD29" s="88">
        <v>21</v>
      </c>
      <c r="AE29" s="88">
        <v>6</v>
      </c>
      <c r="AF29" s="88">
        <v>6</v>
      </c>
      <c r="AG29" s="88">
        <v>4</v>
      </c>
      <c r="AH29" s="89">
        <v>59</v>
      </c>
      <c r="AI29" s="91">
        <v>59</v>
      </c>
    </row>
    <row r="30" spans="2:35" ht="21" customHeight="1" x14ac:dyDescent="0.2">
      <c r="B30" s="472" t="s">
        <v>29</v>
      </c>
      <c r="C30" s="87">
        <v>0</v>
      </c>
      <c r="D30" s="88">
        <v>2</v>
      </c>
      <c r="E30" s="89">
        <v>2</v>
      </c>
      <c r="F30" s="90">
        <v>0</v>
      </c>
      <c r="G30" s="88">
        <v>38</v>
      </c>
      <c r="H30" s="88">
        <v>26</v>
      </c>
      <c r="I30" s="88">
        <v>34</v>
      </c>
      <c r="J30" s="88">
        <v>18</v>
      </c>
      <c r="K30" s="88">
        <v>7</v>
      </c>
      <c r="L30" s="89">
        <v>123</v>
      </c>
      <c r="M30" s="91">
        <v>125</v>
      </c>
      <c r="N30" s="92">
        <v>0</v>
      </c>
      <c r="O30" s="88">
        <v>0</v>
      </c>
      <c r="P30" s="89">
        <v>0</v>
      </c>
      <c r="Q30" s="90">
        <v>0</v>
      </c>
      <c r="R30" s="88">
        <v>1</v>
      </c>
      <c r="S30" s="88">
        <v>1</v>
      </c>
      <c r="T30" s="88">
        <v>0</v>
      </c>
      <c r="U30" s="88">
        <v>0</v>
      </c>
      <c r="V30" s="88">
        <v>0</v>
      </c>
      <c r="W30" s="89">
        <v>2</v>
      </c>
      <c r="X30" s="91">
        <v>2</v>
      </c>
      <c r="Y30" s="92">
        <v>0</v>
      </c>
      <c r="Z30" s="88">
        <v>2</v>
      </c>
      <c r="AA30" s="89">
        <v>2</v>
      </c>
      <c r="AB30" s="90">
        <v>0</v>
      </c>
      <c r="AC30" s="88">
        <v>39</v>
      </c>
      <c r="AD30" s="88">
        <v>27</v>
      </c>
      <c r="AE30" s="88">
        <v>34</v>
      </c>
      <c r="AF30" s="88">
        <v>18</v>
      </c>
      <c r="AG30" s="88">
        <v>7</v>
      </c>
      <c r="AH30" s="89">
        <v>125</v>
      </c>
      <c r="AI30" s="91">
        <v>127</v>
      </c>
    </row>
    <row r="31" spans="2:35" ht="21" customHeight="1" x14ac:dyDescent="0.2">
      <c r="B31" s="472" t="s">
        <v>30</v>
      </c>
      <c r="C31" s="87">
        <v>0</v>
      </c>
      <c r="D31" s="88">
        <v>0</v>
      </c>
      <c r="E31" s="89">
        <v>0</v>
      </c>
      <c r="F31" s="90">
        <v>0</v>
      </c>
      <c r="G31" s="88">
        <v>34</v>
      </c>
      <c r="H31" s="88">
        <v>18</v>
      </c>
      <c r="I31" s="88">
        <v>14</v>
      </c>
      <c r="J31" s="88">
        <v>9</v>
      </c>
      <c r="K31" s="88">
        <v>1</v>
      </c>
      <c r="L31" s="89">
        <v>76</v>
      </c>
      <c r="M31" s="91">
        <v>76</v>
      </c>
      <c r="N31" s="92">
        <v>0</v>
      </c>
      <c r="O31" s="88">
        <v>0</v>
      </c>
      <c r="P31" s="89">
        <v>0</v>
      </c>
      <c r="Q31" s="90">
        <v>0</v>
      </c>
      <c r="R31" s="88">
        <v>1</v>
      </c>
      <c r="S31" s="88">
        <v>0</v>
      </c>
      <c r="T31" s="88">
        <v>0</v>
      </c>
      <c r="U31" s="88">
        <v>0</v>
      </c>
      <c r="V31" s="88">
        <v>0</v>
      </c>
      <c r="W31" s="89">
        <v>1</v>
      </c>
      <c r="X31" s="91">
        <v>1</v>
      </c>
      <c r="Y31" s="92">
        <v>0</v>
      </c>
      <c r="Z31" s="88">
        <v>0</v>
      </c>
      <c r="AA31" s="89">
        <v>0</v>
      </c>
      <c r="AB31" s="90">
        <v>0</v>
      </c>
      <c r="AC31" s="88">
        <v>35</v>
      </c>
      <c r="AD31" s="88">
        <v>18</v>
      </c>
      <c r="AE31" s="88">
        <v>14</v>
      </c>
      <c r="AF31" s="88">
        <v>9</v>
      </c>
      <c r="AG31" s="88">
        <v>1</v>
      </c>
      <c r="AH31" s="89">
        <v>77</v>
      </c>
      <c r="AI31" s="91">
        <v>77</v>
      </c>
    </row>
    <row r="32" spans="2:35" ht="21" customHeight="1" x14ac:dyDescent="0.2">
      <c r="B32" s="472" t="s">
        <v>31</v>
      </c>
      <c r="C32" s="87">
        <v>0</v>
      </c>
      <c r="D32" s="88">
        <v>1</v>
      </c>
      <c r="E32" s="89">
        <v>1</v>
      </c>
      <c r="F32" s="90">
        <v>0</v>
      </c>
      <c r="G32" s="88">
        <v>47</v>
      </c>
      <c r="H32" s="88">
        <v>33</v>
      </c>
      <c r="I32" s="88">
        <v>23</v>
      </c>
      <c r="J32" s="88">
        <v>20</v>
      </c>
      <c r="K32" s="88">
        <v>6</v>
      </c>
      <c r="L32" s="89">
        <v>129</v>
      </c>
      <c r="M32" s="91">
        <v>130</v>
      </c>
      <c r="N32" s="92">
        <v>0</v>
      </c>
      <c r="O32" s="88">
        <v>0</v>
      </c>
      <c r="P32" s="89">
        <v>0</v>
      </c>
      <c r="Q32" s="90">
        <v>0</v>
      </c>
      <c r="R32" s="88">
        <v>0</v>
      </c>
      <c r="S32" s="88">
        <v>0</v>
      </c>
      <c r="T32" s="88">
        <v>0</v>
      </c>
      <c r="U32" s="88">
        <v>0</v>
      </c>
      <c r="V32" s="88">
        <v>0</v>
      </c>
      <c r="W32" s="89">
        <v>0</v>
      </c>
      <c r="X32" s="91">
        <v>0</v>
      </c>
      <c r="Y32" s="92">
        <v>0</v>
      </c>
      <c r="Z32" s="88">
        <v>1</v>
      </c>
      <c r="AA32" s="89">
        <v>1</v>
      </c>
      <c r="AB32" s="90">
        <v>0</v>
      </c>
      <c r="AC32" s="88">
        <v>47</v>
      </c>
      <c r="AD32" s="88">
        <v>33</v>
      </c>
      <c r="AE32" s="88">
        <v>23</v>
      </c>
      <c r="AF32" s="88">
        <v>20</v>
      </c>
      <c r="AG32" s="88">
        <v>6</v>
      </c>
      <c r="AH32" s="89">
        <v>129</v>
      </c>
      <c r="AI32" s="91">
        <v>130</v>
      </c>
    </row>
    <row r="33" spans="2:35" ht="21" customHeight="1" x14ac:dyDescent="0.2">
      <c r="B33" s="472" t="s">
        <v>32</v>
      </c>
      <c r="C33" s="87">
        <v>1</v>
      </c>
      <c r="D33" s="88">
        <v>4</v>
      </c>
      <c r="E33" s="89">
        <v>5</v>
      </c>
      <c r="F33" s="90">
        <v>0</v>
      </c>
      <c r="G33" s="88">
        <v>54</v>
      </c>
      <c r="H33" s="88">
        <v>38</v>
      </c>
      <c r="I33" s="88">
        <v>32</v>
      </c>
      <c r="J33" s="88">
        <v>22</v>
      </c>
      <c r="K33" s="88">
        <v>15</v>
      </c>
      <c r="L33" s="89">
        <v>161</v>
      </c>
      <c r="M33" s="91">
        <v>166</v>
      </c>
      <c r="N33" s="92">
        <v>0</v>
      </c>
      <c r="O33" s="88">
        <v>0</v>
      </c>
      <c r="P33" s="89">
        <v>0</v>
      </c>
      <c r="Q33" s="90">
        <v>0</v>
      </c>
      <c r="R33" s="88">
        <v>1</v>
      </c>
      <c r="S33" s="88">
        <v>1</v>
      </c>
      <c r="T33" s="88">
        <v>1</v>
      </c>
      <c r="U33" s="88">
        <v>0</v>
      </c>
      <c r="V33" s="88">
        <v>0</v>
      </c>
      <c r="W33" s="89">
        <v>3</v>
      </c>
      <c r="X33" s="91">
        <v>3</v>
      </c>
      <c r="Y33" s="92">
        <v>1</v>
      </c>
      <c r="Z33" s="88">
        <v>4</v>
      </c>
      <c r="AA33" s="89">
        <v>5</v>
      </c>
      <c r="AB33" s="90">
        <v>0</v>
      </c>
      <c r="AC33" s="88">
        <v>55</v>
      </c>
      <c r="AD33" s="88">
        <v>39</v>
      </c>
      <c r="AE33" s="88">
        <v>33</v>
      </c>
      <c r="AF33" s="88">
        <v>22</v>
      </c>
      <c r="AG33" s="88">
        <v>15</v>
      </c>
      <c r="AH33" s="89">
        <v>164</v>
      </c>
      <c r="AI33" s="91">
        <v>169</v>
      </c>
    </row>
    <row r="34" spans="2:35" ht="21" customHeight="1" x14ac:dyDescent="0.2">
      <c r="B34" s="472" t="s">
        <v>33</v>
      </c>
      <c r="C34" s="87">
        <v>0</v>
      </c>
      <c r="D34" s="88">
        <v>1</v>
      </c>
      <c r="E34" s="89">
        <v>1</v>
      </c>
      <c r="F34" s="90">
        <v>0</v>
      </c>
      <c r="G34" s="88">
        <v>34</v>
      </c>
      <c r="H34" s="88">
        <v>18</v>
      </c>
      <c r="I34" s="88">
        <v>20</v>
      </c>
      <c r="J34" s="88">
        <v>4</v>
      </c>
      <c r="K34" s="88">
        <v>10</v>
      </c>
      <c r="L34" s="89">
        <v>86</v>
      </c>
      <c r="M34" s="91">
        <v>87</v>
      </c>
      <c r="N34" s="92">
        <v>0</v>
      </c>
      <c r="O34" s="88">
        <v>0</v>
      </c>
      <c r="P34" s="89">
        <v>0</v>
      </c>
      <c r="Q34" s="90">
        <v>0</v>
      </c>
      <c r="R34" s="88">
        <v>0</v>
      </c>
      <c r="S34" s="88">
        <v>0</v>
      </c>
      <c r="T34" s="88">
        <v>0</v>
      </c>
      <c r="U34" s="88">
        <v>0</v>
      </c>
      <c r="V34" s="88">
        <v>0</v>
      </c>
      <c r="W34" s="89">
        <v>0</v>
      </c>
      <c r="X34" s="91">
        <v>0</v>
      </c>
      <c r="Y34" s="92">
        <v>0</v>
      </c>
      <c r="Z34" s="88">
        <v>1</v>
      </c>
      <c r="AA34" s="89">
        <v>1</v>
      </c>
      <c r="AB34" s="90">
        <v>0</v>
      </c>
      <c r="AC34" s="88">
        <v>34</v>
      </c>
      <c r="AD34" s="88">
        <v>18</v>
      </c>
      <c r="AE34" s="88">
        <v>20</v>
      </c>
      <c r="AF34" s="88">
        <v>4</v>
      </c>
      <c r="AG34" s="88">
        <v>10</v>
      </c>
      <c r="AH34" s="89">
        <v>86</v>
      </c>
      <c r="AI34" s="91">
        <v>87</v>
      </c>
    </row>
    <row r="35" spans="2:35" ht="21" customHeight="1" x14ac:dyDescent="0.2">
      <c r="B35" s="472" t="s">
        <v>34</v>
      </c>
      <c r="C35" s="87">
        <v>1</v>
      </c>
      <c r="D35" s="88">
        <v>1</v>
      </c>
      <c r="E35" s="89">
        <v>2</v>
      </c>
      <c r="F35" s="90">
        <v>0</v>
      </c>
      <c r="G35" s="88">
        <v>30</v>
      </c>
      <c r="H35" s="88">
        <v>24</v>
      </c>
      <c r="I35" s="88">
        <v>16</v>
      </c>
      <c r="J35" s="88">
        <v>6</v>
      </c>
      <c r="K35" s="88">
        <v>4</v>
      </c>
      <c r="L35" s="89">
        <v>80</v>
      </c>
      <c r="M35" s="91">
        <v>82</v>
      </c>
      <c r="N35" s="92">
        <v>0</v>
      </c>
      <c r="O35" s="88">
        <v>0</v>
      </c>
      <c r="P35" s="89">
        <v>0</v>
      </c>
      <c r="Q35" s="90">
        <v>0</v>
      </c>
      <c r="R35" s="88">
        <v>0</v>
      </c>
      <c r="S35" s="88">
        <v>0</v>
      </c>
      <c r="T35" s="88">
        <v>0</v>
      </c>
      <c r="U35" s="88">
        <v>1</v>
      </c>
      <c r="V35" s="88">
        <v>0</v>
      </c>
      <c r="W35" s="89">
        <v>1</v>
      </c>
      <c r="X35" s="91">
        <v>1</v>
      </c>
      <c r="Y35" s="92">
        <v>1</v>
      </c>
      <c r="Z35" s="88">
        <v>1</v>
      </c>
      <c r="AA35" s="89">
        <v>2</v>
      </c>
      <c r="AB35" s="90">
        <v>0</v>
      </c>
      <c r="AC35" s="88">
        <v>30</v>
      </c>
      <c r="AD35" s="88">
        <v>24</v>
      </c>
      <c r="AE35" s="88">
        <v>16</v>
      </c>
      <c r="AF35" s="88">
        <v>7</v>
      </c>
      <c r="AG35" s="88">
        <v>4</v>
      </c>
      <c r="AH35" s="89">
        <v>81</v>
      </c>
      <c r="AI35" s="91">
        <v>83</v>
      </c>
    </row>
    <row r="36" spans="2:35" ht="21" customHeight="1" x14ac:dyDescent="0.2">
      <c r="B36" s="472" t="s">
        <v>35</v>
      </c>
      <c r="C36" s="87">
        <v>4</v>
      </c>
      <c r="D36" s="88">
        <v>3</v>
      </c>
      <c r="E36" s="89">
        <v>7</v>
      </c>
      <c r="F36" s="90">
        <v>0</v>
      </c>
      <c r="G36" s="88">
        <v>43</v>
      </c>
      <c r="H36" s="88">
        <v>40</v>
      </c>
      <c r="I36" s="88">
        <v>33</v>
      </c>
      <c r="J36" s="88">
        <v>24</v>
      </c>
      <c r="K36" s="88">
        <v>10</v>
      </c>
      <c r="L36" s="89">
        <v>150</v>
      </c>
      <c r="M36" s="91">
        <v>157</v>
      </c>
      <c r="N36" s="92">
        <v>0</v>
      </c>
      <c r="O36" s="88">
        <v>0</v>
      </c>
      <c r="P36" s="89">
        <v>0</v>
      </c>
      <c r="Q36" s="90">
        <v>0</v>
      </c>
      <c r="R36" s="88">
        <v>0</v>
      </c>
      <c r="S36" s="88">
        <v>0</v>
      </c>
      <c r="T36" s="88">
        <v>0</v>
      </c>
      <c r="U36" s="88">
        <v>0</v>
      </c>
      <c r="V36" s="88">
        <v>0</v>
      </c>
      <c r="W36" s="89">
        <v>0</v>
      </c>
      <c r="X36" s="91">
        <v>0</v>
      </c>
      <c r="Y36" s="92">
        <v>4</v>
      </c>
      <c r="Z36" s="88">
        <v>3</v>
      </c>
      <c r="AA36" s="89">
        <v>7</v>
      </c>
      <c r="AB36" s="90">
        <v>0</v>
      </c>
      <c r="AC36" s="88">
        <v>43</v>
      </c>
      <c r="AD36" s="88">
        <v>40</v>
      </c>
      <c r="AE36" s="88">
        <v>33</v>
      </c>
      <c r="AF36" s="88">
        <v>24</v>
      </c>
      <c r="AG36" s="88">
        <v>10</v>
      </c>
      <c r="AH36" s="89">
        <v>150</v>
      </c>
      <c r="AI36" s="91">
        <v>157</v>
      </c>
    </row>
    <row r="37" spans="2:35" ht="21" customHeight="1" x14ac:dyDescent="0.2">
      <c r="B37" s="472" t="s">
        <v>36</v>
      </c>
      <c r="C37" s="87">
        <v>0</v>
      </c>
      <c r="D37" s="88">
        <v>4</v>
      </c>
      <c r="E37" s="89">
        <v>4</v>
      </c>
      <c r="F37" s="90">
        <v>0</v>
      </c>
      <c r="G37" s="88">
        <v>81</v>
      </c>
      <c r="H37" s="88">
        <v>72</v>
      </c>
      <c r="I37" s="88">
        <v>45</v>
      </c>
      <c r="J37" s="88">
        <v>28</v>
      </c>
      <c r="K37" s="88">
        <v>18</v>
      </c>
      <c r="L37" s="89">
        <v>244</v>
      </c>
      <c r="M37" s="91">
        <v>248</v>
      </c>
      <c r="N37" s="92">
        <v>0</v>
      </c>
      <c r="O37" s="88">
        <v>0</v>
      </c>
      <c r="P37" s="89">
        <v>0</v>
      </c>
      <c r="Q37" s="90">
        <v>0</v>
      </c>
      <c r="R37" s="88">
        <v>0</v>
      </c>
      <c r="S37" s="88">
        <v>1</v>
      </c>
      <c r="T37" s="88">
        <v>1</v>
      </c>
      <c r="U37" s="88">
        <v>0</v>
      </c>
      <c r="V37" s="88">
        <v>1</v>
      </c>
      <c r="W37" s="89">
        <v>3</v>
      </c>
      <c r="X37" s="91">
        <v>3</v>
      </c>
      <c r="Y37" s="92">
        <v>0</v>
      </c>
      <c r="Z37" s="88">
        <v>4</v>
      </c>
      <c r="AA37" s="89">
        <v>4</v>
      </c>
      <c r="AB37" s="90">
        <v>0</v>
      </c>
      <c r="AC37" s="88">
        <v>81</v>
      </c>
      <c r="AD37" s="88">
        <v>73</v>
      </c>
      <c r="AE37" s="88">
        <v>46</v>
      </c>
      <c r="AF37" s="88">
        <v>28</v>
      </c>
      <c r="AG37" s="88">
        <v>19</v>
      </c>
      <c r="AH37" s="89">
        <v>247</v>
      </c>
      <c r="AI37" s="91">
        <v>251</v>
      </c>
    </row>
    <row r="38" spans="2:35" ht="21" customHeight="1" thickBot="1" x14ac:dyDescent="0.25">
      <c r="B38" s="473" t="s">
        <v>37</v>
      </c>
      <c r="C38" s="93">
        <v>0</v>
      </c>
      <c r="D38" s="94">
        <v>0</v>
      </c>
      <c r="E38" s="95">
        <v>0</v>
      </c>
      <c r="F38" s="96">
        <v>0</v>
      </c>
      <c r="G38" s="94">
        <v>13</v>
      </c>
      <c r="H38" s="94">
        <v>8</v>
      </c>
      <c r="I38" s="94">
        <v>10</v>
      </c>
      <c r="J38" s="94">
        <v>6</v>
      </c>
      <c r="K38" s="94">
        <v>5</v>
      </c>
      <c r="L38" s="95">
        <v>42</v>
      </c>
      <c r="M38" s="97">
        <v>42</v>
      </c>
      <c r="N38" s="98">
        <v>0</v>
      </c>
      <c r="O38" s="94">
        <v>0</v>
      </c>
      <c r="P38" s="95">
        <v>0</v>
      </c>
      <c r="Q38" s="96">
        <v>0</v>
      </c>
      <c r="R38" s="94">
        <v>0</v>
      </c>
      <c r="S38" s="94">
        <v>0</v>
      </c>
      <c r="T38" s="94">
        <v>0</v>
      </c>
      <c r="U38" s="94">
        <v>0</v>
      </c>
      <c r="V38" s="94">
        <v>0</v>
      </c>
      <c r="W38" s="95">
        <v>0</v>
      </c>
      <c r="X38" s="97">
        <v>0</v>
      </c>
      <c r="Y38" s="98">
        <v>0</v>
      </c>
      <c r="Z38" s="94">
        <v>0</v>
      </c>
      <c r="AA38" s="95">
        <v>0</v>
      </c>
      <c r="AB38" s="96">
        <v>0</v>
      </c>
      <c r="AC38" s="94">
        <v>13</v>
      </c>
      <c r="AD38" s="94">
        <v>8</v>
      </c>
      <c r="AE38" s="94">
        <v>10</v>
      </c>
      <c r="AF38" s="94">
        <v>6</v>
      </c>
      <c r="AG38" s="94">
        <v>5</v>
      </c>
      <c r="AH38" s="95">
        <v>42</v>
      </c>
      <c r="AI38" s="97">
        <v>42</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500">
        <f>第１表!F2</f>
        <v>5</v>
      </c>
      <c r="J1" s="500"/>
      <c r="K1" s="235">
        <f>第１表!G2</f>
        <v>11</v>
      </c>
      <c r="L1" s="505">
        <f>IF(K1&lt;3,K1+12-2,K1-2)</f>
        <v>9</v>
      </c>
      <c r="M1" s="505"/>
    </row>
    <row r="2" spans="1:101" s="272" customFormat="1" ht="24" customHeight="1" thickBot="1" x14ac:dyDescent="0.25">
      <c r="A2" s="39"/>
      <c r="B2" s="271" t="s">
        <v>132</v>
      </c>
    </row>
    <row r="3" spans="1:101" ht="21" customHeight="1" thickBot="1" x14ac:dyDescent="0.25">
      <c r="B3" s="513"/>
      <c r="C3" s="516" t="s">
        <v>114</v>
      </c>
      <c r="D3" s="517"/>
      <c r="E3" s="517"/>
      <c r="F3" s="517"/>
      <c r="G3" s="517"/>
      <c r="H3" s="517"/>
      <c r="I3" s="517"/>
      <c r="J3" s="517"/>
      <c r="K3" s="517"/>
      <c r="L3" s="517"/>
      <c r="M3" s="518"/>
      <c r="N3" s="516" t="s">
        <v>115</v>
      </c>
      <c r="O3" s="517"/>
      <c r="P3" s="517"/>
      <c r="Q3" s="517"/>
      <c r="R3" s="517"/>
      <c r="S3" s="517"/>
      <c r="T3" s="517"/>
      <c r="U3" s="517"/>
      <c r="V3" s="517"/>
      <c r="W3" s="517"/>
      <c r="X3" s="518"/>
      <c r="Y3" s="516" t="s">
        <v>141</v>
      </c>
      <c r="Z3" s="517"/>
      <c r="AA3" s="517"/>
      <c r="AB3" s="517"/>
      <c r="AC3" s="517"/>
      <c r="AD3" s="517"/>
      <c r="AE3" s="517"/>
      <c r="AF3" s="517"/>
      <c r="AG3" s="517"/>
      <c r="AH3" s="517"/>
      <c r="AI3" s="518"/>
      <c r="AJ3" s="516" t="s">
        <v>90</v>
      </c>
      <c r="AK3" s="517"/>
      <c r="AL3" s="517"/>
      <c r="AM3" s="517"/>
      <c r="AN3" s="517"/>
      <c r="AO3" s="517"/>
      <c r="AP3" s="517"/>
      <c r="AQ3" s="517"/>
      <c r="AR3" s="517"/>
      <c r="AS3" s="517"/>
      <c r="AT3" s="518"/>
      <c r="AU3" s="522" t="s">
        <v>89</v>
      </c>
      <c r="AV3" s="523"/>
      <c r="AW3" s="523"/>
      <c r="AX3" s="523"/>
      <c r="AY3" s="523"/>
      <c r="AZ3" s="523"/>
      <c r="BA3" s="523"/>
      <c r="BB3" s="523"/>
      <c r="BC3" s="523"/>
      <c r="BD3" s="523"/>
      <c r="BE3" s="524"/>
      <c r="BF3" s="522" t="s">
        <v>91</v>
      </c>
      <c r="BG3" s="523"/>
      <c r="BH3" s="523"/>
      <c r="BI3" s="523"/>
      <c r="BJ3" s="523"/>
      <c r="BK3" s="523"/>
      <c r="BL3" s="523"/>
      <c r="BM3" s="523"/>
      <c r="BN3" s="523"/>
      <c r="BO3" s="523"/>
      <c r="BP3" s="524"/>
      <c r="BQ3" s="522" t="s">
        <v>92</v>
      </c>
      <c r="BR3" s="523"/>
      <c r="BS3" s="523"/>
      <c r="BT3" s="523"/>
      <c r="BU3" s="523"/>
      <c r="BV3" s="523"/>
      <c r="BW3" s="523"/>
      <c r="BX3" s="523"/>
      <c r="BY3" s="523"/>
      <c r="BZ3" s="523"/>
      <c r="CA3" s="524"/>
      <c r="CB3" s="522" t="s">
        <v>93</v>
      </c>
      <c r="CC3" s="523"/>
      <c r="CD3" s="523"/>
      <c r="CE3" s="523"/>
      <c r="CF3" s="523"/>
      <c r="CG3" s="523"/>
      <c r="CH3" s="523"/>
      <c r="CI3" s="523"/>
      <c r="CJ3" s="523"/>
      <c r="CK3" s="523"/>
      <c r="CL3" s="524"/>
      <c r="CM3" s="523" t="s">
        <v>140</v>
      </c>
      <c r="CN3" s="523"/>
      <c r="CO3" s="523"/>
      <c r="CP3" s="523"/>
      <c r="CQ3" s="523"/>
      <c r="CR3" s="523"/>
      <c r="CS3" s="523"/>
      <c r="CT3" s="523"/>
      <c r="CU3" s="523"/>
      <c r="CV3" s="523"/>
      <c r="CW3" s="524"/>
    </row>
    <row r="4" spans="1:101"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38" t="s">
        <v>61</v>
      </c>
      <c r="AV4" s="536"/>
      <c r="AW4" s="537"/>
      <c r="AX4" s="535" t="s">
        <v>62</v>
      </c>
      <c r="AY4" s="536"/>
      <c r="AZ4" s="536"/>
      <c r="BA4" s="536"/>
      <c r="BB4" s="536"/>
      <c r="BC4" s="536"/>
      <c r="BD4" s="537"/>
      <c r="BE4" s="539" t="s">
        <v>52</v>
      </c>
      <c r="BF4" s="538" t="s">
        <v>61</v>
      </c>
      <c r="BG4" s="536"/>
      <c r="BH4" s="537"/>
      <c r="BI4" s="535" t="s">
        <v>62</v>
      </c>
      <c r="BJ4" s="536"/>
      <c r="BK4" s="536"/>
      <c r="BL4" s="536"/>
      <c r="BM4" s="536"/>
      <c r="BN4" s="536"/>
      <c r="BO4" s="537"/>
      <c r="BP4" s="539" t="s">
        <v>52</v>
      </c>
      <c r="BQ4" s="538" t="s">
        <v>61</v>
      </c>
      <c r="BR4" s="536"/>
      <c r="BS4" s="537"/>
      <c r="BT4" s="535" t="s">
        <v>62</v>
      </c>
      <c r="BU4" s="536"/>
      <c r="BV4" s="536"/>
      <c r="BW4" s="536"/>
      <c r="BX4" s="536"/>
      <c r="BY4" s="536"/>
      <c r="BZ4" s="537"/>
      <c r="CA4" s="539" t="s">
        <v>52</v>
      </c>
      <c r="CB4" s="538" t="s">
        <v>61</v>
      </c>
      <c r="CC4" s="536"/>
      <c r="CD4" s="537"/>
      <c r="CE4" s="535" t="s">
        <v>62</v>
      </c>
      <c r="CF4" s="536"/>
      <c r="CG4" s="536"/>
      <c r="CH4" s="536"/>
      <c r="CI4" s="536"/>
      <c r="CJ4" s="536"/>
      <c r="CK4" s="537"/>
      <c r="CL4" s="539" t="s">
        <v>52</v>
      </c>
      <c r="CM4" s="538" t="s">
        <v>61</v>
      </c>
      <c r="CN4" s="536"/>
      <c r="CO4" s="537"/>
      <c r="CP4" s="535" t="s">
        <v>62</v>
      </c>
      <c r="CQ4" s="536"/>
      <c r="CR4" s="536"/>
      <c r="CS4" s="536"/>
      <c r="CT4" s="536"/>
      <c r="CU4" s="536"/>
      <c r="CV4" s="537"/>
      <c r="CW4" s="539" t="s">
        <v>52</v>
      </c>
    </row>
    <row r="5" spans="1:101" ht="30" customHeight="1" thickBot="1" x14ac:dyDescent="0.25">
      <c r="B5" s="515"/>
      <c r="C5" s="244" t="s">
        <v>43</v>
      </c>
      <c r="D5" s="246" t="s">
        <v>44</v>
      </c>
      <c r="E5" s="247" t="s">
        <v>45</v>
      </c>
      <c r="F5" s="248" t="s">
        <v>83</v>
      </c>
      <c r="G5" s="243" t="s">
        <v>47</v>
      </c>
      <c r="H5" s="243" t="s">
        <v>48</v>
      </c>
      <c r="I5" s="243" t="s">
        <v>49</v>
      </c>
      <c r="J5" s="243" t="s">
        <v>50</v>
      </c>
      <c r="K5" s="243" t="s">
        <v>51</v>
      </c>
      <c r="L5" s="249" t="s">
        <v>45</v>
      </c>
      <c r="M5" s="507"/>
      <c r="N5" s="244" t="s">
        <v>43</v>
      </c>
      <c r="O5" s="243" t="s">
        <v>44</v>
      </c>
      <c r="P5" s="246" t="s">
        <v>45</v>
      </c>
      <c r="Q5" s="248" t="s">
        <v>83</v>
      </c>
      <c r="R5" s="243" t="s">
        <v>47</v>
      </c>
      <c r="S5" s="243" t="s">
        <v>48</v>
      </c>
      <c r="T5" s="243" t="s">
        <v>49</v>
      </c>
      <c r="U5" s="243" t="s">
        <v>50</v>
      </c>
      <c r="V5" s="243" t="s">
        <v>51</v>
      </c>
      <c r="W5" s="246" t="s">
        <v>45</v>
      </c>
      <c r="X5" s="507"/>
      <c r="Y5" s="244" t="s">
        <v>43</v>
      </c>
      <c r="Z5" s="243" t="s">
        <v>44</v>
      </c>
      <c r="AA5" s="246" t="s">
        <v>45</v>
      </c>
      <c r="AB5" s="248" t="s">
        <v>83</v>
      </c>
      <c r="AC5" s="243" t="s">
        <v>47</v>
      </c>
      <c r="AD5" s="243" t="s">
        <v>48</v>
      </c>
      <c r="AE5" s="243" t="s">
        <v>49</v>
      </c>
      <c r="AF5" s="243" t="s">
        <v>50</v>
      </c>
      <c r="AG5" s="243" t="s">
        <v>51</v>
      </c>
      <c r="AH5" s="246" t="s">
        <v>45</v>
      </c>
      <c r="AI5" s="507"/>
      <c r="AJ5" s="318" t="s">
        <v>43</v>
      </c>
      <c r="AK5" s="243" t="s">
        <v>44</v>
      </c>
      <c r="AL5" s="246" t="s">
        <v>45</v>
      </c>
      <c r="AM5" s="248" t="s">
        <v>83</v>
      </c>
      <c r="AN5" s="243" t="s">
        <v>47</v>
      </c>
      <c r="AO5" s="243" t="s">
        <v>48</v>
      </c>
      <c r="AP5" s="243" t="s">
        <v>49</v>
      </c>
      <c r="AQ5" s="243" t="s">
        <v>50</v>
      </c>
      <c r="AR5" s="243" t="s">
        <v>51</v>
      </c>
      <c r="AS5" s="246" t="s">
        <v>45</v>
      </c>
      <c r="AT5" s="507"/>
      <c r="AU5" s="318" t="s">
        <v>43</v>
      </c>
      <c r="AV5" s="243" t="s">
        <v>44</v>
      </c>
      <c r="AW5" s="246" t="s">
        <v>45</v>
      </c>
      <c r="AX5" s="248" t="s">
        <v>83</v>
      </c>
      <c r="AY5" s="243" t="s">
        <v>47</v>
      </c>
      <c r="AZ5" s="243" t="s">
        <v>48</v>
      </c>
      <c r="BA5" s="243" t="s">
        <v>49</v>
      </c>
      <c r="BB5" s="243" t="s">
        <v>50</v>
      </c>
      <c r="BC5" s="243" t="s">
        <v>51</v>
      </c>
      <c r="BD5" s="246" t="s">
        <v>45</v>
      </c>
      <c r="BE5" s="540"/>
      <c r="BF5" s="318" t="s">
        <v>43</v>
      </c>
      <c r="BG5" s="243" t="s">
        <v>44</v>
      </c>
      <c r="BH5" s="246" t="s">
        <v>45</v>
      </c>
      <c r="BI5" s="248" t="s">
        <v>83</v>
      </c>
      <c r="BJ5" s="243" t="s">
        <v>47</v>
      </c>
      <c r="BK5" s="243" t="s">
        <v>48</v>
      </c>
      <c r="BL5" s="243" t="s">
        <v>49</v>
      </c>
      <c r="BM5" s="243" t="s">
        <v>50</v>
      </c>
      <c r="BN5" s="243" t="s">
        <v>51</v>
      </c>
      <c r="BO5" s="246" t="s">
        <v>45</v>
      </c>
      <c r="BP5" s="540"/>
      <c r="BQ5" s="318" t="s">
        <v>43</v>
      </c>
      <c r="BR5" s="243" t="s">
        <v>44</v>
      </c>
      <c r="BS5" s="246" t="s">
        <v>45</v>
      </c>
      <c r="BT5" s="248" t="s">
        <v>83</v>
      </c>
      <c r="BU5" s="243" t="s">
        <v>47</v>
      </c>
      <c r="BV5" s="243" t="s">
        <v>48</v>
      </c>
      <c r="BW5" s="243" t="s">
        <v>49</v>
      </c>
      <c r="BX5" s="243" t="s">
        <v>50</v>
      </c>
      <c r="BY5" s="243" t="s">
        <v>51</v>
      </c>
      <c r="BZ5" s="246" t="s">
        <v>45</v>
      </c>
      <c r="CA5" s="540"/>
      <c r="CB5" s="318" t="s">
        <v>43</v>
      </c>
      <c r="CC5" s="243" t="s">
        <v>44</v>
      </c>
      <c r="CD5" s="246" t="s">
        <v>45</v>
      </c>
      <c r="CE5" s="248" t="s">
        <v>83</v>
      </c>
      <c r="CF5" s="243" t="s">
        <v>47</v>
      </c>
      <c r="CG5" s="243" t="s">
        <v>48</v>
      </c>
      <c r="CH5" s="243" t="s">
        <v>49</v>
      </c>
      <c r="CI5" s="243" t="s">
        <v>50</v>
      </c>
      <c r="CJ5" s="243" t="s">
        <v>51</v>
      </c>
      <c r="CK5" s="246" t="s">
        <v>45</v>
      </c>
      <c r="CL5" s="540"/>
      <c r="CM5" s="318" t="s">
        <v>43</v>
      </c>
      <c r="CN5" s="243" t="s">
        <v>44</v>
      </c>
      <c r="CO5" s="246" t="s">
        <v>45</v>
      </c>
      <c r="CP5" s="248" t="s">
        <v>83</v>
      </c>
      <c r="CQ5" s="243" t="s">
        <v>47</v>
      </c>
      <c r="CR5" s="243" t="s">
        <v>48</v>
      </c>
      <c r="CS5" s="243" t="s">
        <v>49</v>
      </c>
      <c r="CT5" s="243" t="s">
        <v>50</v>
      </c>
      <c r="CU5" s="243" t="s">
        <v>51</v>
      </c>
      <c r="CV5" s="246" t="s">
        <v>45</v>
      </c>
      <c r="CW5" s="540"/>
    </row>
    <row r="6" spans="1:101" ht="21" customHeight="1" x14ac:dyDescent="0.2">
      <c r="B6" s="470" t="s">
        <v>4</v>
      </c>
      <c r="C6" s="250">
        <v>0</v>
      </c>
      <c r="D6" s="251">
        <v>0</v>
      </c>
      <c r="E6" s="252">
        <v>0</v>
      </c>
      <c r="F6" s="253">
        <v>0</v>
      </c>
      <c r="G6" s="254">
        <v>314</v>
      </c>
      <c r="H6" s="254">
        <v>412</v>
      </c>
      <c r="I6" s="254">
        <v>341</v>
      </c>
      <c r="J6" s="254">
        <v>409</v>
      </c>
      <c r="K6" s="254">
        <v>399</v>
      </c>
      <c r="L6" s="255">
        <v>1875</v>
      </c>
      <c r="M6" s="256">
        <v>1875</v>
      </c>
      <c r="N6" s="250">
        <v>0</v>
      </c>
      <c r="O6" s="254">
        <v>0</v>
      </c>
      <c r="P6" s="251">
        <v>0</v>
      </c>
      <c r="Q6" s="253">
        <v>0</v>
      </c>
      <c r="R6" s="254">
        <v>184</v>
      </c>
      <c r="S6" s="254">
        <v>537</v>
      </c>
      <c r="T6" s="254">
        <v>452</v>
      </c>
      <c r="U6" s="254">
        <v>446</v>
      </c>
      <c r="V6" s="254">
        <v>432</v>
      </c>
      <c r="W6" s="251">
        <v>2051</v>
      </c>
      <c r="X6" s="256">
        <v>2051</v>
      </c>
      <c r="Y6" s="250">
        <v>0</v>
      </c>
      <c r="Z6" s="254">
        <v>0</v>
      </c>
      <c r="AA6" s="251">
        <v>0</v>
      </c>
      <c r="AB6" s="253">
        <v>0</v>
      </c>
      <c r="AC6" s="254">
        <v>13743</v>
      </c>
      <c r="AD6" s="254">
        <v>12834</v>
      </c>
      <c r="AE6" s="254">
        <v>6004</v>
      </c>
      <c r="AF6" s="254">
        <v>2985</v>
      </c>
      <c r="AG6" s="254">
        <v>1322</v>
      </c>
      <c r="AH6" s="251">
        <v>36888</v>
      </c>
      <c r="AI6" s="256">
        <v>36888</v>
      </c>
      <c r="AJ6" s="250">
        <v>7</v>
      </c>
      <c r="AK6" s="254">
        <v>9</v>
      </c>
      <c r="AL6" s="251">
        <v>16</v>
      </c>
      <c r="AM6" s="253">
        <v>0</v>
      </c>
      <c r="AN6" s="254">
        <v>787</v>
      </c>
      <c r="AO6" s="254">
        <v>958</v>
      </c>
      <c r="AP6" s="254">
        <v>1050</v>
      </c>
      <c r="AQ6" s="254">
        <v>605</v>
      </c>
      <c r="AR6" s="254">
        <v>437</v>
      </c>
      <c r="AS6" s="251">
        <v>3837</v>
      </c>
      <c r="AT6" s="256">
        <v>3853</v>
      </c>
      <c r="AU6" s="250">
        <v>173</v>
      </c>
      <c r="AV6" s="254">
        <v>280</v>
      </c>
      <c r="AW6" s="251">
        <v>453</v>
      </c>
      <c r="AX6" s="253">
        <v>0</v>
      </c>
      <c r="AY6" s="254">
        <v>1466</v>
      </c>
      <c r="AZ6" s="254">
        <v>1574</v>
      </c>
      <c r="BA6" s="254">
        <v>1395</v>
      </c>
      <c r="BB6" s="254">
        <v>925</v>
      </c>
      <c r="BC6" s="254">
        <v>520</v>
      </c>
      <c r="BD6" s="251">
        <v>5880</v>
      </c>
      <c r="BE6" s="256">
        <v>6333</v>
      </c>
      <c r="BF6" s="250">
        <v>0</v>
      </c>
      <c r="BG6" s="254">
        <v>38</v>
      </c>
      <c r="BH6" s="251">
        <v>38</v>
      </c>
      <c r="BI6" s="253">
        <v>0</v>
      </c>
      <c r="BJ6" s="254">
        <v>2483</v>
      </c>
      <c r="BK6" s="254">
        <v>3229</v>
      </c>
      <c r="BL6" s="254">
        <v>3605</v>
      </c>
      <c r="BM6" s="254">
        <v>2389</v>
      </c>
      <c r="BN6" s="254">
        <v>1644</v>
      </c>
      <c r="BO6" s="255">
        <v>13350</v>
      </c>
      <c r="BP6" s="256">
        <v>13388</v>
      </c>
      <c r="BQ6" s="250">
        <v>0</v>
      </c>
      <c r="BR6" s="254">
        <v>0</v>
      </c>
      <c r="BS6" s="251">
        <v>0</v>
      </c>
      <c r="BT6" s="253">
        <v>0</v>
      </c>
      <c r="BU6" s="254">
        <v>43</v>
      </c>
      <c r="BV6" s="254">
        <v>42</v>
      </c>
      <c r="BW6" s="254">
        <v>71</v>
      </c>
      <c r="BX6" s="254">
        <v>64</v>
      </c>
      <c r="BY6" s="254">
        <v>51</v>
      </c>
      <c r="BZ6" s="251">
        <v>271</v>
      </c>
      <c r="CA6" s="256">
        <v>271</v>
      </c>
      <c r="CB6" s="250">
        <v>0</v>
      </c>
      <c r="CC6" s="254">
        <v>0</v>
      </c>
      <c r="CD6" s="251">
        <v>0</v>
      </c>
      <c r="CE6" s="253">
        <v>0</v>
      </c>
      <c r="CF6" s="254">
        <v>9</v>
      </c>
      <c r="CG6" s="254">
        <v>27</v>
      </c>
      <c r="CH6" s="254">
        <v>212</v>
      </c>
      <c r="CI6" s="254">
        <v>333</v>
      </c>
      <c r="CJ6" s="254">
        <v>233</v>
      </c>
      <c r="CK6" s="251">
        <v>814</v>
      </c>
      <c r="CL6" s="256">
        <v>814</v>
      </c>
      <c r="CM6" s="250">
        <v>0</v>
      </c>
      <c r="CN6" s="254">
        <v>0</v>
      </c>
      <c r="CO6" s="251">
        <v>0</v>
      </c>
      <c r="CP6" s="253">
        <v>0</v>
      </c>
      <c r="CQ6" s="254">
        <v>208</v>
      </c>
      <c r="CR6" s="254">
        <v>339</v>
      </c>
      <c r="CS6" s="254">
        <v>318</v>
      </c>
      <c r="CT6" s="254">
        <v>404</v>
      </c>
      <c r="CU6" s="254">
        <v>479</v>
      </c>
      <c r="CV6" s="251">
        <v>1748</v>
      </c>
      <c r="CW6" s="256">
        <v>1748</v>
      </c>
    </row>
    <row r="7" spans="1:101" ht="21" customHeight="1" x14ac:dyDescent="0.2">
      <c r="B7" s="471" t="s">
        <v>5</v>
      </c>
      <c r="C7" s="257">
        <v>0</v>
      </c>
      <c r="D7" s="258">
        <v>0</v>
      </c>
      <c r="E7" s="259">
        <v>0</v>
      </c>
      <c r="F7" s="260">
        <v>0</v>
      </c>
      <c r="G7" s="261">
        <v>123</v>
      </c>
      <c r="H7" s="261">
        <v>192</v>
      </c>
      <c r="I7" s="261">
        <v>173</v>
      </c>
      <c r="J7" s="261">
        <v>188</v>
      </c>
      <c r="K7" s="261">
        <v>188</v>
      </c>
      <c r="L7" s="262">
        <v>864</v>
      </c>
      <c r="M7" s="263">
        <v>864</v>
      </c>
      <c r="N7" s="257">
        <v>0</v>
      </c>
      <c r="O7" s="261">
        <v>0</v>
      </c>
      <c r="P7" s="258">
        <v>0</v>
      </c>
      <c r="Q7" s="260">
        <v>0</v>
      </c>
      <c r="R7" s="261">
        <v>91</v>
      </c>
      <c r="S7" s="261">
        <v>397</v>
      </c>
      <c r="T7" s="261">
        <v>333</v>
      </c>
      <c r="U7" s="261">
        <v>327</v>
      </c>
      <c r="V7" s="261">
        <v>324</v>
      </c>
      <c r="W7" s="258">
        <v>1472</v>
      </c>
      <c r="X7" s="263">
        <v>1472</v>
      </c>
      <c r="Y7" s="257">
        <v>0</v>
      </c>
      <c r="Z7" s="261">
        <v>0</v>
      </c>
      <c r="AA7" s="258">
        <v>0</v>
      </c>
      <c r="AB7" s="260">
        <v>0</v>
      </c>
      <c r="AC7" s="261">
        <v>4976</v>
      </c>
      <c r="AD7" s="261">
        <v>6275</v>
      </c>
      <c r="AE7" s="261">
        <v>2806</v>
      </c>
      <c r="AF7" s="261">
        <v>1393</v>
      </c>
      <c r="AG7" s="261">
        <v>594</v>
      </c>
      <c r="AH7" s="258">
        <v>16044</v>
      </c>
      <c r="AI7" s="263">
        <v>16044</v>
      </c>
      <c r="AJ7" s="257">
        <v>4</v>
      </c>
      <c r="AK7" s="261">
        <v>3</v>
      </c>
      <c r="AL7" s="258">
        <v>7</v>
      </c>
      <c r="AM7" s="260">
        <v>0</v>
      </c>
      <c r="AN7" s="261">
        <v>388</v>
      </c>
      <c r="AO7" s="261">
        <v>493</v>
      </c>
      <c r="AP7" s="261">
        <v>518</v>
      </c>
      <c r="AQ7" s="261">
        <v>340</v>
      </c>
      <c r="AR7" s="261">
        <v>233</v>
      </c>
      <c r="AS7" s="258">
        <v>1972</v>
      </c>
      <c r="AT7" s="263">
        <v>1979</v>
      </c>
      <c r="AU7" s="257">
        <v>71</v>
      </c>
      <c r="AV7" s="261">
        <v>107</v>
      </c>
      <c r="AW7" s="258">
        <v>178</v>
      </c>
      <c r="AX7" s="260">
        <v>0</v>
      </c>
      <c r="AY7" s="261">
        <v>535</v>
      </c>
      <c r="AZ7" s="261">
        <v>695</v>
      </c>
      <c r="BA7" s="261">
        <v>564</v>
      </c>
      <c r="BB7" s="261">
        <v>419</v>
      </c>
      <c r="BC7" s="261">
        <v>255</v>
      </c>
      <c r="BD7" s="258">
        <v>2468</v>
      </c>
      <c r="BE7" s="263">
        <v>2646</v>
      </c>
      <c r="BF7" s="257">
        <v>0</v>
      </c>
      <c r="BG7" s="261">
        <v>13</v>
      </c>
      <c r="BH7" s="258">
        <v>13</v>
      </c>
      <c r="BI7" s="260">
        <v>0</v>
      </c>
      <c r="BJ7" s="261">
        <v>1095</v>
      </c>
      <c r="BK7" s="261">
        <v>1392</v>
      </c>
      <c r="BL7" s="261">
        <v>1549</v>
      </c>
      <c r="BM7" s="261">
        <v>1021</v>
      </c>
      <c r="BN7" s="261">
        <v>736</v>
      </c>
      <c r="BO7" s="262">
        <v>5793</v>
      </c>
      <c r="BP7" s="263">
        <v>5806</v>
      </c>
      <c r="BQ7" s="257">
        <v>0</v>
      </c>
      <c r="BR7" s="261">
        <v>0</v>
      </c>
      <c r="BS7" s="258">
        <v>0</v>
      </c>
      <c r="BT7" s="260">
        <v>0</v>
      </c>
      <c r="BU7" s="261">
        <v>0</v>
      </c>
      <c r="BV7" s="261">
        <v>2</v>
      </c>
      <c r="BW7" s="261">
        <v>5</v>
      </c>
      <c r="BX7" s="261">
        <v>1</v>
      </c>
      <c r="BY7" s="261">
        <v>4</v>
      </c>
      <c r="BZ7" s="258">
        <v>12</v>
      </c>
      <c r="CA7" s="263">
        <v>12</v>
      </c>
      <c r="CB7" s="257">
        <v>0</v>
      </c>
      <c r="CC7" s="261">
        <v>0</v>
      </c>
      <c r="CD7" s="258">
        <v>0</v>
      </c>
      <c r="CE7" s="260">
        <v>0</v>
      </c>
      <c r="CF7" s="261">
        <v>4</v>
      </c>
      <c r="CG7" s="261">
        <v>10</v>
      </c>
      <c r="CH7" s="261">
        <v>26</v>
      </c>
      <c r="CI7" s="261">
        <v>37</v>
      </c>
      <c r="CJ7" s="261">
        <v>36</v>
      </c>
      <c r="CK7" s="258">
        <v>113</v>
      </c>
      <c r="CL7" s="263">
        <v>113</v>
      </c>
      <c r="CM7" s="257">
        <v>0</v>
      </c>
      <c r="CN7" s="261">
        <v>0</v>
      </c>
      <c r="CO7" s="258">
        <v>0</v>
      </c>
      <c r="CP7" s="260">
        <v>0</v>
      </c>
      <c r="CQ7" s="261">
        <v>27</v>
      </c>
      <c r="CR7" s="261">
        <v>68</v>
      </c>
      <c r="CS7" s="261">
        <v>69</v>
      </c>
      <c r="CT7" s="261">
        <v>94</v>
      </c>
      <c r="CU7" s="261">
        <v>166</v>
      </c>
      <c r="CV7" s="258">
        <v>424</v>
      </c>
      <c r="CW7" s="263">
        <v>424</v>
      </c>
    </row>
    <row r="8" spans="1:101" ht="21" customHeight="1" x14ac:dyDescent="0.2">
      <c r="B8" s="472" t="s">
        <v>6</v>
      </c>
      <c r="C8" s="257">
        <v>0</v>
      </c>
      <c r="D8" s="258">
        <v>0</v>
      </c>
      <c r="E8" s="259">
        <v>0</v>
      </c>
      <c r="F8" s="260">
        <v>0</v>
      </c>
      <c r="G8" s="261">
        <v>70</v>
      </c>
      <c r="H8" s="261">
        <v>68</v>
      </c>
      <c r="I8" s="261">
        <v>65</v>
      </c>
      <c r="J8" s="261">
        <v>100</v>
      </c>
      <c r="K8" s="261">
        <v>115</v>
      </c>
      <c r="L8" s="262">
        <v>418</v>
      </c>
      <c r="M8" s="263">
        <v>418</v>
      </c>
      <c r="N8" s="257">
        <v>0</v>
      </c>
      <c r="O8" s="261">
        <v>0</v>
      </c>
      <c r="P8" s="258">
        <v>0</v>
      </c>
      <c r="Q8" s="260">
        <v>0</v>
      </c>
      <c r="R8" s="261">
        <v>63</v>
      </c>
      <c r="S8" s="261">
        <v>114</v>
      </c>
      <c r="T8" s="261">
        <v>94</v>
      </c>
      <c r="U8" s="261">
        <v>97</v>
      </c>
      <c r="V8" s="261">
        <v>91</v>
      </c>
      <c r="W8" s="258">
        <v>459</v>
      </c>
      <c r="X8" s="263">
        <v>459</v>
      </c>
      <c r="Y8" s="257">
        <v>0</v>
      </c>
      <c r="Z8" s="261">
        <v>0</v>
      </c>
      <c r="AA8" s="258">
        <v>0</v>
      </c>
      <c r="AB8" s="260">
        <v>0</v>
      </c>
      <c r="AC8" s="261">
        <v>1874</v>
      </c>
      <c r="AD8" s="261">
        <v>1366</v>
      </c>
      <c r="AE8" s="261">
        <v>742</v>
      </c>
      <c r="AF8" s="261">
        <v>427</v>
      </c>
      <c r="AG8" s="261">
        <v>208</v>
      </c>
      <c r="AH8" s="258">
        <v>4617</v>
      </c>
      <c r="AI8" s="263">
        <v>4617</v>
      </c>
      <c r="AJ8" s="257">
        <v>2</v>
      </c>
      <c r="AK8" s="261">
        <v>2</v>
      </c>
      <c r="AL8" s="258">
        <v>4</v>
      </c>
      <c r="AM8" s="260">
        <v>0</v>
      </c>
      <c r="AN8" s="261">
        <v>172</v>
      </c>
      <c r="AO8" s="261">
        <v>202</v>
      </c>
      <c r="AP8" s="261">
        <v>236</v>
      </c>
      <c r="AQ8" s="261">
        <v>129</v>
      </c>
      <c r="AR8" s="261">
        <v>96</v>
      </c>
      <c r="AS8" s="258">
        <v>835</v>
      </c>
      <c r="AT8" s="263">
        <v>839</v>
      </c>
      <c r="AU8" s="257">
        <v>28</v>
      </c>
      <c r="AV8" s="261">
        <v>34</v>
      </c>
      <c r="AW8" s="258">
        <v>62</v>
      </c>
      <c r="AX8" s="260">
        <v>0</v>
      </c>
      <c r="AY8" s="261">
        <v>245</v>
      </c>
      <c r="AZ8" s="261">
        <v>226</v>
      </c>
      <c r="BA8" s="261">
        <v>187</v>
      </c>
      <c r="BB8" s="261">
        <v>132</v>
      </c>
      <c r="BC8" s="261">
        <v>73</v>
      </c>
      <c r="BD8" s="258">
        <v>863</v>
      </c>
      <c r="BE8" s="263">
        <v>925</v>
      </c>
      <c r="BF8" s="257">
        <v>0</v>
      </c>
      <c r="BG8" s="261">
        <v>6</v>
      </c>
      <c r="BH8" s="258">
        <v>6</v>
      </c>
      <c r="BI8" s="260">
        <v>0</v>
      </c>
      <c r="BJ8" s="261">
        <v>457</v>
      </c>
      <c r="BK8" s="261">
        <v>558</v>
      </c>
      <c r="BL8" s="261">
        <v>550</v>
      </c>
      <c r="BM8" s="261">
        <v>368</v>
      </c>
      <c r="BN8" s="261">
        <v>277</v>
      </c>
      <c r="BO8" s="262">
        <v>2210</v>
      </c>
      <c r="BP8" s="263">
        <v>2216</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3</v>
      </c>
      <c r="CG8" s="261">
        <v>5</v>
      </c>
      <c r="CH8" s="261">
        <v>68</v>
      </c>
      <c r="CI8" s="261">
        <v>94</v>
      </c>
      <c r="CJ8" s="261">
        <v>65</v>
      </c>
      <c r="CK8" s="258">
        <v>235</v>
      </c>
      <c r="CL8" s="263">
        <v>235</v>
      </c>
      <c r="CM8" s="257">
        <v>0</v>
      </c>
      <c r="CN8" s="261">
        <v>0</v>
      </c>
      <c r="CO8" s="258">
        <v>0</v>
      </c>
      <c r="CP8" s="260">
        <v>0</v>
      </c>
      <c r="CQ8" s="261">
        <v>74</v>
      </c>
      <c r="CR8" s="261">
        <v>102</v>
      </c>
      <c r="CS8" s="261">
        <v>77</v>
      </c>
      <c r="CT8" s="261">
        <v>103</v>
      </c>
      <c r="CU8" s="261">
        <v>103</v>
      </c>
      <c r="CV8" s="258">
        <v>459</v>
      </c>
      <c r="CW8" s="263">
        <v>459</v>
      </c>
    </row>
    <row r="9" spans="1:101" ht="21" customHeight="1" x14ac:dyDescent="0.2">
      <c r="B9" s="472" t="s">
        <v>14</v>
      </c>
      <c r="C9" s="257">
        <v>0</v>
      </c>
      <c r="D9" s="258">
        <v>0</v>
      </c>
      <c r="E9" s="259">
        <v>0</v>
      </c>
      <c r="F9" s="260">
        <v>0</v>
      </c>
      <c r="G9" s="261">
        <v>32</v>
      </c>
      <c r="H9" s="261">
        <v>37</v>
      </c>
      <c r="I9" s="261">
        <v>24</v>
      </c>
      <c r="J9" s="261">
        <v>26</v>
      </c>
      <c r="K9" s="261">
        <v>32</v>
      </c>
      <c r="L9" s="262">
        <v>151</v>
      </c>
      <c r="M9" s="263">
        <v>151</v>
      </c>
      <c r="N9" s="257">
        <v>0</v>
      </c>
      <c r="O9" s="261">
        <v>0</v>
      </c>
      <c r="P9" s="258">
        <v>0</v>
      </c>
      <c r="Q9" s="260">
        <v>0</v>
      </c>
      <c r="R9" s="261">
        <v>0</v>
      </c>
      <c r="S9" s="261">
        <v>0</v>
      </c>
      <c r="T9" s="261">
        <v>0</v>
      </c>
      <c r="U9" s="261">
        <v>0</v>
      </c>
      <c r="V9" s="261">
        <v>0</v>
      </c>
      <c r="W9" s="258">
        <v>0</v>
      </c>
      <c r="X9" s="263">
        <v>0</v>
      </c>
      <c r="Y9" s="257">
        <v>0</v>
      </c>
      <c r="Z9" s="261">
        <v>0</v>
      </c>
      <c r="AA9" s="258">
        <v>0</v>
      </c>
      <c r="AB9" s="260">
        <v>0</v>
      </c>
      <c r="AC9" s="261">
        <v>1035</v>
      </c>
      <c r="AD9" s="261">
        <v>1144</v>
      </c>
      <c r="AE9" s="261">
        <v>534</v>
      </c>
      <c r="AF9" s="261">
        <v>248</v>
      </c>
      <c r="AG9" s="261">
        <v>117</v>
      </c>
      <c r="AH9" s="258">
        <v>3078</v>
      </c>
      <c r="AI9" s="263">
        <v>3078</v>
      </c>
      <c r="AJ9" s="257">
        <v>0</v>
      </c>
      <c r="AK9" s="261">
        <v>0</v>
      </c>
      <c r="AL9" s="258">
        <v>0</v>
      </c>
      <c r="AM9" s="260">
        <v>0</v>
      </c>
      <c r="AN9" s="261">
        <v>23</v>
      </c>
      <c r="AO9" s="261">
        <v>27</v>
      </c>
      <c r="AP9" s="261">
        <v>52</v>
      </c>
      <c r="AQ9" s="261">
        <v>21</v>
      </c>
      <c r="AR9" s="261">
        <v>22</v>
      </c>
      <c r="AS9" s="258">
        <v>145</v>
      </c>
      <c r="AT9" s="263">
        <v>145</v>
      </c>
      <c r="AU9" s="257">
        <v>19</v>
      </c>
      <c r="AV9" s="261">
        <v>33</v>
      </c>
      <c r="AW9" s="258">
        <v>52</v>
      </c>
      <c r="AX9" s="260">
        <v>0</v>
      </c>
      <c r="AY9" s="261">
        <v>111</v>
      </c>
      <c r="AZ9" s="261">
        <v>142</v>
      </c>
      <c r="BA9" s="261">
        <v>123</v>
      </c>
      <c r="BB9" s="261">
        <v>73</v>
      </c>
      <c r="BC9" s="261">
        <v>22</v>
      </c>
      <c r="BD9" s="258">
        <v>471</v>
      </c>
      <c r="BE9" s="263">
        <v>523</v>
      </c>
      <c r="BF9" s="257">
        <v>0</v>
      </c>
      <c r="BG9" s="261">
        <v>2</v>
      </c>
      <c r="BH9" s="258">
        <v>2</v>
      </c>
      <c r="BI9" s="260">
        <v>0</v>
      </c>
      <c r="BJ9" s="261">
        <v>211</v>
      </c>
      <c r="BK9" s="261">
        <v>283</v>
      </c>
      <c r="BL9" s="261">
        <v>385</v>
      </c>
      <c r="BM9" s="261">
        <v>207</v>
      </c>
      <c r="BN9" s="261">
        <v>140</v>
      </c>
      <c r="BO9" s="262">
        <v>1226</v>
      </c>
      <c r="BP9" s="263">
        <v>1228</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2</v>
      </c>
      <c r="CH9" s="261">
        <v>12</v>
      </c>
      <c r="CI9" s="261">
        <v>30</v>
      </c>
      <c r="CJ9" s="261">
        <v>13</v>
      </c>
      <c r="CK9" s="258">
        <v>57</v>
      </c>
      <c r="CL9" s="263">
        <v>57</v>
      </c>
      <c r="CM9" s="257">
        <v>0</v>
      </c>
      <c r="CN9" s="261">
        <v>0</v>
      </c>
      <c r="CO9" s="258">
        <v>0</v>
      </c>
      <c r="CP9" s="260">
        <v>0</v>
      </c>
      <c r="CQ9" s="261">
        <v>9</v>
      </c>
      <c r="CR9" s="261">
        <v>24</v>
      </c>
      <c r="CS9" s="261">
        <v>32</v>
      </c>
      <c r="CT9" s="261">
        <v>51</v>
      </c>
      <c r="CU9" s="261">
        <v>39</v>
      </c>
      <c r="CV9" s="258">
        <v>155</v>
      </c>
      <c r="CW9" s="263">
        <v>155</v>
      </c>
    </row>
    <row r="10" spans="1:101" ht="21" customHeight="1" x14ac:dyDescent="0.2">
      <c r="B10" s="472" t="s">
        <v>7</v>
      </c>
      <c r="C10" s="257">
        <v>0</v>
      </c>
      <c r="D10" s="258">
        <v>0</v>
      </c>
      <c r="E10" s="259">
        <v>0</v>
      </c>
      <c r="F10" s="260">
        <v>0</v>
      </c>
      <c r="G10" s="261">
        <v>11</v>
      </c>
      <c r="H10" s="261">
        <v>9</v>
      </c>
      <c r="I10" s="261">
        <v>7</v>
      </c>
      <c r="J10" s="261">
        <v>12</v>
      </c>
      <c r="K10" s="261">
        <v>5</v>
      </c>
      <c r="L10" s="262">
        <v>44</v>
      </c>
      <c r="M10" s="263">
        <v>44</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1164</v>
      </c>
      <c r="AD10" s="261">
        <v>677</v>
      </c>
      <c r="AE10" s="261">
        <v>262</v>
      </c>
      <c r="AF10" s="261">
        <v>120</v>
      </c>
      <c r="AG10" s="261">
        <v>63</v>
      </c>
      <c r="AH10" s="258">
        <v>2286</v>
      </c>
      <c r="AI10" s="263">
        <v>2286</v>
      </c>
      <c r="AJ10" s="257">
        <v>0</v>
      </c>
      <c r="AK10" s="261">
        <v>0</v>
      </c>
      <c r="AL10" s="258">
        <v>0</v>
      </c>
      <c r="AM10" s="260">
        <v>0</v>
      </c>
      <c r="AN10" s="261">
        <v>84</v>
      </c>
      <c r="AO10" s="261">
        <v>100</v>
      </c>
      <c r="AP10" s="261">
        <v>92</v>
      </c>
      <c r="AQ10" s="261">
        <v>43</v>
      </c>
      <c r="AR10" s="261">
        <v>19</v>
      </c>
      <c r="AS10" s="258">
        <v>338</v>
      </c>
      <c r="AT10" s="263">
        <v>338</v>
      </c>
      <c r="AU10" s="257">
        <v>2</v>
      </c>
      <c r="AV10" s="261">
        <v>3</v>
      </c>
      <c r="AW10" s="258">
        <v>5</v>
      </c>
      <c r="AX10" s="260">
        <v>0</v>
      </c>
      <c r="AY10" s="261">
        <v>44</v>
      </c>
      <c r="AZ10" s="261">
        <v>38</v>
      </c>
      <c r="BA10" s="261">
        <v>37</v>
      </c>
      <c r="BB10" s="261">
        <v>16</v>
      </c>
      <c r="BC10" s="261">
        <v>12</v>
      </c>
      <c r="BD10" s="258">
        <v>147</v>
      </c>
      <c r="BE10" s="263">
        <v>152</v>
      </c>
      <c r="BF10" s="257">
        <v>0</v>
      </c>
      <c r="BG10" s="261">
        <v>1</v>
      </c>
      <c r="BH10" s="258">
        <v>1</v>
      </c>
      <c r="BI10" s="260">
        <v>0</v>
      </c>
      <c r="BJ10" s="261">
        <v>119</v>
      </c>
      <c r="BK10" s="261">
        <v>152</v>
      </c>
      <c r="BL10" s="261">
        <v>154</v>
      </c>
      <c r="BM10" s="261">
        <v>140</v>
      </c>
      <c r="BN10" s="261">
        <v>76</v>
      </c>
      <c r="BO10" s="262">
        <v>641</v>
      </c>
      <c r="BP10" s="263">
        <v>642</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1</v>
      </c>
      <c r="CR10" s="261">
        <v>14</v>
      </c>
      <c r="CS10" s="261">
        <v>13</v>
      </c>
      <c r="CT10" s="261">
        <v>12</v>
      </c>
      <c r="CU10" s="261">
        <v>30</v>
      </c>
      <c r="CV10" s="258">
        <v>80</v>
      </c>
      <c r="CW10" s="263">
        <v>80</v>
      </c>
    </row>
    <row r="11" spans="1:101" ht="21" customHeight="1" x14ac:dyDescent="0.2">
      <c r="B11" s="472" t="s">
        <v>8</v>
      </c>
      <c r="C11" s="257">
        <v>0</v>
      </c>
      <c r="D11" s="258">
        <v>0</v>
      </c>
      <c r="E11" s="259">
        <v>0</v>
      </c>
      <c r="F11" s="260">
        <v>0</v>
      </c>
      <c r="G11" s="261">
        <v>5</v>
      </c>
      <c r="H11" s="261">
        <v>5</v>
      </c>
      <c r="I11" s="261">
        <v>1</v>
      </c>
      <c r="J11" s="261">
        <v>7</v>
      </c>
      <c r="K11" s="261">
        <v>1</v>
      </c>
      <c r="L11" s="262">
        <v>19</v>
      </c>
      <c r="M11" s="263">
        <v>19</v>
      </c>
      <c r="N11" s="257">
        <v>0</v>
      </c>
      <c r="O11" s="261">
        <v>0</v>
      </c>
      <c r="P11" s="258">
        <v>0</v>
      </c>
      <c r="Q11" s="260">
        <v>0</v>
      </c>
      <c r="R11" s="261">
        <v>2</v>
      </c>
      <c r="S11" s="261">
        <v>3</v>
      </c>
      <c r="T11" s="261">
        <v>0</v>
      </c>
      <c r="U11" s="261">
        <v>1</v>
      </c>
      <c r="V11" s="261">
        <v>2</v>
      </c>
      <c r="W11" s="258">
        <v>8</v>
      </c>
      <c r="X11" s="263">
        <v>8</v>
      </c>
      <c r="Y11" s="257">
        <v>0</v>
      </c>
      <c r="Z11" s="261">
        <v>0</v>
      </c>
      <c r="AA11" s="258">
        <v>0</v>
      </c>
      <c r="AB11" s="260">
        <v>0</v>
      </c>
      <c r="AC11" s="261">
        <v>617</v>
      </c>
      <c r="AD11" s="261">
        <v>516</v>
      </c>
      <c r="AE11" s="261">
        <v>218</v>
      </c>
      <c r="AF11" s="261">
        <v>101</v>
      </c>
      <c r="AG11" s="261">
        <v>54</v>
      </c>
      <c r="AH11" s="258">
        <v>1506</v>
      </c>
      <c r="AI11" s="263">
        <v>1506</v>
      </c>
      <c r="AJ11" s="257">
        <v>0</v>
      </c>
      <c r="AK11" s="261">
        <v>0</v>
      </c>
      <c r="AL11" s="258">
        <v>0</v>
      </c>
      <c r="AM11" s="260">
        <v>0</v>
      </c>
      <c r="AN11" s="261">
        <v>9</v>
      </c>
      <c r="AO11" s="261">
        <v>10</v>
      </c>
      <c r="AP11" s="261">
        <v>9</v>
      </c>
      <c r="AQ11" s="261">
        <v>10</v>
      </c>
      <c r="AR11" s="261">
        <v>8</v>
      </c>
      <c r="AS11" s="258">
        <v>46</v>
      </c>
      <c r="AT11" s="263">
        <v>46</v>
      </c>
      <c r="AU11" s="257">
        <v>10</v>
      </c>
      <c r="AV11" s="261">
        <v>14</v>
      </c>
      <c r="AW11" s="258">
        <v>24</v>
      </c>
      <c r="AX11" s="260">
        <v>0</v>
      </c>
      <c r="AY11" s="261">
        <v>70</v>
      </c>
      <c r="AZ11" s="261">
        <v>46</v>
      </c>
      <c r="BA11" s="261">
        <v>48</v>
      </c>
      <c r="BB11" s="261">
        <v>27</v>
      </c>
      <c r="BC11" s="261">
        <v>11</v>
      </c>
      <c r="BD11" s="258">
        <v>202</v>
      </c>
      <c r="BE11" s="263">
        <v>226</v>
      </c>
      <c r="BF11" s="257">
        <v>0</v>
      </c>
      <c r="BG11" s="261">
        <v>0</v>
      </c>
      <c r="BH11" s="258">
        <v>0</v>
      </c>
      <c r="BI11" s="260">
        <v>0</v>
      </c>
      <c r="BJ11" s="261">
        <v>61</v>
      </c>
      <c r="BK11" s="261">
        <v>67</v>
      </c>
      <c r="BL11" s="261">
        <v>82</v>
      </c>
      <c r="BM11" s="261">
        <v>69</v>
      </c>
      <c r="BN11" s="261">
        <v>32</v>
      </c>
      <c r="BO11" s="262">
        <v>311</v>
      </c>
      <c r="BP11" s="263">
        <v>311</v>
      </c>
      <c r="BQ11" s="257">
        <v>0</v>
      </c>
      <c r="BR11" s="261">
        <v>0</v>
      </c>
      <c r="BS11" s="258">
        <v>0</v>
      </c>
      <c r="BT11" s="260">
        <v>0</v>
      </c>
      <c r="BU11" s="261">
        <v>2</v>
      </c>
      <c r="BV11" s="261">
        <v>7</v>
      </c>
      <c r="BW11" s="261">
        <v>13</v>
      </c>
      <c r="BX11" s="261">
        <v>16</v>
      </c>
      <c r="BY11" s="261">
        <v>6</v>
      </c>
      <c r="BZ11" s="258">
        <v>44</v>
      </c>
      <c r="CA11" s="263">
        <v>44</v>
      </c>
      <c r="CB11" s="257">
        <v>0</v>
      </c>
      <c r="CC11" s="261">
        <v>0</v>
      </c>
      <c r="CD11" s="258">
        <v>0</v>
      </c>
      <c r="CE11" s="260">
        <v>0</v>
      </c>
      <c r="CF11" s="261">
        <v>0</v>
      </c>
      <c r="CG11" s="261">
        <v>1</v>
      </c>
      <c r="CH11" s="261">
        <v>10</v>
      </c>
      <c r="CI11" s="261">
        <v>20</v>
      </c>
      <c r="CJ11" s="261">
        <v>12</v>
      </c>
      <c r="CK11" s="258">
        <v>43</v>
      </c>
      <c r="CL11" s="263">
        <v>43</v>
      </c>
      <c r="CM11" s="257">
        <v>0</v>
      </c>
      <c r="CN11" s="261">
        <v>0</v>
      </c>
      <c r="CO11" s="258">
        <v>0</v>
      </c>
      <c r="CP11" s="260">
        <v>0</v>
      </c>
      <c r="CQ11" s="261">
        <v>13</v>
      </c>
      <c r="CR11" s="261">
        <v>13</v>
      </c>
      <c r="CS11" s="261">
        <v>20</v>
      </c>
      <c r="CT11" s="261">
        <v>12</v>
      </c>
      <c r="CU11" s="261">
        <v>4</v>
      </c>
      <c r="CV11" s="258">
        <v>62</v>
      </c>
      <c r="CW11" s="263">
        <v>62</v>
      </c>
    </row>
    <row r="12" spans="1:101" ht="21" customHeight="1" x14ac:dyDescent="0.2">
      <c r="B12" s="472" t="s">
        <v>9</v>
      </c>
      <c r="C12" s="257">
        <v>0</v>
      </c>
      <c r="D12" s="258">
        <v>0</v>
      </c>
      <c r="E12" s="259">
        <v>0</v>
      </c>
      <c r="F12" s="260">
        <v>0</v>
      </c>
      <c r="G12" s="261">
        <v>0</v>
      </c>
      <c r="H12" s="261">
        <v>5</v>
      </c>
      <c r="I12" s="261">
        <v>5</v>
      </c>
      <c r="J12" s="261">
        <v>11</v>
      </c>
      <c r="K12" s="261">
        <v>4</v>
      </c>
      <c r="L12" s="262">
        <v>25</v>
      </c>
      <c r="M12" s="263">
        <v>25</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64</v>
      </c>
      <c r="AD12" s="261">
        <v>258</v>
      </c>
      <c r="AE12" s="261">
        <v>158</v>
      </c>
      <c r="AF12" s="261">
        <v>93</v>
      </c>
      <c r="AG12" s="261">
        <v>32</v>
      </c>
      <c r="AH12" s="258">
        <v>1005</v>
      </c>
      <c r="AI12" s="263">
        <v>1005</v>
      </c>
      <c r="AJ12" s="257">
        <v>0</v>
      </c>
      <c r="AK12" s="261">
        <v>0</v>
      </c>
      <c r="AL12" s="258">
        <v>0</v>
      </c>
      <c r="AM12" s="260">
        <v>0</v>
      </c>
      <c r="AN12" s="261">
        <v>3</v>
      </c>
      <c r="AO12" s="261">
        <v>6</v>
      </c>
      <c r="AP12" s="261">
        <v>7</v>
      </c>
      <c r="AQ12" s="261">
        <v>1</v>
      </c>
      <c r="AR12" s="261">
        <v>7</v>
      </c>
      <c r="AS12" s="258">
        <v>24</v>
      </c>
      <c r="AT12" s="263">
        <v>24</v>
      </c>
      <c r="AU12" s="257">
        <v>4</v>
      </c>
      <c r="AV12" s="261">
        <v>6</v>
      </c>
      <c r="AW12" s="258">
        <v>10</v>
      </c>
      <c r="AX12" s="260">
        <v>0</v>
      </c>
      <c r="AY12" s="261">
        <v>28</v>
      </c>
      <c r="AZ12" s="261">
        <v>35</v>
      </c>
      <c r="BA12" s="261">
        <v>22</v>
      </c>
      <c r="BB12" s="261">
        <v>21</v>
      </c>
      <c r="BC12" s="261">
        <v>10</v>
      </c>
      <c r="BD12" s="258">
        <v>116</v>
      </c>
      <c r="BE12" s="263">
        <v>126</v>
      </c>
      <c r="BF12" s="257">
        <v>0</v>
      </c>
      <c r="BG12" s="261">
        <v>1</v>
      </c>
      <c r="BH12" s="258">
        <v>1</v>
      </c>
      <c r="BI12" s="260">
        <v>0</v>
      </c>
      <c r="BJ12" s="261">
        <v>31</v>
      </c>
      <c r="BK12" s="261">
        <v>61</v>
      </c>
      <c r="BL12" s="261">
        <v>86</v>
      </c>
      <c r="BM12" s="261">
        <v>60</v>
      </c>
      <c r="BN12" s="261">
        <v>26</v>
      </c>
      <c r="BO12" s="262">
        <v>264</v>
      </c>
      <c r="BP12" s="263">
        <v>265</v>
      </c>
      <c r="BQ12" s="257">
        <v>0</v>
      </c>
      <c r="BR12" s="261">
        <v>0</v>
      </c>
      <c r="BS12" s="258">
        <v>0</v>
      </c>
      <c r="BT12" s="260">
        <v>0</v>
      </c>
      <c r="BU12" s="261">
        <v>2</v>
      </c>
      <c r="BV12" s="261">
        <v>3</v>
      </c>
      <c r="BW12" s="261">
        <v>6</v>
      </c>
      <c r="BX12" s="261">
        <v>7</v>
      </c>
      <c r="BY12" s="261">
        <v>5</v>
      </c>
      <c r="BZ12" s="258">
        <v>23</v>
      </c>
      <c r="CA12" s="263">
        <v>23</v>
      </c>
      <c r="CB12" s="257">
        <v>0</v>
      </c>
      <c r="CC12" s="261">
        <v>0</v>
      </c>
      <c r="CD12" s="258">
        <v>0</v>
      </c>
      <c r="CE12" s="260">
        <v>0</v>
      </c>
      <c r="CF12" s="261">
        <v>0</v>
      </c>
      <c r="CG12" s="261">
        <v>0</v>
      </c>
      <c r="CH12" s="261">
        <v>0</v>
      </c>
      <c r="CI12" s="261">
        <v>1</v>
      </c>
      <c r="CJ12" s="261">
        <v>0</v>
      </c>
      <c r="CK12" s="258">
        <v>1</v>
      </c>
      <c r="CL12" s="263">
        <v>1</v>
      </c>
      <c r="CM12" s="257">
        <v>0</v>
      </c>
      <c r="CN12" s="261">
        <v>0</v>
      </c>
      <c r="CO12" s="258">
        <v>0</v>
      </c>
      <c r="CP12" s="260">
        <v>0</v>
      </c>
      <c r="CQ12" s="261">
        <v>5</v>
      </c>
      <c r="CR12" s="261">
        <v>7</v>
      </c>
      <c r="CS12" s="261">
        <v>5</v>
      </c>
      <c r="CT12" s="261">
        <v>9</v>
      </c>
      <c r="CU12" s="261">
        <v>16</v>
      </c>
      <c r="CV12" s="258">
        <v>42</v>
      </c>
      <c r="CW12" s="263">
        <v>42</v>
      </c>
    </row>
    <row r="13" spans="1:101" ht="21" customHeight="1" x14ac:dyDescent="0.2">
      <c r="B13" s="472" t="s">
        <v>10</v>
      </c>
      <c r="C13" s="257">
        <v>0</v>
      </c>
      <c r="D13" s="258">
        <v>0</v>
      </c>
      <c r="E13" s="259">
        <v>0</v>
      </c>
      <c r="F13" s="260">
        <v>0</v>
      </c>
      <c r="G13" s="261">
        <v>16</v>
      </c>
      <c r="H13" s="261">
        <v>17</v>
      </c>
      <c r="I13" s="261">
        <v>15</v>
      </c>
      <c r="J13" s="261">
        <v>18</v>
      </c>
      <c r="K13" s="261">
        <v>13</v>
      </c>
      <c r="L13" s="262">
        <v>79</v>
      </c>
      <c r="M13" s="263">
        <v>79</v>
      </c>
      <c r="N13" s="257">
        <v>0</v>
      </c>
      <c r="O13" s="261">
        <v>0</v>
      </c>
      <c r="P13" s="258">
        <v>0</v>
      </c>
      <c r="Q13" s="260">
        <v>0</v>
      </c>
      <c r="R13" s="261">
        <v>11</v>
      </c>
      <c r="S13" s="261">
        <v>5</v>
      </c>
      <c r="T13" s="261">
        <v>7</v>
      </c>
      <c r="U13" s="261">
        <v>7</v>
      </c>
      <c r="V13" s="261">
        <v>7</v>
      </c>
      <c r="W13" s="258">
        <v>37</v>
      </c>
      <c r="X13" s="263">
        <v>37</v>
      </c>
      <c r="Y13" s="257">
        <v>0</v>
      </c>
      <c r="Z13" s="261">
        <v>0</v>
      </c>
      <c r="AA13" s="258">
        <v>0</v>
      </c>
      <c r="AB13" s="260">
        <v>0</v>
      </c>
      <c r="AC13" s="261">
        <v>539</v>
      </c>
      <c r="AD13" s="261">
        <v>266</v>
      </c>
      <c r="AE13" s="261">
        <v>114</v>
      </c>
      <c r="AF13" s="261">
        <v>65</v>
      </c>
      <c r="AG13" s="261">
        <v>28</v>
      </c>
      <c r="AH13" s="258">
        <v>1012</v>
      </c>
      <c r="AI13" s="263">
        <v>1012</v>
      </c>
      <c r="AJ13" s="257">
        <v>0</v>
      </c>
      <c r="AK13" s="261">
        <v>1</v>
      </c>
      <c r="AL13" s="258">
        <v>1</v>
      </c>
      <c r="AM13" s="260">
        <v>0</v>
      </c>
      <c r="AN13" s="261">
        <v>7</v>
      </c>
      <c r="AO13" s="261">
        <v>12</v>
      </c>
      <c r="AP13" s="261">
        <v>23</v>
      </c>
      <c r="AQ13" s="261">
        <v>13</v>
      </c>
      <c r="AR13" s="261">
        <v>9</v>
      </c>
      <c r="AS13" s="258">
        <v>64</v>
      </c>
      <c r="AT13" s="263">
        <v>65</v>
      </c>
      <c r="AU13" s="257">
        <v>10</v>
      </c>
      <c r="AV13" s="261">
        <v>17</v>
      </c>
      <c r="AW13" s="258">
        <v>27</v>
      </c>
      <c r="AX13" s="260">
        <v>0</v>
      </c>
      <c r="AY13" s="261">
        <v>85</v>
      </c>
      <c r="AZ13" s="261">
        <v>67</v>
      </c>
      <c r="BA13" s="261">
        <v>67</v>
      </c>
      <c r="BB13" s="261">
        <v>59</v>
      </c>
      <c r="BC13" s="261">
        <v>40</v>
      </c>
      <c r="BD13" s="258">
        <v>318</v>
      </c>
      <c r="BE13" s="263">
        <v>345</v>
      </c>
      <c r="BF13" s="257">
        <v>0</v>
      </c>
      <c r="BG13" s="261">
        <v>3</v>
      </c>
      <c r="BH13" s="258">
        <v>3</v>
      </c>
      <c r="BI13" s="260">
        <v>0</v>
      </c>
      <c r="BJ13" s="261">
        <v>97</v>
      </c>
      <c r="BK13" s="261">
        <v>123</v>
      </c>
      <c r="BL13" s="261">
        <v>116</v>
      </c>
      <c r="BM13" s="261">
        <v>83</v>
      </c>
      <c r="BN13" s="261">
        <v>88</v>
      </c>
      <c r="BO13" s="262">
        <v>507</v>
      </c>
      <c r="BP13" s="263">
        <v>510</v>
      </c>
      <c r="BQ13" s="257">
        <v>0</v>
      </c>
      <c r="BR13" s="261">
        <v>0</v>
      </c>
      <c r="BS13" s="258">
        <v>0</v>
      </c>
      <c r="BT13" s="260">
        <v>0</v>
      </c>
      <c r="BU13" s="261">
        <v>38</v>
      </c>
      <c r="BV13" s="261">
        <v>22</v>
      </c>
      <c r="BW13" s="261">
        <v>36</v>
      </c>
      <c r="BX13" s="261">
        <v>26</v>
      </c>
      <c r="BY13" s="261">
        <v>30</v>
      </c>
      <c r="BZ13" s="258">
        <v>152</v>
      </c>
      <c r="CA13" s="263">
        <v>152</v>
      </c>
      <c r="CB13" s="257">
        <v>0</v>
      </c>
      <c r="CC13" s="261">
        <v>0</v>
      </c>
      <c r="CD13" s="258">
        <v>0</v>
      </c>
      <c r="CE13" s="260">
        <v>0</v>
      </c>
      <c r="CF13" s="261">
        <v>0</v>
      </c>
      <c r="CG13" s="261">
        <v>1</v>
      </c>
      <c r="CH13" s="261">
        <v>4</v>
      </c>
      <c r="CI13" s="261">
        <v>19</v>
      </c>
      <c r="CJ13" s="261">
        <v>20</v>
      </c>
      <c r="CK13" s="258">
        <v>44</v>
      </c>
      <c r="CL13" s="263">
        <v>44</v>
      </c>
      <c r="CM13" s="257">
        <v>0</v>
      </c>
      <c r="CN13" s="261">
        <v>0</v>
      </c>
      <c r="CO13" s="258">
        <v>0</v>
      </c>
      <c r="CP13" s="260">
        <v>0</v>
      </c>
      <c r="CQ13" s="261">
        <v>22</v>
      </c>
      <c r="CR13" s="261">
        <v>38</v>
      </c>
      <c r="CS13" s="261">
        <v>27</v>
      </c>
      <c r="CT13" s="261">
        <v>45</v>
      </c>
      <c r="CU13" s="261">
        <v>31</v>
      </c>
      <c r="CV13" s="258">
        <v>163</v>
      </c>
      <c r="CW13" s="263">
        <v>163</v>
      </c>
    </row>
    <row r="14" spans="1:101" ht="21" customHeight="1" x14ac:dyDescent="0.2">
      <c r="B14" s="472" t="s">
        <v>11</v>
      </c>
      <c r="C14" s="257">
        <v>0</v>
      </c>
      <c r="D14" s="258">
        <v>0</v>
      </c>
      <c r="E14" s="259">
        <v>0</v>
      </c>
      <c r="F14" s="260">
        <v>0</v>
      </c>
      <c r="G14" s="261">
        <v>10</v>
      </c>
      <c r="H14" s="261">
        <v>11</v>
      </c>
      <c r="I14" s="261">
        <v>5</v>
      </c>
      <c r="J14" s="261">
        <v>8</v>
      </c>
      <c r="K14" s="261">
        <v>6</v>
      </c>
      <c r="L14" s="262">
        <v>40</v>
      </c>
      <c r="M14" s="263">
        <v>40</v>
      </c>
      <c r="N14" s="257">
        <v>0</v>
      </c>
      <c r="O14" s="261">
        <v>0</v>
      </c>
      <c r="P14" s="258">
        <v>0</v>
      </c>
      <c r="Q14" s="260">
        <v>0</v>
      </c>
      <c r="R14" s="261">
        <v>15</v>
      </c>
      <c r="S14" s="261">
        <v>15</v>
      </c>
      <c r="T14" s="261">
        <v>12</v>
      </c>
      <c r="U14" s="261">
        <v>10</v>
      </c>
      <c r="V14" s="261">
        <v>6</v>
      </c>
      <c r="W14" s="258">
        <v>58</v>
      </c>
      <c r="X14" s="263">
        <v>58</v>
      </c>
      <c r="Y14" s="257">
        <v>0</v>
      </c>
      <c r="Z14" s="261">
        <v>0</v>
      </c>
      <c r="AA14" s="258">
        <v>0</v>
      </c>
      <c r="AB14" s="260">
        <v>0</v>
      </c>
      <c r="AC14" s="261">
        <v>523</v>
      </c>
      <c r="AD14" s="261">
        <v>268</v>
      </c>
      <c r="AE14" s="261">
        <v>152</v>
      </c>
      <c r="AF14" s="261">
        <v>70</v>
      </c>
      <c r="AG14" s="261">
        <v>23</v>
      </c>
      <c r="AH14" s="258">
        <v>1036</v>
      </c>
      <c r="AI14" s="263">
        <v>1036</v>
      </c>
      <c r="AJ14" s="257">
        <v>0</v>
      </c>
      <c r="AK14" s="261">
        <v>0</v>
      </c>
      <c r="AL14" s="258">
        <v>0</v>
      </c>
      <c r="AM14" s="260">
        <v>0</v>
      </c>
      <c r="AN14" s="261">
        <v>17</v>
      </c>
      <c r="AO14" s="261">
        <v>15</v>
      </c>
      <c r="AP14" s="261">
        <v>13</v>
      </c>
      <c r="AQ14" s="261">
        <v>1</v>
      </c>
      <c r="AR14" s="261">
        <v>1</v>
      </c>
      <c r="AS14" s="258">
        <v>47</v>
      </c>
      <c r="AT14" s="263">
        <v>47</v>
      </c>
      <c r="AU14" s="257">
        <v>1</v>
      </c>
      <c r="AV14" s="261">
        <v>6</v>
      </c>
      <c r="AW14" s="258">
        <v>7</v>
      </c>
      <c r="AX14" s="260">
        <v>0</v>
      </c>
      <c r="AY14" s="261">
        <v>45</v>
      </c>
      <c r="AZ14" s="261">
        <v>32</v>
      </c>
      <c r="BA14" s="261">
        <v>40</v>
      </c>
      <c r="BB14" s="261">
        <v>21</v>
      </c>
      <c r="BC14" s="261">
        <v>8</v>
      </c>
      <c r="BD14" s="258">
        <v>146</v>
      </c>
      <c r="BE14" s="263">
        <v>153</v>
      </c>
      <c r="BF14" s="257">
        <v>0</v>
      </c>
      <c r="BG14" s="261">
        <v>3</v>
      </c>
      <c r="BH14" s="258">
        <v>3</v>
      </c>
      <c r="BI14" s="260">
        <v>0</v>
      </c>
      <c r="BJ14" s="261">
        <v>51</v>
      </c>
      <c r="BK14" s="261">
        <v>75</v>
      </c>
      <c r="BL14" s="261">
        <v>83</v>
      </c>
      <c r="BM14" s="261">
        <v>51</v>
      </c>
      <c r="BN14" s="261">
        <v>23</v>
      </c>
      <c r="BO14" s="262">
        <v>283</v>
      </c>
      <c r="BP14" s="263">
        <v>286</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1</v>
      </c>
      <c r="CH14" s="261">
        <v>0</v>
      </c>
      <c r="CI14" s="261">
        <v>0</v>
      </c>
      <c r="CJ14" s="261">
        <v>0</v>
      </c>
      <c r="CK14" s="258">
        <v>1</v>
      </c>
      <c r="CL14" s="263">
        <v>1</v>
      </c>
      <c r="CM14" s="257">
        <v>0</v>
      </c>
      <c r="CN14" s="261">
        <v>0</v>
      </c>
      <c r="CO14" s="258">
        <v>0</v>
      </c>
      <c r="CP14" s="260">
        <v>0</v>
      </c>
      <c r="CQ14" s="261">
        <v>7</v>
      </c>
      <c r="CR14" s="261">
        <v>7</v>
      </c>
      <c r="CS14" s="261">
        <v>4</v>
      </c>
      <c r="CT14" s="261">
        <v>9</v>
      </c>
      <c r="CU14" s="261">
        <v>2</v>
      </c>
      <c r="CV14" s="258">
        <v>29</v>
      </c>
      <c r="CW14" s="263">
        <v>29</v>
      </c>
    </row>
    <row r="15" spans="1:101" ht="21" customHeight="1" x14ac:dyDescent="0.2">
      <c r="B15" s="472" t="s">
        <v>12</v>
      </c>
      <c r="C15" s="257">
        <v>0</v>
      </c>
      <c r="D15" s="258">
        <v>0</v>
      </c>
      <c r="E15" s="259">
        <v>0</v>
      </c>
      <c r="F15" s="260">
        <v>0</v>
      </c>
      <c r="G15" s="261">
        <v>9</v>
      </c>
      <c r="H15" s="261">
        <v>8</v>
      </c>
      <c r="I15" s="261">
        <v>1</v>
      </c>
      <c r="J15" s="261">
        <v>3</v>
      </c>
      <c r="K15" s="261">
        <v>7</v>
      </c>
      <c r="L15" s="262">
        <v>28</v>
      </c>
      <c r="M15" s="263">
        <v>28</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374</v>
      </c>
      <c r="AD15" s="261">
        <v>238</v>
      </c>
      <c r="AE15" s="261">
        <v>140</v>
      </c>
      <c r="AF15" s="261">
        <v>67</v>
      </c>
      <c r="AG15" s="261">
        <v>31</v>
      </c>
      <c r="AH15" s="258">
        <v>850</v>
      </c>
      <c r="AI15" s="263">
        <v>850</v>
      </c>
      <c r="AJ15" s="257">
        <v>0</v>
      </c>
      <c r="AK15" s="261">
        <v>0</v>
      </c>
      <c r="AL15" s="258">
        <v>0</v>
      </c>
      <c r="AM15" s="260">
        <v>0</v>
      </c>
      <c r="AN15" s="261">
        <v>4</v>
      </c>
      <c r="AO15" s="261">
        <v>2</v>
      </c>
      <c r="AP15" s="261">
        <v>1</v>
      </c>
      <c r="AQ15" s="261">
        <v>1</v>
      </c>
      <c r="AR15" s="261">
        <v>2</v>
      </c>
      <c r="AS15" s="258">
        <v>10</v>
      </c>
      <c r="AT15" s="263">
        <v>10</v>
      </c>
      <c r="AU15" s="257">
        <v>1</v>
      </c>
      <c r="AV15" s="261">
        <v>1</v>
      </c>
      <c r="AW15" s="258">
        <v>2</v>
      </c>
      <c r="AX15" s="260">
        <v>0</v>
      </c>
      <c r="AY15" s="261">
        <v>22</v>
      </c>
      <c r="AZ15" s="261">
        <v>40</v>
      </c>
      <c r="BA15" s="261">
        <v>49</v>
      </c>
      <c r="BB15" s="261">
        <v>27</v>
      </c>
      <c r="BC15" s="261">
        <v>31</v>
      </c>
      <c r="BD15" s="258">
        <v>169</v>
      </c>
      <c r="BE15" s="263">
        <v>171</v>
      </c>
      <c r="BF15" s="257">
        <v>0</v>
      </c>
      <c r="BG15" s="261">
        <v>0</v>
      </c>
      <c r="BH15" s="258">
        <v>0</v>
      </c>
      <c r="BI15" s="260">
        <v>0</v>
      </c>
      <c r="BJ15" s="261">
        <v>37</v>
      </c>
      <c r="BK15" s="261">
        <v>58</v>
      </c>
      <c r="BL15" s="261">
        <v>46</v>
      </c>
      <c r="BM15" s="261">
        <v>35</v>
      </c>
      <c r="BN15" s="261">
        <v>34</v>
      </c>
      <c r="BO15" s="262">
        <v>210</v>
      </c>
      <c r="BP15" s="263">
        <v>210</v>
      </c>
      <c r="BQ15" s="257">
        <v>0</v>
      </c>
      <c r="BR15" s="261">
        <v>0</v>
      </c>
      <c r="BS15" s="258">
        <v>0</v>
      </c>
      <c r="BT15" s="260">
        <v>0</v>
      </c>
      <c r="BU15" s="261">
        <v>0</v>
      </c>
      <c r="BV15" s="261">
        <v>6</v>
      </c>
      <c r="BW15" s="261">
        <v>9</v>
      </c>
      <c r="BX15" s="261">
        <v>10</v>
      </c>
      <c r="BY15" s="261">
        <v>4</v>
      </c>
      <c r="BZ15" s="258">
        <v>29</v>
      </c>
      <c r="CA15" s="263">
        <v>29</v>
      </c>
      <c r="CB15" s="257">
        <v>0</v>
      </c>
      <c r="CC15" s="261">
        <v>0</v>
      </c>
      <c r="CD15" s="258">
        <v>0</v>
      </c>
      <c r="CE15" s="260">
        <v>0</v>
      </c>
      <c r="CF15" s="261">
        <v>0</v>
      </c>
      <c r="CG15" s="261">
        <v>0</v>
      </c>
      <c r="CH15" s="261">
        <v>9</v>
      </c>
      <c r="CI15" s="261">
        <v>11</v>
      </c>
      <c r="CJ15" s="261">
        <v>7</v>
      </c>
      <c r="CK15" s="258">
        <v>27</v>
      </c>
      <c r="CL15" s="263">
        <v>27</v>
      </c>
      <c r="CM15" s="257">
        <v>0</v>
      </c>
      <c r="CN15" s="261">
        <v>0</v>
      </c>
      <c r="CO15" s="258">
        <v>0</v>
      </c>
      <c r="CP15" s="260">
        <v>0</v>
      </c>
      <c r="CQ15" s="261">
        <v>9</v>
      </c>
      <c r="CR15" s="261">
        <v>19</v>
      </c>
      <c r="CS15" s="261">
        <v>25</v>
      </c>
      <c r="CT15" s="261">
        <v>25</v>
      </c>
      <c r="CU15" s="261">
        <v>19</v>
      </c>
      <c r="CV15" s="258">
        <v>97</v>
      </c>
      <c r="CW15" s="263">
        <v>97</v>
      </c>
    </row>
    <row r="16" spans="1:101" ht="21" customHeight="1" x14ac:dyDescent="0.2">
      <c r="B16" s="472" t="s">
        <v>13</v>
      </c>
      <c r="C16" s="257">
        <v>0</v>
      </c>
      <c r="D16" s="258">
        <v>0</v>
      </c>
      <c r="E16" s="259">
        <v>0</v>
      </c>
      <c r="F16" s="260">
        <v>0</v>
      </c>
      <c r="G16" s="261">
        <v>1</v>
      </c>
      <c r="H16" s="261">
        <v>1</v>
      </c>
      <c r="I16" s="261">
        <v>1</v>
      </c>
      <c r="J16" s="261">
        <v>0</v>
      </c>
      <c r="K16" s="261">
        <v>2</v>
      </c>
      <c r="L16" s="262">
        <v>5</v>
      </c>
      <c r="M16" s="263">
        <v>5</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50</v>
      </c>
      <c r="AD16" s="261">
        <v>140</v>
      </c>
      <c r="AE16" s="261">
        <v>71</v>
      </c>
      <c r="AF16" s="261">
        <v>37</v>
      </c>
      <c r="AG16" s="261">
        <v>18</v>
      </c>
      <c r="AH16" s="258">
        <v>416</v>
      </c>
      <c r="AI16" s="263">
        <v>416</v>
      </c>
      <c r="AJ16" s="257">
        <v>0</v>
      </c>
      <c r="AK16" s="261">
        <v>0</v>
      </c>
      <c r="AL16" s="258">
        <v>0</v>
      </c>
      <c r="AM16" s="260">
        <v>0</v>
      </c>
      <c r="AN16" s="261">
        <v>4</v>
      </c>
      <c r="AO16" s="261">
        <v>9</v>
      </c>
      <c r="AP16" s="261">
        <v>5</v>
      </c>
      <c r="AQ16" s="261">
        <v>6</v>
      </c>
      <c r="AR16" s="261">
        <v>6</v>
      </c>
      <c r="AS16" s="258">
        <v>30</v>
      </c>
      <c r="AT16" s="263">
        <v>30</v>
      </c>
      <c r="AU16" s="257">
        <v>3</v>
      </c>
      <c r="AV16" s="261">
        <v>4</v>
      </c>
      <c r="AW16" s="258">
        <v>7</v>
      </c>
      <c r="AX16" s="260">
        <v>0</v>
      </c>
      <c r="AY16" s="261">
        <v>12</v>
      </c>
      <c r="AZ16" s="261">
        <v>10</v>
      </c>
      <c r="BA16" s="261">
        <v>9</v>
      </c>
      <c r="BB16" s="261">
        <v>1</v>
      </c>
      <c r="BC16" s="261">
        <v>0</v>
      </c>
      <c r="BD16" s="258">
        <v>32</v>
      </c>
      <c r="BE16" s="263">
        <v>39</v>
      </c>
      <c r="BF16" s="257">
        <v>0</v>
      </c>
      <c r="BG16" s="261">
        <v>0</v>
      </c>
      <c r="BH16" s="258">
        <v>0</v>
      </c>
      <c r="BI16" s="260">
        <v>0</v>
      </c>
      <c r="BJ16" s="261">
        <v>13</v>
      </c>
      <c r="BK16" s="261">
        <v>14</v>
      </c>
      <c r="BL16" s="261">
        <v>21</v>
      </c>
      <c r="BM16" s="261">
        <v>18</v>
      </c>
      <c r="BN16" s="261">
        <v>10</v>
      </c>
      <c r="BO16" s="262">
        <v>76</v>
      </c>
      <c r="BP16" s="263">
        <v>76</v>
      </c>
      <c r="BQ16" s="257">
        <v>0</v>
      </c>
      <c r="BR16" s="261">
        <v>0</v>
      </c>
      <c r="BS16" s="258">
        <v>0</v>
      </c>
      <c r="BT16" s="260">
        <v>0</v>
      </c>
      <c r="BU16" s="261">
        <v>1</v>
      </c>
      <c r="BV16" s="261">
        <v>2</v>
      </c>
      <c r="BW16" s="261">
        <v>2</v>
      </c>
      <c r="BX16" s="261">
        <v>4</v>
      </c>
      <c r="BY16" s="261">
        <v>2</v>
      </c>
      <c r="BZ16" s="258">
        <v>11</v>
      </c>
      <c r="CA16" s="263">
        <v>1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2</v>
      </c>
      <c r="H17" s="261">
        <v>2</v>
      </c>
      <c r="I17" s="261">
        <v>4</v>
      </c>
      <c r="J17" s="261">
        <v>4</v>
      </c>
      <c r="K17" s="261">
        <v>4</v>
      </c>
      <c r="L17" s="262">
        <v>16</v>
      </c>
      <c r="M17" s="263">
        <v>16</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165</v>
      </c>
      <c r="AD17" s="261">
        <v>191</v>
      </c>
      <c r="AE17" s="261">
        <v>82</v>
      </c>
      <c r="AF17" s="261">
        <v>30</v>
      </c>
      <c r="AG17" s="261">
        <v>17</v>
      </c>
      <c r="AH17" s="258">
        <v>485</v>
      </c>
      <c r="AI17" s="263">
        <v>485</v>
      </c>
      <c r="AJ17" s="257">
        <v>0</v>
      </c>
      <c r="AK17" s="261">
        <v>0</v>
      </c>
      <c r="AL17" s="258">
        <v>0</v>
      </c>
      <c r="AM17" s="260">
        <v>0</v>
      </c>
      <c r="AN17" s="261">
        <v>6</v>
      </c>
      <c r="AO17" s="261">
        <v>3</v>
      </c>
      <c r="AP17" s="261">
        <v>5</v>
      </c>
      <c r="AQ17" s="261">
        <v>2</v>
      </c>
      <c r="AR17" s="261">
        <v>3</v>
      </c>
      <c r="AS17" s="258">
        <v>19</v>
      </c>
      <c r="AT17" s="263">
        <v>19</v>
      </c>
      <c r="AU17" s="257">
        <v>4</v>
      </c>
      <c r="AV17" s="261">
        <v>14</v>
      </c>
      <c r="AW17" s="258">
        <v>18</v>
      </c>
      <c r="AX17" s="260">
        <v>0</v>
      </c>
      <c r="AY17" s="261">
        <v>13</v>
      </c>
      <c r="AZ17" s="261">
        <v>9</v>
      </c>
      <c r="BA17" s="261">
        <v>5</v>
      </c>
      <c r="BB17" s="261">
        <v>8</v>
      </c>
      <c r="BC17" s="261">
        <v>3</v>
      </c>
      <c r="BD17" s="258">
        <v>38</v>
      </c>
      <c r="BE17" s="263">
        <v>56</v>
      </c>
      <c r="BF17" s="257">
        <v>0</v>
      </c>
      <c r="BG17" s="261">
        <v>4</v>
      </c>
      <c r="BH17" s="258">
        <v>4</v>
      </c>
      <c r="BI17" s="260">
        <v>0</v>
      </c>
      <c r="BJ17" s="261">
        <v>34</v>
      </c>
      <c r="BK17" s="261">
        <v>39</v>
      </c>
      <c r="BL17" s="261">
        <v>38</v>
      </c>
      <c r="BM17" s="261">
        <v>26</v>
      </c>
      <c r="BN17" s="261">
        <v>16</v>
      </c>
      <c r="BO17" s="262">
        <v>153</v>
      </c>
      <c r="BP17" s="263">
        <v>157</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7</v>
      </c>
      <c r="CI17" s="261">
        <v>15</v>
      </c>
      <c r="CJ17" s="261">
        <v>6</v>
      </c>
      <c r="CK17" s="258">
        <v>28</v>
      </c>
      <c r="CL17" s="263">
        <v>28</v>
      </c>
      <c r="CM17" s="257">
        <v>0</v>
      </c>
      <c r="CN17" s="261">
        <v>0</v>
      </c>
      <c r="CO17" s="258">
        <v>0</v>
      </c>
      <c r="CP17" s="260">
        <v>0</v>
      </c>
      <c r="CQ17" s="261">
        <v>7</v>
      </c>
      <c r="CR17" s="261">
        <v>8</v>
      </c>
      <c r="CS17" s="261">
        <v>5</v>
      </c>
      <c r="CT17" s="261">
        <v>1</v>
      </c>
      <c r="CU17" s="261">
        <v>1</v>
      </c>
      <c r="CV17" s="258">
        <v>22</v>
      </c>
      <c r="CW17" s="263">
        <v>22</v>
      </c>
    </row>
    <row r="18" spans="2:101" ht="21" customHeight="1" x14ac:dyDescent="0.2">
      <c r="B18" s="472" t="s">
        <v>16</v>
      </c>
      <c r="C18" s="257">
        <v>0</v>
      </c>
      <c r="D18" s="258">
        <v>0</v>
      </c>
      <c r="E18" s="259">
        <v>0</v>
      </c>
      <c r="F18" s="260">
        <v>0</v>
      </c>
      <c r="G18" s="261">
        <v>7</v>
      </c>
      <c r="H18" s="261">
        <v>14</v>
      </c>
      <c r="I18" s="261">
        <v>14</v>
      </c>
      <c r="J18" s="261">
        <v>8</v>
      </c>
      <c r="K18" s="261">
        <v>10</v>
      </c>
      <c r="L18" s="262">
        <v>53</v>
      </c>
      <c r="M18" s="263">
        <v>53</v>
      </c>
      <c r="N18" s="257">
        <v>0</v>
      </c>
      <c r="O18" s="261">
        <v>0</v>
      </c>
      <c r="P18" s="258">
        <v>0</v>
      </c>
      <c r="Q18" s="260">
        <v>0</v>
      </c>
      <c r="R18" s="261">
        <v>0</v>
      </c>
      <c r="S18" s="261">
        <v>1</v>
      </c>
      <c r="T18" s="261">
        <v>3</v>
      </c>
      <c r="U18" s="261">
        <v>2</v>
      </c>
      <c r="V18" s="261">
        <v>1</v>
      </c>
      <c r="W18" s="258">
        <v>7</v>
      </c>
      <c r="X18" s="263">
        <v>7</v>
      </c>
      <c r="Y18" s="257">
        <v>0</v>
      </c>
      <c r="Z18" s="261">
        <v>0</v>
      </c>
      <c r="AA18" s="258">
        <v>0</v>
      </c>
      <c r="AB18" s="260">
        <v>0</v>
      </c>
      <c r="AC18" s="261">
        <v>167</v>
      </c>
      <c r="AD18" s="261">
        <v>183</v>
      </c>
      <c r="AE18" s="261">
        <v>86</v>
      </c>
      <c r="AF18" s="261">
        <v>42</v>
      </c>
      <c r="AG18" s="261">
        <v>17</v>
      </c>
      <c r="AH18" s="258">
        <v>495</v>
      </c>
      <c r="AI18" s="263">
        <v>495</v>
      </c>
      <c r="AJ18" s="257">
        <v>0</v>
      </c>
      <c r="AK18" s="261">
        <v>0</v>
      </c>
      <c r="AL18" s="258">
        <v>0</v>
      </c>
      <c r="AM18" s="260">
        <v>0</v>
      </c>
      <c r="AN18" s="261">
        <v>5</v>
      </c>
      <c r="AO18" s="261">
        <v>12</v>
      </c>
      <c r="AP18" s="261">
        <v>6</v>
      </c>
      <c r="AQ18" s="261">
        <v>4</v>
      </c>
      <c r="AR18" s="261">
        <v>3</v>
      </c>
      <c r="AS18" s="258">
        <v>30</v>
      </c>
      <c r="AT18" s="263">
        <v>30</v>
      </c>
      <c r="AU18" s="257">
        <v>3</v>
      </c>
      <c r="AV18" s="261">
        <v>2</v>
      </c>
      <c r="AW18" s="258">
        <v>5</v>
      </c>
      <c r="AX18" s="260">
        <v>0</v>
      </c>
      <c r="AY18" s="261">
        <v>18</v>
      </c>
      <c r="AZ18" s="261">
        <v>21</v>
      </c>
      <c r="BA18" s="261">
        <v>18</v>
      </c>
      <c r="BB18" s="261">
        <v>19</v>
      </c>
      <c r="BC18" s="261">
        <v>6</v>
      </c>
      <c r="BD18" s="258">
        <v>82</v>
      </c>
      <c r="BE18" s="263">
        <v>87</v>
      </c>
      <c r="BF18" s="257">
        <v>0</v>
      </c>
      <c r="BG18" s="261">
        <v>0</v>
      </c>
      <c r="BH18" s="258">
        <v>0</v>
      </c>
      <c r="BI18" s="260">
        <v>0</v>
      </c>
      <c r="BJ18" s="261">
        <v>19</v>
      </c>
      <c r="BK18" s="261">
        <v>40</v>
      </c>
      <c r="BL18" s="261">
        <v>60</v>
      </c>
      <c r="BM18" s="261">
        <v>30</v>
      </c>
      <c r="BN18" s="261">
        <v>35</v>
      </c>
      <c r="BO18" s="262">
        <v>184</v>
      </c>
      <c r="BP18" s="263">
        <v>184</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1</v>
      </c>
      <c r="CG18" s="261">
        <v>2</v>
      </c>
      <c r="CH18" s="261">
        <v>7</v>
      </c>
      <c r="CI18" s="261">
        <v>9</v>
      </c>
      <c r="CJ18" s="261">
        <v>11</v>
      </c>
      <c r="CK18" s="258">
        <v>30</v>
      </c>
      <c r="CL18" s="263">
        <v>30</v>
      </c>
      <c r="CM18" s="257">
        <v>0</v>
      </c>
      <c r="CN18" s="261">
        <v>0</v>
      </c>
      <c r="CO18" s="258">
        <v>0</v>
      </c>
      <c r="CP18" s="260">
        <v>0</v>
      </c>
      <c r="CQ18" s="261">
        <v>1</v>
      </c>
      <c r="CR18" s="261">
        <v>7</v>
      </c>
      <c r="CS18" s="261">
        <v>5</v>
      </c>
      <c r="CT18" s="261">
        <v>2</v>
      </c>
      <c r="CU18" s="261">
        <v>4</v>
      </c>
      <c r="CV18" s="258">
        <v>19</v>
      </c>
      <c r="CW18" s="263">
        <v>19</v>
      </c>
    </row>
    <row r="19" spans="2:101" ht="21" customHeight="1" x14ac:dyDescent="0.2">
      <c r="B19" s="472" t="s">
        <v>17</v>
      </c>
      <c r="C19" s="257">
        <v>0</v>
      </c>
      <c r="D19" s="258">
        <v>0</v>
      </c>
      <c r="E19" s="259">
        <v>0</v>
      </c>
      <c r="F19" s="260">
        <v>0</v>
      </c>
      <c r="G19" s="261">
        <v>3</v>
      </c>
      <c r="H19" s="261">
        <v>2</v>
      </c>
      <c r="I19" s="261">
        <v>4</v>
      </c>
      <c r="J19" s="261">
        <v>4</v>
      </c>
      <c r="K19" s="261">
        <v>1</v>
      </c>
      <c r="L19" s="262">
        <v>14</v>
      </c>
      <c r="M19" s="263">
        <v>14</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63</v>
      </c>
      <c r="AD19" s="261">
        <v>316</v>
      </c>
      <c r="AE19" s="261">
        <v>143</v>
      </c>
      <c r="AF19" s="261">
        <v>83</v>
      </c>
      <c r="AG19" s="261">
        <v>38</v>
      </c>
      <c r="AH19" s="258">
        <v>843</v>
      </c>
      <c r="AI19" s="263">
        <v>843</v>
      </c>
      <c r="AJ19" s="257">
        <v>1</v>
      </c>
      <c r="AK19" s="261">
        <v>3</v>
      </c>
      <c r="AL19" s="258">
        <v>4</v>
      </c>
      <c r="AM19" s="260">
        <v>0</v>
      </c>
      <c r="AN19" s="261">
        <v>16</v>
      </c>
      <c r="AO19" s="261">
        <v>13</v>
      </c>
      <c r="AP19" s="261">
        <v>9</v>
      </c>
      <c r="AQ19" s="261">
        <v>10</v>
      </c>
      <c r="AR19" s="261">
        <v>4</v>
      </c>
      <c r="AS19" s="258">
        <v>52</v>
      </c>
      <c r="AT19" s="263">
        <v>56</v>
      </c>
      <c r="AU19" s="257">
        <v>0</v>
      </c>
      <c r="AV19" s="261">
        <v>2</v>
      </c>
      <c r="AW19" s="258">
        <v>2</v>
      </c>
      <c r="AX19" s="260">
        <v>0</v>
      </c>
      <c r="AY19" s="261">
        <v>17</v>
      </c>
      <c r="AZ19" s="261">
        <v>30</v>
      </c>
      <c r="BA19" s="261">
        <v>35</v>
      </c>
      <c r="BB19" s="261">
        <v>22</v>
      </c>
      <c r="BC19" s="261">
        <v>13</v>
      </c>
      <c r="BD19" s="258">
        <v>117</v>
      </c>
      <c r="BE19" s="263">
        <v>119</v>
      </c>
      <c r="BF19" s="257">
        <v>0</v>
      </c>
      <c r="BG19" s="261">
        <v>0</v>
      </c>
      <c r="BH19" s="258">
        <v>0</v>
      </c>
      <c r="BI19" s="260">
        <v>0</v>
      </c>
      <c r="BJ19" s="261">
        <v>41</v>
      </c>
      <c r="BK19" s="261">
        <v>59</v>
      </c>
      <c r="BL19" s="261">
        <v>72</v>
      </c>
      <c r="BM19" s="261">
        <v>49</v>
      </c>
      <c r="BN19" s="261">
        <v>22</v>
      </c>
      <c r="BO19" s="262">
        <v>243</v>
      </c>
      <c r="BP19" s="263">
        <v>243</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2</v>
      </c>
      <c r="CH19" s="261">
        <v>26</v>
      </c>
      <c r="CI19" s="261">
        <v>42</v>
      </c>
      <c r="CJ19" s="261">
        <v>34</v>
      </c>
      <c r="CK19" s="258">
        <v>104</v>
      </c>
      <c r="CL19" s="263">
        <v>104</v>
      </c>
      <c r="CM19" s="257">
        <v>0</v>
      </c>
      <c r="CN19" s="261">
        <v>0</v>
      </c>
      <c r="CO19" s="258">
        <v>0</v>
      </c>
      <c r="CP19" s="260">
        <v>0</v>
      </c>
      <c r="CQ19" s="261">
        <v>1</v>
      </c>
      <c r="CR19" s="261">
        <v>2</v>
      </c>
      <c r="CS19" s="261">
        <v>2</v>
      </c>
      <c r="CT19" s="261">
        <v>3</v>
      </c>
      <c r="CU19" s="261">
        <v>8</v>
      </c>
      <c r="CV19" s="258">
        <v>16</v>
      </c>
      <c r="CW19" s="263">
        <v>16</v>
      </c>
    </row>
    <row r="20" spans="2:101" ht="21" customHeight="1" x14ac:dyDescent="0.2">
      <c r="B20" s="472" t="s">
        <v>18</v>
      </c>
      <c r="C20" s="257">
        <v>0</v>
      </c>
      <c r="D20" s="258">
        <v>0</v>
      </c>
      <c r="E20" s="259">
        <v>0</v>
      </c>
      <c r="F20" s="260">
        <v>0</v>
      </c>
      <c r="G20" s="261">
        <v>3</v>
      </c>
      <c r="H20" s="261">
        <v>7</v>
      </c>
      <c r="I20" s="261">
        <v>1</v>
      </c>
      <c r="J20" s="261">
        <v>3</v>
      </c>
      <c r="K20" s="261">
        <v>1</v>
      </c>
      <c r="L20" s="262">
        <v>15</v>
      </c>
      <c r="M20" s="263">
        <v>15</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301</v>
      </c>
      <c r="AD20" s="261">
        <v>193</v>
      </c>
      <c r="AE20" s="261">
        <v>93</v>
      </c>
      <c r="AF20" s="261">
        <v>36</v>
      </c>
      <c r="AG20" s="261">
        <v>9</v>
      </c>
      <c r="AH20" s="258">
        <v>632</v>
      </c>
      <c r="AI20" s="263">
        <v>632</v>
      </c>
      <c r="AJ20" s="257">
        <v>0</v>
      </c>
      <c r="AK20" s="261">
        <v>0</v>
      </c>
      <c r="AL20" s="258">
        <v>0</v>
      </c>
      <c r="AM20" s="260">
        <v>0</v>
      </c>
      <c r="AN20" s="261">
        <v>9</v>
      </c>
      <c r="AO20" s="261">
        <v>9</v>
      </c>
      <c r="AP20" s="261">
        <v>23</v>
      </c>
      <c r="AQ20" s="261">
        <v>8</v>
      </c>
      <c r="AR20" s="261">
        <v>8</v>
      </c>
      <c r="AS20" s="258">
        <v>57</v>
      </c>
      <c r="AT20" s="263">
        <v>57</v>
      </c>
      <c r="AU20" s="257">
        <v>6</v>
      </c>
      <c r="AV20" s="261">
        <v>14</v>
      </c>
      <c r="AW20" s="258">
        <v>20</v>
      </c>
      <c r="AX20" s="260">
        <v>0</v>
      </c>
      <c r="AY20" s="261">
        <v>51</v>
      </c>
      <c r="AZ20" s="261">
        <v>42</v>
      </c>
      <c r="BA20" s="261">
        <v>53</v>
      </c>
      <c r="BB20" s="261">
        <v>16</v>
      </c>
      <c r="BC20" s="261">
        <v>10</v>
      </c>
      <c r="BD20" s="258">
        <v>172</v>
      </c>
      <c r="BE20" s="263">
        <v>192</v>
      </c>
      <c r="BF20" s="257">
        <v>0</v>
      </c>
      <c r="BG20" s="261">
        <v>3</v>
      </c>
      <c r="BH20" s="258">
        <v>3</v>
      </c>
      <c r="BI20" s="260">
        <v>0</v>
      </c>
      <c r="BJ20" s="261">
        <v>47</v>
      </c>
      <c r="BK20" s="261">
        <v>76</v>
      </c>
      <c r="BL20" s="261">
        <v>97</v>
      </c>
      <c r="BM20" s="261">
        <v>61</v>
      </c>
      <c r="BN20" s="261">
        <v>26</v>
      </c>
      <c r="BO20" s="262">
        <v>307</v>
      </c>
      <c r="BP20" s="263">
        <v>310</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2</v>
      </c>
      <c r="CH20" s="261">
        <v>6</v>
      </c>
      <c r="CI20" s="261">
        <v>15</v>
      </c>
      <c r="CJ20" s="261">
        <v>4</v>
      </c>
      <c r="CK20" s="258">
        <v>27</v>
      </c>
      <c r="CL20" s="263">
        <v>27</v>
      </c>
      <c r="CM20" s="257">
        <v>0</v>
      </c>
      <c r="CN20" s="261">
        <v>0</v>
      </c>
      <c r="CO20" s="258">
        <v>0</v>
      </c>
      <c r="CP20" s="260">
        <v>0</v>
      </c>
      <c r="CQ20" s="261">
        <v>7</v>
      </c>
      <c r="CR20" s="261">
        <v>17</v>
      </c>
      <c r="CS20" s="261">
        <v>17</v>
      </c>
      <c r="CT20" s="261">
        <v>24</v>
      </c>
      <c r="CU20" s="261">
        <v>29</v>
      </c>
      <c r="CV20" s="258">
        <v>94</v>
      </c>
      <c r="CW20" s="263">
        <v>94</v>
      </c>
    </row>
    <row r="21" spans="2:101" ht="21" customHeight="1" x14ac:dyDescent="0.2">
      <c r="B21" s="472" t="s">
        <v>19</v>
      </c>
      <c r="C21" s="257">
        <v>0</v>
      </c>
      <c r="D21" s="258">
        <v>0</v>
      </c>
      <c r="E21" s="259">
        <v>0</v>
      </c>
      <c r="F21" s="260">
        <v>0</v>
      </c>
      <c r="G21" s="261">
        <v>12</v>
      </c>
      <c r="H21" s="261">
        <v>11</v>
      </c>
      <c r="I21" s="261">
        <v>5</v>
      </c>
      <c r="J21" s="261">
        <v>4</v>
      </c>
      <c r="K21" s="261">
        <v>5</v>
      </c>
      <c r="L21" s="262">
        <v>37</v>
      </c>
      <c r="M21" s="263">
        <v>37</v>
      </c>
      <c r="N21" s="257">
        <v>0</v>
      </c>
      <c r="O21" s="261">
        <v>0</v>
      </c>
      <c r="P21" s="258">
        <v>0</v>
      </c>
      <c r="Q21" s="260">
        <v>0</v>
      </c>
      <c r="R21" s="261">
        <v>2</v>
      </c>
      <c r="S21" s="261">
        <v>2</v>
      </c>
      <c r="T21" s="261">
        <v>3</v>
      </c>
      <c r="U21" s="261">
        <v>2</v>
      </c>
      <c r="V21" s="261">
        <v>1</v>
      </c>
      <c r="W21" s="258">
        <v>10</v>
      </c>
      <c r="X21" s="263">
        <v>10</v>
      </c>
      <c r="Y21" s="257">
        <v>0</v>
      </c>
      <c r="Z21" s="261">
        <v>0</v>
      </c>
      <c r="AA21" s="258">
        <v>0</v>
      </c>
      <c r="AB21" s="260">
        <v>0</v>
      </c>
      <c r="AC21" s="261">
        <v>135</v>
      </c>
      <c r="AD21" s="261">
        <v>107</v>
      </c>
      <c r="AE21" s="261">
        <v>51</v>
      </c>
      <c r="AF21" s="261">
        <v>24</v>
      </c>
      <c r="AG21" s="261">
        <v>12</v>
      </c>
      <c r="AH21" s="258">
        <v>329</v>
      </c>
      <c r="AI21" s="263">
        <v>329</v>
      </c>
      <c r="AJ21" s="257">
        <v>0</v>
      </c>
      <c r="AK21" s="261">
        <v>0</v>
      </c>
      <c r="AL21" s="258">
        <v>0</v>
      </c>
      <c r="AM21" s="260">
        <v>0</v>
      </c>
      <c r="AN21" s="261">
        <v>14</v>
      </c>
      <c r="AO21" s="261">
        <v>20</v>
      </c>
      <c r="AP21" s="261">
        <v>21</v>
      </c>
      <c r="AQ21" s="261">
        <v>3</v>
      </c>
      <c r="AR21" s="261">
        <v>4</v>
      </c>
      <c r="AS21" s="258">
        <v>62</v>
      </c>
      <c r="AT21" s="263">
        <v>62</v>
      </c>
      <c r="AU21" s="257">
        <v>0</v>
      </c>
      <c r="AV21" s="261">
        <v>3</v>
      </c>
      <c r="AW21" s="258">
        <v>3</v>
      </c>
      <c r="AX21" s="260">
        <v>0</v>
      </c>
      <c r="AY21" s="261">
        <v>20</v>
      </c>
      <c r="AZ21" s="261">
        <v>37</v>
      </c>
      <c r="BA21" s="261">
        <v>30</v>
      </c>
      <c r="BB21" s="261">
        <v>16</v>
      </c>
      <c r="BC21" s="261">
        <v>10</v>
      </c>
      <c r="BD21" s="258">
        <v>113</v>
      </c>
      <c r="BE21" s="263">
        <v>116</v>
      </c>
      <c r="BF21" s="257">
        <v>0</v>
      </c>
      <c r="BG21" s="261">
        <v>0</v>
      </c>
      <c r="BH21" s="258">
        <v>0</v>
      </c>
      <c r="BI21" s="260">
        <v>0</v>
      </c>
      <c r="BJ21" s="261">
        <v>14</v>
      </c>
      <c r="BK21" s="261">
        <v>23</v>
      </c>
      <c r="BL21" s="261">
        <v>34</v>
      </c>
      <c r="BM21" s="261">
        <v>20</v>
      </c>
      <c r="BN21" s="261">
        <v>14</v>
      </c>
      <c r="BO21" s="262">
        <v>105</v>
      </c>
      <c r="BP21" s="263">
        <v>105</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2</v>
      </c>
      <c r="CS21" s="261">
        <v>5</v>
      </c>
      <c r="CT21" s="261">
        <v>4</v>
      </c>
      <c r="CU21" s="261">
        <v>11</v>
      </c>
      <c r="CV21" s="258">
        <v>22</v>
      </c>
      <c r="CW21" s="263">
        <v>22</v>
      </c>
    </row>
    <row r="22" spans="2:101" ht="21" customHeight="1" x14ac:dyDescent="0.2">
      <c r="B22" s="472" t="s">
        <v>20</v>
      </c>
      <c r="C22" s="257">
        <v>0</v>
      </c>
      <c r="D22" s="258">
        <v>0</v>
      </c>
      <c r="E22" s="259">
        <v>0</v>
      </c>
      <c r="F22" s="260">
        <v>0</v>
      </c>
      <c r="G22" s="261">
        <v>1</v>
      </c>
      <c r="H22" s="261">
        <v>1</v>
      </c>
      <c r="I22" s="261">
        <v>0</v>
      </c>
      <c r="J22" s="261">
        <v>0</v>
      </c>
      <c r="K22" s="261">
        <v>1</v>
      </c>
      <c r="L22" s="262">
        <v>3</v>
      </c>
      <c r="M22" s="263">
        <v>3</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79</v>
      </c>
      <c r="AD22" s="261">
        <v>99</v>
      </c>
      <c r="AE22" s="261">
        <v>53</v>
      </c>
      <c r="AF22" s="261">
        <v>15</v>
      </c>
      <c r="AG22" s="261">
        <v>6</v>
      </c>
      <c r="AH22" s="258">
        <v>352</v>
      </c>
      <c r="AI22" s="263">
        <v>352</v>
      </c>
      <c r="AJ22" s="257">
        <v>0</v>
      </c>
      <c r="AK22" s="261">
        <v>0</v>
      </c>
      <c r="AL22" s="258">
        <v>0</v>
      </c>
      <c r="AM22" s="260">
        <v>0</v>
      </c>
      <c r="AN22" s="261">
        <v>2</v>
      </c>
      <c r="AO22" s="261">
        <v>2</v>
      </c>
      <c r="AP22" s="261">
        <v>6</v>
      </c>
      <c r="AQ22" s="261">
        <v>0</v>
      </c>
      <c r="AR22" s="261">
        <v>2</v>
      </c>
      <c r="AS22" s="258">
        <v>12</v>
      </c>
      <c r="AT22" s="263">
        <v>12</v>
      </c>
      <c r="AU22" s="257">
        <v>0</v>
      </c>
      <c r="AV22" s="261">
        <v>1</v>
      </c>
      <c r="AW22" s="258">
        <v>1</v>
      </c>
      <c r="AX22" s="260">
        <v>0</v>
      </c>
      <c r="AY22" s="261">
        <v>22</v>
      </c>
      <c r="AZ22" s="261">
        <v>8</v>
      </c>
      <c r="BA22" s="261">
        <v>9</v>
      </c>
      <c r="BB22" s="261">
        <v>2</v>
      </c>
      <c r="BC22" s="261">
        <v>2</v>
      </c>
      <c r="BD22" s="258">
        <v>43</v>
      </c>
      <c r="BE22" s="263">
        <v>44</v>
      </c>
      <c r="BF22" s="257">
        <v>0</v>
      </c>
      <c r="BG22" s="261">
        <v>0</v>
      </c>
      <c r="BH22" s="258">
        <v>0</v>
      </c>
      <c r="BI22" s="260">
        <v>0</v>
      </c>
      <c r="BJ22" s="261">
        <v>12</v>
      </c>
      <c r="BK22" s="261">
        <v>34</v>
      </c>
      <c r="BL22" s="261">
        <v>49</v>
      </c>
      <c r="BM22" s="261">
        <v>18</v>
      </c>
      <c r="BN22" s="261">
        <v>19</v>
      </c>
      <c r="BO22" s="262">
        <v>132</v>
      </c>
      <c r="BP22" s="263">
        <v>132</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3</v>
      </c>
      <c r="H23" s="261">
        <v>6</v>
      </c>
      <c r="I23" s="261">
        <v>2</v>
      </c>
      <c r="J23" s="261">
        <v>5</v>
      </c>
      <c r="K23" s="261">
        <v>2</v>
      </c>
      <c r="L23" s="262">
        <v>18</v>
      </c>
      <c r="M23" s="263">
        <v>18</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90</v>
      </c>
      <c r="AD23" s="261">
        <v>182</v>
      </c>
      <c r="AE23" s="261">
        <v>75</v>
      </c>
      <c r="AF23" s="261">
        <v>33</v>
      </c>
      <c r="AG23" s="261">
        <v>8</v>
      </c>
      <c r="AH23" s="258">
        <v>488</v>
      </c>
      <c r="AI23" s="263">
        <v>488</v>
      </c>
      <c r="AJ23" s="257">
        <v>0</v>
      </c>
      <c r="AK23" s="261">
        <v>0</v>
      </c>
      <c r="AL23" s="258">
        <v>0</v>
      </c>
      <c r="AM23" s="260">
        <v>0</v>
      </c>
      <c r="AN23" s="261">
        <v>0</v>
      </c>
      <c r="AO23" s="261">
        <v>0</v>
      </c>
      <c r="AP23" s="261">
        <v>0</v>
      </c>
      <c r="AQ23" s="261">
        <v>1</v>
      </c>
      <c r="AR23" s="261">
        <v>0</v>
      </c>
      <c r="AS23" s="258">
        <v>1</v>
      </c>
      <c r="AT23" s="263">
        <v>1</v>
      </c>
      <c r="AU23" s="257">
        <v>0</v>
      </c>
      <c r="AV23" s="261">
        <v>0</v>
      </c>
      <c r="AW23" s="258">
        <v>0</v>
      </c>
      <c r="AX23" s="260">
        <v>0</v>
      </c>
      <c r="AY23" s="261">
        <v>11</v>
      </c>
      <c r="AZ23" s="261">
        <v>6</v>
      </c>
      <c r="BA23" s="261">
        <v>19</v>
      </c>
      <c r="BB23" s="261">
        <v>7</v>
      </c>
      <c r="BC23" s="261">
        <v>2</v>
      </c>
      <c r="BD23" s="258">
        <v>45</v>
      </c>
      <c r="BE23" s="263">
        <v>45</v>
      </c>
      <c r="BF23" s="257">
        <v>0</v>
      </c>
      <c r="BG23" s="261">
        <v>0</v>
      </c>
      <c r="BH23" s="258">
        <v>0</v>
      </c>
      <c r="BI23" s="260">
        <v>0</v>
      </c>
      <c r="BJ23" s="261">
        <v>18</v>
      </c>
      <c r="BK23" s="261">
        <v>38</v>
      </c>
      <c r="BL23" s="261">
        <v>40</v>
      </c>
      <c r="BM23" s="261">
        <v>15</v>
      </c>
      <c r="BN23" s="261">
        <v>13</v>
      </c>
      <c r="BO23" s="262">
        <v>124</v>
      </c>
      <c r="BP23" s="263">
        <v>124</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3</v>
      </c>
      <c r="CR23" s="261">
        <v>2</v>
      </c>
      <c r="CS23" s="261">
        <v>1</v>
      </c>
      <c r="CT23" s="261">
        <v>1</v>
      </c>
      <c r="CU23" s="261">
        <v>7</v>
      </c>
      <c r="CV23" s="258">
        <v>14</v>
      </c>
      <c r="CW23" s="263">
        <v>14</v>
      </c>
    </row>
    <row r="24" spans="2:101" ht="21" customHeight="1" x14ac:dyDescent="0.2">
      <c r="B24" s="472" t="s">
        <v>22</v>
      </c>
      <c r="C24" s="257">
        <v>0</v>
      </c>
      <c r="D24" s="258">
        <v>0</v>
      </c>
      <c r="E24" s="259">
        <v>0</v>
      </c>
      <c r="F24" s="260">
        <v>0</v>
      </c>
      <c r="G24" s="261">
        <v>0</v>
      </c>
      <c r="H24" s="261">
        <v>7</v>
      </c>
      <c r="I24" s="261">
        <v>4</v>
      </c>
      <c r="J24" s="261">
        <v>3</v>
      </c>
      <c r="K24" s="261">
        <v>0</v>
      </c>
      <c r="L24" s="262">
        <v>14</v>
      </c>
      <c r="M24" s="263">
        <v>14</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114</v>
      </c>
      <c r="AD24" s="261">
        <v>76</v>
      </c>
      <c r="AE24" s="261">
        <v>44</v>
      </c>
      <c r="AF24" s="261">
        <v>21</v>
      </c>
      <c r="AG24" s="261">
        <v>4</v>
      </c>
      <c r="AH24" s="258">
        <v>259</v>
      </c>
      <c r="AI24" s="263">
        <v>259</v>
      </c>
      <c r="AJ24" s="257">
        <v>0</v>
      </c>
      <c r="AK24" s="261">
        <v>0</v>
      </c>
      <c r="AL24" s="258">
        <v>0</v>
      </c>
      <c r="AM24" s="260">
        <v>0</v>
      </c>
      <c r="AN24" s="261">
        <v>3</v>
      </c>
      <c r="AO24" s="261">
        <v>5</v>
      </c>
      <c r="AP24" s="261">
        <v>6</v>
      </c>
      <c r="AQ24" s="261">
        <v>1</v>
      </c>
      <c r="AR24" s="261">
        <v>3</v>
      </c>
      <c r="AS24" s="258">
        <v>18</v>
      </c>
      <c r="AT24" s="263">
        <v>18</v>
      </c>
      <c r="AU24" s="257">
        <v>3</v>
      </c>
      <c r="AV24" s="261">
        <v>2</v>
      </c>
      <c r="AW24" s="258">
        <v>5</v>
      </c>
      <c r="AX24" s="260">
        <v>0</v>
      </c>
      <c r="AY24" s="261">
        <v>20</v>
      </c>
      <c r="AZ24" s="261">
        <v>21</v>
      </c>
      <c r="BA24" s="261">
        <v>12</v>
      </c>
      <c r="BB24" s="261">
        <v>7</v>
      </c>
      <c r="BC24" s="261">
        <v>4</v>
      </c>
      <c r="BD24" s="258">
        <v>64</v>
      </c>
      <c r="BE24" s="263">
        <v>69</v>
      </c>
      <c r="BF24" s="257">
        <v>0</v>
      </c>
      <c r="BG24" s="261">
        <v>0</v>
      </c>
      <c r="BH24" s="258">
        <v>0</v>
      </c>
      <c r="BI24" s="260">
        <v>0</v>
      </c>
      <c r="BJ24" s="261">
        <v>12</v>
      </c>
      <c r="BK24" s="261">
        <v>20</v>
      </c>
      <c r="BL24" s="261">
        <v>12</v>
      </c>
      <c r="BM24" s="261">
        <v>14</v>
      </c>
      <c r="BN24" s="261">
        <v>5</v>
      </c>
      <c r="BO24" s="262">
        <v>63</v>
      </c>
      <c r="BP24" s="263">
        <v>63</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6</v>
      </c>
      <c r="CI24" s="261">
        <v>15</v>
      </c>
      <c r="CJ24" s="261">
        <v>8</v>
      </c>
      <c r="CK24" s="258">
        <v>29</v>
      </c>
      <c r="CL24" s="263">
        <v>29</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1</v>
      </c>
      <c r="J25" s="261">
        <v>0</v>
      </c>
      <c r="K25" s="261">
        <v>2</v>
      </c>
      <c r="L25" s="262">
        <v>3</v>
      </c>
      <c r="M25" s="263">
        <v>3</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61</v>
      </c>
      <c r="AD25" s="261">
        <v>48</v>
      </c>
      <c r="AE25" s="261">
        <v>29</v>
      </c>
      <c r="AF25" s="261">
        <v>13</v>
      </c>
      <c r="AG25" s="261">
        <v>7</v>
      </c>
      <c r="AH25" s="258">
        <v>158</v>
      </c>
      <c r="AI25" s="263">
        <v>158</v>
      </c>
      <c r="AJ25" s="257">
        <v>0</v>
      </c>
      <c r="AK25" s="261">
        <v>0</v>
      </c>
      <c r="AL25" s="258">
        <v>0</v>
      </c>
      <c r="AM25" s="260">
        <v>0</v>
      </c>
      <c r="AN25" s="261">
        <v>0</v>
      </c>
      <c r="AO25" s="261">
        <v>0</v>
      </c>
      <c r="AP25" s="261">
        <v>3</v>
      </c>
      <c r="AQ25" s="261">
        <v>1</v>
      </c>
      <c r="AR25" s="261">
        <v>0</v>
      </c>
      <c r="AS25" s="258">
        <v>4</v>
      </c>
      <c r="AT25" s="263">
        <v>4</v>
      </c>
      <c r="AU25" s="257">
        <v>0</v>
      </c>
      <c r="AV25" s="261">
        <v>0</v>
      </c>
      <c r="AW25" s="258">
        <v>0</v>
      </c>
      <c r="AX25" s="260">
        <v>0</v>
      </c>
      <c r="AY25" s="261">
        <v>5</v>
      </c>
      <c r="AZ25" s="261">
        <v>6</v>
      </c>
      <c r="BA25" s="261">
        <v>3</v>
      </c>
      <c r="BB25" s="261">
        <v>2</v>
      </c>
      <c r="BC25" s="261">
        <v>1</v>
      </c>
      <c r="BD25" s="258">
        <v>17</v>
      </c>
      <c r="BE25" s="263">
        <v>17</v>
      </c>
      <c r="BF25" s="257">
        <v>0</v>
      </c>
      <c r="BG25" s="261">
        <v>0</v>
      </c>
      <c r="BH25" s="258">
        <v>0</v>
      </c>
      <c r="BI25" s="260">
        <v>0</v>
      </c>
      <c r="BJ25" s="261">
        <v>39</v>
      </c>
      <c r="BK25" s="261">
        <v>19</v>
      </c>
      <c r="BL25" s="261">
        <v>22</v>
      </c>
      <c r="BM25" s="261">
        <v>17</v>
      </c>
      <c r="BN25" s="261">
        <v>7</v>
      </c>
      <c r="BO25" s="262">
        <v>104</v>
      </c>
      <c r="BP25" s="263">
        <v>104</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1</v>
      </c>
      <c r="CU25" s="261">
        <v>0</v>
      </c>
      <c r="CV25" s="258">
        <v>1</v>
      </c>
      <c r="CW25" s="263">
        <v>1</v>
      </c>
    </row>
    <row r="26" spans="2:101" ht="21" customHeight="1" x14ac:dyDescent="0.2">
      <c r="B26" s="472" t="s">
        <v>24</v>
      </c>
      <c r="C26" s="257">
        <v>0</v>
      </c>
      <c r="D26" s="258">
        <v>0</v>
      </c>
      <c r="E26" s="259">
        <v>0</v>
      </c>
      <c r="F26" s="260">
        <v>0</v>
      </c>
      <c r="G26" s="261">
        <v>2</v>
      </c>
      <c r="H26" s="261">
        <v>2</v>
      </c>
      <c r="I26" s="261">
        <v>5</v>
      </c>
      <c r="J26" s="261">
        <v>3</v>
      </c>
      <c r="K26" s="261">
        <v>0</v>
      </c>
      <c r="L26" s="262">
        <v>12</v>
      </c>
      <c r="M26" s="263">
        <v>1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29</v>
      </c>
      <c r="AD26" s="261">
        <v>18</v>
      </c>
      <c r="AE26" s="261">
        <v>19</v>
      </c>
      <c r="AF26" s="261">
        <v>4</v>
      </c>
      <c r="AG26" s="261">
        <v>3</v>
      </c>
      <c r="AH26" s="258">
        <v>73</v>
      </c>
      <c r="AI26" s="263">
        <v>73</v>
      </c>
      <c r="AJ26" s="257">
        <v>0</v>
      </c>
      <c r="AK26" s="261">
        <v>0</v>
      </c>
      <c r="AL26" s="258">
        <v>0</v>
      </c>
      <c r="AM26" s="260">
        <v>0</v>
      </c>
      <c r="AN26" s="261">
        <v>7</v>
      </c>
      <c r="AO26" s="261">
        <v>8</v>
      </c>
      <c r="AP26" s="261">
        <v>5</v>
      </c>
      <c r="AQ26" s="261">
        <v>3</v>
      </c>
      <c r="AR26" s="261">
        <v>1</v>
      </c>
      <c r="AS26" s="258">
        <v>24</v>
      </c>
      <c r="AT26" s="263">
        <v>24</v>
      </c>
      <c r="AU26" s="257">
        <v>0</v>
      </c>
      <c r="AV26" s="261">
        <v>2</v>
      </c>
      <c r="AW26" s="258">
        <v>2</v>
      </c>
      <c r="AX26" s="260">
        <v>0</v>
      </c>
      <c r="AY26" s="261">
        <v>16</v>
      </c>
      <c r="AZ26" s="261">
        <v>8</v>
      </c>
      <c r="BA26" s="261">
        <v>10</v>
      </c>
      <c r="BB26" s="261">
        <v>6</v>
      </c>
      <c r="BC26" s="261">
        <v>1</v>
      </c>
      <c r="BD26" s="258">
        <v>41</v>
      </c>
      <c r="BE26" s="263">
        <v>43</v>
      </c>
      <c r="BF26" s="257">
        <v>0</v>
      </c>
      <c r="BG26" s="261">
        <v>0</v>
      </c>
      <c r="BH26" s="258">
        <v>0</v>
      </c>
      <c r="BI26" s="260">
        <v>0</v>
      </c>
      <c r="BJ26" s="261">
        <v>2</v>
      </c>
      <c r="BK26" s="261">
        <v>4</v>
      </c>
      <c r="BL26" s="261">
        <v>7</v>
      </c>
      <c r="BM26" s="261">
        <v>8</v>
      </c>
      <c r="BN26" s="261">
        <v>4</v>
      </c>
      <c r="BO26" s="262">
        <v>25</v>
      </c>
      <c r="BP26" s="263">
        <v>25</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83</v>
      </c>
      <c r="AD27" s="261">
        <v>38</v>
      </c>
      <c r="AE27" s="261">
        <v>14</v>
      </c>
      <c r="AF27" s="261">
        <v>3</v>
      </c>
      <c r="AG27" s="261">
        <v>1</v>
      </c>
      <c r="AH27" s="258">
        <v>139</v>
      </c>
      <c r="AI27" s="263">
        <v>139</v>
      </c>
      <c r="AJ27" s="257">
        <v>0</v>
      </c>
      <c r="AK27" s="261">
        <v>0</v>
      </c>
      <c r="AL27" s="258">
        <v>0</v>
      </c>
      <c r="AM27" s="260">
        <v>0</v>
      </c>
      <c r="AN27" s="261">
        <v>0</v>
      </c>
      <c r="AO27" s="261">
        <v>0</v>
      </c>
      <c r="AP27" s="261">
        <v>0</v>
      </c>
      <c r="AQ27" s="261">
        <v>0</v>
      </c>
      <c r="AR27" s="261">
        <v>0</v>
      </c>
      <c r="AS27" s="258">
        <v>0</v>
      </c>
      <c r="AT27" s="263">
        <v>0</v>
      </c>
      <c r="AU27" s="257">
        <v>2</v>
      </c>
      <c r="AV27" s="261">
        <v>0</v>
      </c>
      <c r="AW27" s="258">
        <v>2</v>
      </c>
      <c r="AX27" s="260">
        <v>0</v>
      </c>
      <c r="AY27" s="261">
        <v>3</v>
      </c>
      <c r="AZ27" s="261">
        <v>4</v>
      </c>
      <c r="BA27" s="261">
        <v>1</v>
      </c>
      <c r="BB27" s="261">
        <v>3</v>
      </c>
      <c r="BC27" s="261">
        <v>0</v>
      </c>
      <c r="BD27" s="258">
        <v>11</v>
      </c>
      <c r="BE27" s="263">
        <v>13</v>
      </c>
      <c r="BF27" s="257">
        <v>0</v>
      </c>
      <c r="BG27" s="261">
        <v>0</v>
      </c>
      <c r="BH27" s="258">
        <v>0</v>
      </c>
      <c r="BI27" s="260">
        <v>0</v>
      </c>
      <c r="BJ27" s="261">
        <v>10</v>
      </c>
      <c r="BK27" s="261">
        <v>7</v>
      </c>
      <c r="BL27" s="261">
        <v>9</v>
      </c>
      <c r="BM27" s="261">
        <v>7</v>
      </c>
      <c r="BN27" s="261">
        <v>1</v>
      </c>
      <c r="BO27" s="262">
        <v>34</v>
      </c>
      <c r="BP27" s="263">
        <v>34</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45</v>
      </c>
      <c r="AD28" s="261">
        <v>41</v>
      </c>
      <c r="AE28" s="261">
        <v>23</v>
      </c>
      <c r="AF28" s="261">
        <v>8</v>
      </c>
      <c r="AG28" s="261">
        <v>9</v>
      </c>
      <c r="AH28" s="258">
        <v>126</v>
      </c>
      <c r="AI28" s="263">
        <v>126</v>
      </c>
      <c r="AJ28" s="257">
        <v>0</v>
      </c>
      <c r="AK28" s="261">
        <v>0</v>
      </c>
      <c r="AL28" s="258">
        <v>0</v>
      </c>
      <c r="AM28" s="260">
        <v>0</v>
      </c>
      <c r="AN28" s="261">
        <v>0</v>
      </c>
      <c r="AO28" s="261">
        <v>4</v>
      </c>
      <c r="AP28" s="261">
        <v>5</v>
      </c>
      <c r="AQ28" s="261">
        <v>3</v>
      </c>
      <c r="AR28" s="261">
        <v>1</v>
      </c>
      <c r="AS28" s="258">
        <v>13</v>
      </c>
      <c r="AT28" s="263">
        <v>13</v>
      </c>
      <c r="AU28" s="257">
        <v>0</v>
      </c>
      <c r="AV28" s="261">
        <v>1</v>
      </c>
      <c r="AW28" s="258">
        <v>1</v>
      </c>
      <c r="AX28" s="260">
        <v>0</v>
      </c>
      <c r="AY28" s="261">
        <v>5</v>
      </c>
      <c r="AZ28" s="261">
        <v>5</v>
      </c>
      <c r="BA28" s="261">
        <v>5</v>
      </c>
      <c r="BB28" s="261">
        <v>1</v>
      </c>
      <c r="BC28" s="261">
        <v>1</v>
      </c>
      <c r="BD28" s="258">
        <v>17</v>
      </c>
      <c r="BE28" s="263">
        <v>18</v>
      </c>
      <c r="BF28" s="257">
        <v>0</v>
      </c>
      <c r="BG28" s="261">
        <v>0</v>
      </c>
      <c r="BH28" s="258">
        <v>0</v>
      </c>
      <c r="BI28" s="260">
        <v>0</v>
      </c>
      <c r="BJ28" s="261">
        <v>8</v>
      </c>
      <c r="BK28" s="261">
        <v>17</v>
      </c>
      <c r="BL28" s="261">
        <v>19</v>
      </c>
      <c r="BM28" s="261">
        <v>12</v>
      </c>
      <c r="BN28" s="261">
        <v>1</v>
      </c>
      <c r="BO28" s="262">
        <v>57</v>
      </c>
      <c r="BP28" s="263">
        <v>57</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3</v>
      </c>
      <c r="AD29" s="261">
        <v>15</v>
      </c>
      <c r="AE29" s="261">
        <v>6</v>
      </c>
      <c r="AF29" s="261">
        <v>2</v>
      </c>
      <c r="AG29" s="261">
        <v>0</v>
      </c>
      <c r="AH29" s="258">
        <v>56</v>
      </c>
      <c r="AI29" s="263">
        <v>56</v>
      </c>
      <c r="AJ29" s="257">
        <v>0</v>
      </c>
      <c r="AK29" s="261">
        <v>0</v>
      </c>
      <c r="AL29" s="258">
        <v>0</v>
      </c>
      <c r="AM29" s="260">
        <v>0</v>
      </c>
      <c r="AN29" s="261">
        <v>2</v>
      </c>
      <c r="AO29" s="261">
        <v>1</v>
      </c>
      <c r="AP29" s="261">
        <v>1</v>
      </c>
      <c r="AQ29" s="261">
        <v>1</v>
      </c>
      <c r="AR29" s="261">
        <v>1</v>
      </c>
      <c r="AS29" s="258">
        <v>6</v>
      </c>
      <c r="AT29" s="263">
        <v>6</v>
      </c>
      <c r="AU29" s="257">
        <v>0</v>
      </c>
      <c r="AV29" s="261">
        <v>0</v>
      </c>
      <c r="AW29" s="258">
        <v>0</v>
      </c>
      <c r="AX29" s="260">
        <v>0</v>
      </c>
      <c r="AY29" s="261">
        <v>7</v>
      </c>
      <c r="AZ29" s="261">
        <v>3</v>
      </c>
      <c r="BA29" s="261">
        <v>5</v>
      </c>
      <c r="BB29" s="261">
        <v>1</v>
      </c>
      <c r="BC29" s="261">
        <v>1</v>
      </c>
      <c r="BD29" s="258">
        <v>17</v>
      </c>
      <c r="BE29" s="263">
        <v>17</v>
      </c>
      <c r="BF29" s="257">
        <v>0</v>
      </c>
      <c r="BG29" s="261">
        <v>0</v>
      </c>
      <c r="BH29" s="258">
        <v>0</v>
      </c>
      <c r="BI29" s="260">
        <v>0</v>
      </c>
      <c r="BJ29" s="261">
        <v>10</v>
      </c>
      <c r="BK29" s="261">
        <v>5</v>
      </c>
      <c r="BL29" s="261">
        <v>8</v>
      </c>
      <c r="BM29" s="261">
        <v>4</v>
      </c>
      <c r="BN29" s="261">
        <v>7</v>
      </c>
      <c r="BO29" s="262">
        <v>34</v>
      </c>
      <c r="BP29" s="263">
        <v>34</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6</v>
      </c>
      <c r="CI29" s="261">
        <v>11</v>
      </c>
      <c r="CJ29" s="261">
        <v>7</v>
      </c>
      <c r="CK29" s="258">
        <v>24</v>
      </c>
      <c r="CL29" s="263">
        <v>24</v>
      </c>
      <c r="CM29" s="257">
        <v>0</v>
      </c>
      <c r="CN29" s="261">
        <v>0</v>
      </c>
      <c r="CO29" s="258">
        <v>0</v>
      </c>
      <c r="CP29" s="260">
        <v>0</v>
      </c>
      <c r="CQ29" s="261">
        <v>0</v>
      </c>
      <c r="CR29" s="261">
        <v>0</v>
      </c>
      <c r="CS29" s="261">
        <v>0</v>
      </c>
      <c r="CT29" s="261">
        <v>1</v>
      </c>
      <c r="CU29" s="261">
        <v>0</v>
      </c>
      <c r="CV29" s="258">
        <v>1</v>
      </c>
      <c r="CW29" s="263">
        <v>1</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20</v>
      </c>
      <c r="AD30" s="261">
        <v>15</v>
      </c>
      <c r="AE30" s="261">
        <v>2</v>
      </c>
      <c r="AF30" s="261">
        <v>1</v>
      </c>
      <c r="AG30" s="261">
        <v>1</v>
      </c>
      <c r="AH30" s="258">
        <v>39</v>
      </c>
      <c r="AI30" s="263">
        <v>39</v>
      </c>
      <c r="AJ30" s="257">
        <v>0</v>
      </c>
      <c r="AK30" s="261">
        <v>0</v>
      </c>
      <c r="AL30" s="258">
        <v>0</v>
      </c>
      <c r="AM30" s="260">
        <v>0</v>
      </c>
      <c r="AN30" s="261">
        <v>1</v>
      </c>
      <c r="AO30" s="261">
        <v>1</v>
      </c>
      <c r="AP30" s="261">
        <v>1</v>
      </c>
      <c r="AQ30" s="261">
        <v>1</v>
      </c>
      <c r="AR30" s="261">
        <v>0</v>
      </c>
      <c r="AS30" s="258">
        <v>4</v>
      </c>
      <c r="AT30" s="263">
        <v>4</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1</v>
      </c>
      <c r="BK30" s="261">
        <v>5</v>
      </c>
      <c r="BL30" s="261">
        <v>2</v>
      </c>
      <c r="BM30" s="261">
        <v>4</v>
      </c>
      <c r="BN30" s="261">
        <v>3</v>
      </c>
      <c r="BO30" s="262">
        <v>15</v>
      </c>
      <c r="BP30" s="263">
        <v>15</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1</v>
      </c>
      <c r="CI30" s="261">
        <v>0</v>
      </c>
      <c r="CJ30" s="261">
        <v>0</v>
      </c>
      <c r="CK30" s="258">
        <v>1</v>
      </c>
      <c r="CL30" s="263">
        <v>1</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2</v>
      </c>
      <c r="H31" s="261">
        <v>0</v>
      </c>
      <c r="I31" s="261">
        <v>0</v>
      </c>
      <c r="J31" s="261">
        <v>0</v>
      </c>
      <c r="K31" s="261">
        <v>0</v>
      </c>
      <c r="L31" s="262">
        <v>2</v>
      </c>
      <c r="M31" s="263">
        <v>2</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19</v>
      </c>
      <c r="AD31" s="261">
        <v>17</v>
      </c>
      <c r="AE31" s="261">
        <v>6</v>
      </c>
      <c r="AF31" s="261">
        <v>3</v>
      </c>
      <c r="AG31" s="261">
        <v>0</v>
      </c>
      <c r="AH31" s="258">
        <v>45</v>
      </c>
      <c r="AI31" s="263">
        <v>45</v>
      </c>
      <c r="AJ31" s="257">
        <v>0</v>
      </c>
      <c r="AK31" s="261">
        <v>0</v>
      </c>
      <c r="AL31" s="258">
        <v>0</v>
      </c>
      <c r="AM31" s="260">
        <v>0</v>
      </c>
      <c r="AN31" s="261">
        <v>1</v>
      </c>
      <c r="AO31" s="261">
        <v>0</v>
      </c>
      <c r="AP31" s="261">
        <v>0</v>
      </c>
      <c r="AQ31" s="261">
        <v>0</v>
      </c>
      <c r="AR31" s="261">
        <v>0</v>
      </c>
      <c r="AS31" s="258">
        <v>1</v>
      </c>
      <c r="AT31" s="263">
        <v>1</v>
      </c>
      <c r="AU31" s="257">
        <v>0</v>
      </c>
      <c r="AV31" s="261">
        <v>2</v>
      </c>
      <c r="AW31" s="258">
        <v>2</v>
      </c>
      <c r="AX31" s="260">
        <v>0</v>
      </c>
      <c r="AY31" s="261">
        <v>10</v>
      </c>
      <c r="AZ31" s="261">
        <v>3</v>
      </c>
      <c r="BA31" s="261">
        <v>7</v>
      </c>
      <c r="BB31" s="261">
        <v>3</v>
      </c>
      <c r="BC31" s="261">
        <v>1</v>
      </c>
      <c r="BD31" s="258">
        <v>24</v>
      </c>
      <c r="BE31" s="263">
        <v>26</v>
      </c>
      <c r="BF31" s="257">
        <v>0</v>
      </c>
      <c r="BG31" s="261">
        <v>0</v>
      </c>
      <c r="BH31" s="258">
        <v>0</v>
      </c>
      <c r="BI31" s="260">
        <v>0</v>
      </c>
      <c r="BJ31" s="261">
        <v>4</v>
      </c>
      <c r="BK31" s="261">
        <v>5</v>
      </c>
      <c r="BL31" s="261">
        <v>8</v>
      </c>
      <c r="BM31" s="261">
        <v>5</v>
      </c>
      <c r="BN31" s="261">
        <v>1</v>
      </c>
      <c r="BO31" s="262">
        <v>23</v>
      </c>
      <c r="BP31" s="263">
        <v>23</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12</v>
      </c>
      <c r="CI31" s="261">
        <v>7</v>
      </c>
      <c r="CJ31" s="261">
        <v>5</v>
      </c>
      <c r="CK31" s="258">
        <v>24</v>
      </c>
      <c r="CL31" s="263">
        <v>24</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2</v>
      </c>
      <c r="I32" s="261">
        <v>1</v>
      </c>
      <c r="J32" s="261">
        <v>0</v>
      </c>
      <c r="K32" s="261">
        <v>0</v>
      </c>
      <c r="L32" s="262">
        <v>3</v>
      </c>
      <c r="M32" s="263">
        <v>3</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6</v>
      </c>
      <c r="AD32" s="261">
        <v>7</v>
      </c>
      <c r="AE32" s="261">
        <v>10</v>
      </c>
      <c r="AF32" s="261">
        <v>3</v>
      </c>
      <c r="AG32" s="261">
        <v>0</v>
      </c>
      <c r="AH32" s="258">
        <v>46</v>
      </c>
      <c r="AI32" s="263">
        <v>46</v>
      </c>
      <c r="AJ32" s="257">
        <v>0</v>
      </c>
      <c r="AK32" s="261">
        <v>0</v>
      </c>
      <c r="AL32" s="258">
        <v>0</v>
      </c>
      <c r="AM32" s="260">
        <v>0</v>
      </c>
      <c r="AN32" s="261">
        <v>2</v>
      </c>
      <c r="AO32" s="261">
        <v>3</v>
      </c>
      <c r="AP32" s="261">
        <v>1</v>
      </c>
      <c r="AQ32" s="261">
        <v>0</v>
      </c>
      <c r="AR32" s="261">
        <v>0</v>
      </c>
      <c r="AS32" s="258">
        <v>6</v>
      </c>
      <c r="AT32" s="263">
        <v>6</v>
      </c>
      <c r="AU32" s="257">
        <v>0</v>
      </c>
      <c r="AV32" s="261">
        <v>0</v>
      </c>
      <c r="AW32" s="258">
        <v>0</v>
      </c>
      <c r="AX32" s="260">
        <v>0</v>
      </c>
      <c r="AY32" s="261">
        <v>0</v>
      </c>
      <c r="AZ32" s="261">
        <v>0</v>
      </c>
      <c r="BA32" s="261">
        <v>0</v>
      </c>
      <c r="BB32" s="261">
        <v>1</v>
      </c>
      <c r="BC32" s="261">
        <v>0</v>
      </c>
      <c r="BD32" s="258">
        <v>1</v>
      </c>
      <c r="BE32" s="263">
        <v>1</v>
      </c>
      <c r="BF32" s="257">
        <v>0</v>
      </c>
      <c r="BG32" s="261">
        <v>0</v>
      </c>
      <c r="BH32" s="258">
        <v>0</v>
      </c>
      <c r="BI32" s="260">
        <v>0</v>
      </c>
      <c r="BJ32" s="261">
        <v>5</v>
      </c>
      <c r="BK32" s="261">
        <v>6</v>
      </c>
      <c r="BL32" s="261">
        <v>3</v>
      </c>
      <c r="BM32" s="261">
        <v>5</v>
      </c>
      <c r="BN32" s="261">
        <v>1</v>
      </c>
      <c r="BO32" s="262">
        <v>20</v>
      </c>
      <c r="BP32" s="263">
        <v>20</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2</v>
      </c>
      <c r="I33" s="261">
        <v>0</v>
      </c>
      <c r="J33" s="261">
        <v>0</v>
      </c>
      <c r="K33" s="261">
        <v>0</v>
      </c>
      <c r="L33" s="262">
        <v>2</v>
      </c>
      <c r="M33" s="263">
        <v>2</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32</v>
      </c>
      <c r="AD33" s="261">
        <v>16</v>
      </c>
      <c r="AE33" s="261">
        <v>7</v>
      </c>
      <c r="AF33" s="261">
        <v>4</v>
      </c>
      <c r="AG33" s="261">
        <v>0</v>
      </c>
      <c r="AH33" s="258">
        <v>59</v>
      </c>
      <c r="AI33" s="263">
        <v>59</v>
      </c>
      <c r="AJ33" s="257">
        <v>0</v>
      </c>
      <c r="AK33" s="261">
        <v>0</v>
      </c>
      <c r="AL33" s="258">
        <v>0</v>
      </c>
      <c r="AM33" s="260">
        <v>0</v>
      </c>
      <c r="AN33" s="261">
        <v>0</v>
      </c>
      <c r="AO33" s="261">
        <v>0</v>
      </c>
      <c r="AP33" s="261">
        <v>1</v>
      </c>
      <c r="AQ33" s="261">
        <v>1</v>
      </c>
      <c r="AR33" s="261">
        <v>1</v>
      </c>
      <c r="AS33" s="258">
        <v>3</v>
      </c>
      <c r="AT33" s="263">
        <v>3</v>
      </c>
      <c r="AU33" s="257">
        <v>0</v>
      </c>
      <c r="AV33" s="261">
        <v>1</v>
      </c>
      <c r="AW33" s="258">
        <v>1</v>
      </c>
      <c r="AX33" s="260">
        <v>0</v>
      </c>
      <c r="AY33" s="261">
        <v>7</v>
      </c>
      <c r="AZ33" s="261">
        <v>5</v>
      </c>
      <c r="BA33" s="261">
        <v>5</v>
      </c>
      <c r="BB33" s="261">
        <v>5</v>
      </c>
      <c r="BC33" s="261">
        <v>0</v>
      </c>
      <c r="BD33" s="258">
        <v>22</v>
      </c>
      <c r="BE33" s="263">
        <v>23</v>
      </c>
      <c r="BF33" s="257">
        <v>0</v>
      </c>
      <c r="BG33" s="261">
        <v>0</v>
      </c>
      <c r="BH33" s="258">
        <v>0</v>
      </c>
      <c r="BI33" s="260">
        <v>0</v>
      </c>
      <c r="BJ33" s="261">
        <v>8</v>
      </c>
      <c r="BK33" s="261">
        <v>9</v>
      </c>
      <c r="BL33" s="261">
        <v>11</v>
      </c>
      <c r="BM33" s="261">
        <v>10</v>
      </c>
      <c r="BN33" s="261">
        <v>5</v>
      </c>
      <c r="BO33" s="262">
        <v>43</v>
      </c>
      <c r="BP33" s="263">
        <v>4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1</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2</v>
      </c>
      <c r="H34" s="261">
        <v>2</v>
      </c>
      <c r="I34" s="261">
        <v>1</v>
      </c>
      <c r="J34" s="261">
        <v>0</v>
      </c>
      <c r="K34" s="261">
        <v>0</v>
      </c>
      <c r="L34" s="262">
        <v>5</v>
      </c>
      <c r="M34" s="263">
        <v>5</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4</v>
      </c>
      <c r="AD34" s="261">
        <v>30</v>
      </c>
      <c r="AE34" s="261">
        <v>10</v>
      </c>
      <c r="AF34" s="261">
        <v>5</v>
      </c>
      <c r="AG34" s="261">
        <v>2</v>
      </c>
      <c r="AH34" s="258">
        <v>81</v>
      </c>
      <c r="AI34" s="263">
        <v>81</v>
      </c>
      <c r="AJ34" s="257">
        <v>0</v>
      </c>
      <c r="AK34" s="261">
        <v>0</v>
      </c>
      <c r="AL34" s="258">
        <v>0</v>
      </c>
      <c r="AM34" s="260">
        <v>0</v>
      </c>
      <c r="AN34" s="261">
        <v>6</v>
      </c>
      <c r="AO34" s="261">
        <v>1</v>
      </c>
      <c r="AP34" s="261">
        <v>1</v>
      </c>
      <c r="AQ34" s="261">
        <v>0</v>
      </c>
      <c r="AR34" s="261">
        <v>1</v>
      </c>
      <c r="AS34" s="258">
        <v>9</v>
      </c>
      <c r="AT34" s="263">
        <v>9</v>
      </c>
      <c r="AU34" s="257">
        <v>1</v>
      </c>
      <c r="AV34" s="261">
        <v>4</v>
      </c>
      <c r="AW34" s="258">
        <v>5</v>
      </c>
      <c r="AX34" s="260">
        <v>0</v>
      </c>
      <c r="AY34" s="261">
        <v>9</v>
      </c>
      <c r="AZ34" s="261">
        <v>2</v>
      </c>
      <c r="BA34" s="261">
        <v>3</v>
      </c>
      <c r="BB34" s="261">
        <v>3</v>
      </c>
      <c r="BC34" s="261">
        <v>0</v>
      </c>
      <c r="BD34" s="258">
        <v>17</v>
      </c>
      <c r="BE34" s="263">
        <v>22</v>
      </c>
      <c r="BF34" s="257">
        <v>0</v>
      </c>
      <c r="BG34" s="261">
        <v>0</v>
      </c>
      <c r="BH34" s="258">
        <v>0</v>
      </c>
      <c r="BI34" s="260">
        <v>0</v>
      </c>
      <c r="BJ34" s="261">
        <v>3</v>
      </c>
      <c r="BK34" s="261">
        <v>4</v>
      </c>
      <c r="BL34" s="261">
        <v>8</v>
      </c>
      <c r="BM34" s="261">
        <v>7</v>
      </c>
      <c r="BN34" s="261">
        <v>7</v>
      </c>
      <c r="BO34" s="262">
        <v>29</v>
      </c>
      <c r="BP34" s="263">
        <v>29</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1</v>
      </c>
      <c r="CG34" s="261">
        <v>0</v>
      </c>
      <c r="CH34" s="261">
        <v>12</v>
      </c>
      <c r="CI34" s="261">
        <v>7</v>
      </c>
      <c r="CJ34" s="261">
        <v>5</v>
      </c>
      <c r="CK34" s="258">
        <v>25</v>
      </c>
      <c r="CL34" s="263">
        <v>25</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23</v>
      </c>
      <c r="AD35" s="261">
        <v>16</v>
      </c>
      <c r="AE35" s="261">
        <v>11</v>
      </c>
      <c r="AF35" s="261">
        <v>1</v>
      </c>
      <c r="AG35" s="261">
        <v>2</v>
      </c>
      <c r="AH35" s="258">
        <v>53</v>
      </c>
      <c r="AI35" s="263">
        <v>53</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1</v>
      </c>
      <c r="BH35" s="258">
        <v>1</v>
      </c>
      <c r="BI35" s="260">
        <v>0</v>
      </c>
      <c r="BJ35" s="261">
        <v>4</v>
      </c>
      <c r="BK35" s="261">
        <v>3</v>
      </c>
      <c r="BL35" s="261">
        <v>7</v>
      </c>
      <c r="BM35" s="261">
        <v>0</v>
      </c>
      <c r="BN35" s="261">
        <v>2</v>
      </c>
      <c r="BO35" s="262">
        <v>16</v>
      </c>
      <c r="BP35" s="263">
        <v>17</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4</v>
      </c>
      <c r="CR35" s="261">
        <v>3</v>
      </c>
      <c r="CS35" s="261">
        <v>4</v>
      </c>
      <c r="CT35" s="261">
        <v>3</v>
      </c>
      <c r="CU35" s="261">
        <v>7</v>
      </c>
      <c r="CV35" s="258">
        <v>21</v>
      </c>
      <c r="CW35" s="263">
        <v>21</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3</v>
      </c>
      <c r="AD36" s="261">
        <v>8</v>
      </c>
      <c r="AE36" s="261">
        <v>2</v>
      </c>
      <c r="AF36" s="261">
        <v>3</v>
      </c>
      <c r="AG36" s="261">
        <v>1</v>
      </c>
      <c r="AH36" s="258">
        <v>27</v>
      </c>
      <c r="AI36" s="263">
        <v>27</v>
      </c>
      <c r="AJ36" s="257">
        <v>0</v>
      </c>
      <c r="AK36" s="261">
        <v>0</v>
      </c>
      <c r="AL36" s="258">
        <v>0</v>
      </c>
      <c r="AM36" s="260">
        <v>0</v>
      </c>
      <c r="AN36" s="261">
        <v>0</v>
      </c>
      <c r="AO36" s="261">
        <v>0</v>
      </c>
      <c r="AP36" s="261">
        <v>0</v>
      </c>
      <c r="AQ36" s="261">
        <v>0</v>
      </c>
      <c r="AR36" s="261">
        <v>1</v>
      </c>
      <c r="AS36" s="258">
        <v>1</v>
      </c>
      <c r="AT36" s="263">
        <v>1</v>
      </c>
      <c r="AU36" s="257">
        <v>1</v>
      </c>
      <c r="AV36" s="261">
        <v>1</v>
      </c>
      <c r="AW36" s="258">
        <v>2</v>
      </c>
      <c r="AX36" s="260">
        <v>0</v>
      </c>
      <c r="AY36" s="261">
        <v>10</v>
      </c>
      <c r="AZ36" s="261">
        <v>9</v>
      </c>
      <c r="BA36" s="261">
        <v>7</v>
      </c>
      <c r="BB36" s="261">
        <v>1</v>
      </c>
      <c r="BC36" s="261">
        <v>0</v>
      </c>
      <c r="BD36" s="258">
        <v>27</v>
      </c>
      <c r="BE36" s="263">
        <v>29</v>
      </c>
      <c r="BF36" s="257">
        <v>0</v>
      </c>
      <c r="BG36" s="261">
        <v>0</v>
      </c>
      <c r="BH36" s="258">
        <v>0</v>
      </c>
      <c r="BI36" s="260">
        <v>0</v>
      </c>
      <c r="BJ36" s="261">
        <v>0</v>
      </c>
      <c r="BK36" s="261">
        <v>1</v>
      </c>
      <c r="BL36" s="261">
        <v>0</v>
      </c>
      <c r="BM36" s="261">
        <v>0</v>
      </c>
      <c r="BN36" s="261">
        <v>1</v>
      </c>
      <c r="BO36" s="262">
        <v>2</v>
      </c>
      <c r="BP36" s="263">
        <v>2</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8</v>
      </c>
      <c r="CR36" s="261">
        <v>6</v>
      </c>
      <c r="CS36" s="261">
        <v>7</v>
      </c>
      <c r="CT36" s="261">
        <v>3</v>
      </c>
      <c r="CU36" s="261">
        <v>2</v>
      </c>
      <c r="CV36" s="258">
        <v>26</v>
      </c>
      <c r="CW36" s="263">
        <v>26</v>
      </c>
    </row>
    <row r="37" spans="2:101" ht="21" customHeight="1" x14ac:dyDescent="0.2">
      <c r="B37" s="472" t="s">
        <v>35</v>
      </c>
      <c r="C37" s="257">
        <v>0</v>
      </c>
      <c r="D37" s="258">
        <v>0</v>
      </c>
      <c r="E37" s="259">
        <v>0</v>
      </c>
      <c r="F37" s="260">
        <v>0</v>
      </c>
      <c r="G37" s="261">
        <v>0</v>
      </c>
      <c r="H37" s="261">
        <v>0</v>
      </c>
      <c r="I37" s="261">
        <v>1</v>
      </c>
      <c r="J37" s="261">
        <v>1</v>
      </c>
      <c r="K37" s="261">
        <v>0</v>
      </c>
      <c r="L37" s="262">
        <v>2</v>
      </c>
      <c r="M37" s="263">
        <v>2</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17</v>
      </c>
      <c r="AD37" s="261">
        <v>19</v>
      </c>
      <c r="AE37" s="261">
        <v>9</v>
      </c>
      <c r="AF37" s="261">
        <v>17</v>
      </c>
      <c r="AG37" s="261">
        <v>2</v>
      </c>
      <c r="AH37" s="258">
        <v>64</v>
      </c>
      <c r="AI37" s="263">
        <v>64</v>
      </c>
      <c r="AJ37" s="257">
        <v>0</v>
      </c>
      <c r="AK37" s="261">
        <v>0</v>
      </c>
      <c r="AL37" s="258">
        <v>0</v>
      </c>
      <c r="AM37" s="260">
        <v>0</v>
      </c>
      <c r="AN37" s="261">
        <v>1</v>
      </c>
      <c r="AO37" s="261">
        <v>0</v>
      </c>
      <c r="AP37" s="261">
        <v>0</v>
      </c>
      <c r="AQ37" s="261">
        <v>0</v>
      </c>
      <c r="AR37" s="261">
        <v>0</v>
      </c>
      <c r="AS37" s="258">
        <v>1</v>
      </c>
      <c r="AT37" s="263">
        <v>1</v>
      </c>
      <c r="AU37" s="257">
        <v>4</v>
      </c>
      <c r="AV37" s="261">
        <v>2</v>
      </c>
      <c r="AW37" s="258">
        <v>6</v>
      </c>
      <c r="AX37" s="260">
        <v>0</v>
      </c>
      <c r="AY37" s="261">
        <v>14</v>
      </c>
      <c r="AZ37" s="261">
        <v>9</v>
      </c>
      <c r="BA37" s="261">
        <v>11</v>
      </c>
      <c r="BB37" s="261">
        <v>3</v>
      </c>
      <c r="BC37" s="261">
        <v>2</v>
      </c>
      <c r="BD37" s="258">
        <v>39</v>
      </c>
      <c r="BE37" s="263">
        <v>45</v>
      </c>
      <c r="BF37" s="257">
        <v>0</v>
      </c>
      <c r="BG37" s="261">
        <v>1</v>
      </c>
      <c r="BH37" s="258">
        <v>1</v>
      </c>
      <c r="BI37" s="260">
        <v>0</v>
      </c>
      <c r="BJ37" s="261">
        <v>14</v>
      </c>
      <c r="BK37" s="261">
        <v>16</v>
      </c>
      <c r="BL37" s="261">
        <v>14</v>
      </c>
      <c r="BM37" s="261">
        <v>12</v>
      </c>
      <c r="BN37" s="261">
        <v>6</v>
      </c>
      <c r="BO37" s="262">
        <v>62</v>
      </c>
      <c r="BP37" s="263">
        <v>63</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1</v>
      </c>
      <c r="I38" s="261">
        <v>0</v>
      </c>
      <c r="J38" s="261">
        <v>0</v>
      </c>
      <c r="K38" s="261">
        <v>0</v>
      </c>
      <c r="L38" s="262">
        <v>1</v>
      </c>
      <c r="M38" s="263">
        <v>1</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67</v>
      </c>
      <c r="AD38" s="261">
        <v>43</v>
      </c>
      <c r="AE38" s="261">
        <v>25</v>
      </c>
      <c r="AF38" s="261">
        <v>12</v>
      </c>
      <c r="AG38" s="261">
        <v>13</v>
      </c>
      <c r="AH38" s="258">
        <v>160</v>
      </c>
      <c r="AI38" s="263">
        <v>160</v>
      </c>
      <c r="AJ38" s="257">
        <v>0</v>
      </c>
      <c r="AK38" s="261">
        <v>0</v>
      </c>
      <c r="AL38" s="258">
        <v>0</v>
      </c>
      <c r="AM38" s="260">
        <v>0</v>
      </c>
      <c r="AN38" s="261">
        <v>0</v>
      </c>
      <c r="AO38" s="261">
        <v>0</v>
      </c>
      <c r="AP38" s="261">
        <v>0</v>
      </c>
      <c r="AQ38" s="261">
        <v>0</v>
      </c>
      <c r="AR38" s="261">
        <v>0</v>
      </c>
      <c r="AS38" s="258">
        <v>0</v>
      </c>
      <c r="AT38" s="263">
        <v>0</v>
      </c>
      <c r="AU38" s="257">
        <v>0</v>
      </c>
      <c r="AV38" s="261">
        <v>4</v>
      </c>
      <c r="AW38" s="258">
        <v>4</v>
      </c>
      <c r="AX38" s="260">
        <v>0</v>
      </c>
      <c r="AY38" s="261">
        <v>11</v>
      </c>
      <c r="AZ38" s="261">
        <v>15</v>
      </c>
      <c r="BA38" s="261">
        <v>11</v>
      </c>
      <c r="BB38" s="261">
        <v>3</v>
      </c>
      <c r="BC38" s="261">
        <v>1</v>
      </c>
      <c r="BD38" s="258">
        <v>41</v>
      </c>
      <c r="BE38" s="263">
        <v>45</v>
      </c>
      <c r="BF38" s="257">
        <v>0</v>
      </c>
      <c r="BG38" s="261">
        <v>0</v>
      </c>
      <c r="BH38" s="258">
        <v>0</v>
      </c>
      <c r="BI38" s="260">
        <v>0</v>
      </c>
      <c r="BJ38" s="261">
        <v>5</v>
      </c>
      <c r="BK38" s="261">
        <v>16</v>
      </c>
      <c r="BL38" s="261">
        <v>10</v>
      </c>
      <c r="BM38" s="261">
        <v>10</v>
      </c>
      <c r="BN38" s="261">
        <v>5</v>
      </c>
      <c r="BO38" s="262">
        <v>46</v>
      </c>
      <c r="BP38" s="263">
        <v>46</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1</v>
      </c>
      <c r="CU38" s="261">
        <v>0</v>
      </c>
      <c r="CV38" s="258">
        <v>1</v>
      </c>
      <c r="CW38" s="263">
        <v>1</v>
      </c>
    </row>
    <row r="39" spans="2:101" ht="21" customHeight="1" thickBot="1" x14ac:dyDescent="0.25">
      <c r="B39" s="473" t="s">
        <v>37</v>
      </c>
      <c r="C39" s="264">
        <v>0</v>
      </c>
      <c r="D39" s="265">
        <v>0</v>
      </c>
      <c r="E39" s="266">
        <v>0</v>
      </c>
      <c r="F39" s="267">
        <v>0</v>
      </c>
      <c r="G39" s="268">
        <v>0</v>
      </c>
      <c r="H39" s="268">
        <v>0</v>
      </c>
      <c r="I39" s="268">
        <v>0</v>
      </c>
      <c r="J39" s="268">
        <v>1</v>
      </c>
      <c r="K39" s="268">
        <v>0</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11</v>
      </c>
      <c r="AD39" s="268">
        <v>8</v>
      </c>
      <c r="AE39" s="268">
        <v>7</v>
      </c>
      <c r="AF39" s="268">
        <v>1</v>
      </c>
      <c r="AG39" s="268">
        <v>2</v>
      </c>
      <c r="AH39" s="265">
        <v>29</v>
      </c>
      <c r="AI39" s="270">
        <v>29</v>
      </c>
      <c r="AJ39" s="264">
        <v>0</v>
      </c>
      <c r="AK39" s="268">
        <v>0</v>
      </c>
      <c r="AL39" s="265">
        <v>0</v>
      </c>
      <c r="AM39" s="267">
        <v>0</v>
      </c>
      <c r="AN39" s="268">
        <v>1</v>
      </c>
      <c r="AO39" s="268">
        <v>0</v>
      </c>
      <c r="AP39" s="268">
        <v>0</v>
      </c>
      <c r="AQ39" s="268">
        <v>1</v>
      </c>
      <c r="AR39" s="268">
        <v>1</v>
      </c>
      <c r="AS39" s="265">
        <v>3</v>
      </c>
      <c r="AT39" s="270">
        <v>3</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1</v>
      </c>
      <c r="BK39" s="268">
        <v>0</v>
      </c>
      <c r="BL39" s="268">
        <v>3</v>
      </c>
      <c r="BM39" s="268">
        <v>3</v>
      </c>
      <c r="BN39" s="268">
        <v>1</v>
      </c>
      <c r="BO39" s="269">
        <v>8</v>
      </c>
      <c r="BP39" s="270">
        <v>8</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8.554687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500">
        <f>第１表!F2</f>
        <v>5</v>
      </c>
      <c r="J1" s="500"/>
      <c r="K1" s="235">
        <f>第１表!G2</f>
        <v>11</v>
      </c>
      <c r="L1" s="505">
        <f>IF(K1&lt;3,K1+12-2,K1-2)</f>
        <v>9</v>
      </c>
      <c r="M1" s="505"/>
    </row>
    <row r="2" spans="1:101" s="272" customFormat="1" ht="24" customHeight="1" thickBot="1" x14ac:dyDescent="0.25">
      <c r="A2" s="39"/>
      <c r="B2" s="271" t="s">
        <v>130</v>
      </c>
    </row>
    <row r="3" spans="1:101" ht="21" customHeight="1" thickBot="1" x14ac:dyDescent="0.25">
      <c r="B3" s="513"/>
      <c r="C3" s="516" t="s">
        <v>94</v>
      </c>
      <c r="D3" s="517"/>
      <c r="E3" s="517"/>
      <c r="F3" s="517"/>
      <c r="G3" s="517"/>
      <c r="H3" s="517"/>
      <c r="I3" s="517"/>
      <c r="J3" s="517"/>
      <c r="K3" s="517"/>
      <c r="L3" s="517"/>
      <c r="M3" s="518"/>
      <c r="N3" s="516" t="s">
        <v>88</v>
      </c>
      <c r="O3" s="517"/>
      <c r="P3" s="517"/>
      <c r="Q3" s="517"/>
      <c r="R3" s="517"/>
      <c r="S3" s="517"/>
      <c r="T3" s="517"/>
      <c r="U3" s="517"/>
      <c r="V3" s="517"/>
      <c r="W3" s="517"/>
      <c r="X3" s="518"/>
      <c r="Y3" s="516" t="s">
        <v>141</v>
      </c>
      <c r="Z3" s="517"/>
      <c r="AA3" s="517"/>
      <c r="AB3" s="517"/>
      <c r="AC3" s="517"/>
      <c r="AD3" s="517"/>
      <c r="AE3" s="517"/>
      <c r="AF3" s="517"/>
      <c r="AG3" s="517"/>
      <c r="AH3" s="517"/>
      <c r="AI3" s="518"/>
      <c r="AJ3" s="516" t="s">
        <v>90</v>
      </c>
      <c r="AK3" s="517"/>
      <c r="AL3" s="517"/>
      <c r="AM3" s="517"/>
      <c r="AN3" s="517"/>
      <c r="AO3" s="517"/>
      <c r="AP3" s="517"/>
      <c r="AQ3" s="517"/>
      <c r="AR3" s="517"/>
      <c r="AS3" s="517"/>
      <c r="AT3" s="518"/>
      <c r="AU3" s="522" t="s">
        <v>89</v>
      </c>
      <c r="AV3" s="523"/>
      <c r="AW3" s="523"/>
      <c r="AX3" s="523"/>
      <c r="AY3" s="523"/>
      <c r="AZ3" s="523"/>
      <c r="BA3" s="523"/>
      <c r="BB3" s="523"/>
      <c r="BC3" s="523"/>
      <c r="BD3" s="523"/>
      <c r="BE3" s="524"/>
      <c r="BF3" s="522" t="s">
        <v>91</v>
      </c>
      <c r="BG3" s="523"/>
      <c r="BH3" s="523"/>
      <c r="BI3" s="523"/>
      <c r="BJ3" s="523"/>
      <c r="BK3" s="523"/>
      <c r="BL3" s="523"/>
      <c r="BM3" s="523"/>
      <c r="BN3" s="523"/>
      <c r="BO3" s="523"/>
      <c r="BP3" s="524"/>
      <c r="BQ3" s="522" t="s">
        <v>92</v>
      </c>
      <c r="BR3" s="523"/>
      <c r="BS3" s="523"/>
      <c r="BT3" s="523"/>
      <c r="BU3" s="523"/>
      <c r="BV3" s="523"/>
      <c r="BW3" s="523"/>
      <c r="BX3" s="523"/>
      <c r="BY3" s="523"/>
      <c r="BZ3" s="523"/>
      <c r="CA3" s="524"/>
      <c r="CB3" s="522" t="s">
        <v>93</v>
      </c>
      <c r="CC3" s="523"/>
      <c r="CD3" s="523"/>
      <c r="CE3" s="523"/>
      <c r="CF3" s="523"/>
      <c r="CG3" s="523"/>
      <c r="CH3" s="523"/>
      <c r="CI3" s="523"/>
      <c r="CJ3" s="523"/>
      <c r="CK3" s="523"/>
      <c r="CL3" s="524"/>
      <c r="CM3" s="523" t="s">
        <v>140</v>
      </c>
      <c r="CN3" s="523"/>
      <c r="CO3" s="523"/>
      <c r="CP3" s="523"/>
      <c r="CQ3" s="523"/>
      <c r="CR3" s="523"/>
      <c r="CS3" s="523"/>
      <c r="CT3" s="523"/>
      <c r="CU3" s="523"/>
      <c r="CV3" s="523"/>
      <c r="CW3" s="524"/>
    </row>
    <row r="4" spans="1:101"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38" t="s">
        <v>61</v>
      </c>
      <c r="AV4" s="536"/>
      <c r="AW4" s="537"/>
      <c r="AX4" s="535" t="s">
        <v>62</v>
      </c>
      <c r="AY4" s="536"/>
      <c r="AZ4" s="536"/>
      <c r="BA4" s="536"/>
      <c r="BB4" s="536"/>
      <c r="BC4" s="536"/>
      <c r="BD4" s="537"/>
      <c r="BE4" s="539" t="s">
        <v>52</v>
      </c>
      <c r="BF4" s="538" t="s">
        <v>61</v>
      </c>
      <c r="BG4" s="536"/>
      <c r="BH4" s="537"/>
      <c r="BI4" s="535" t="s">
        <v>62</v>
      </c>
      <c r="BJ4" s="536"/>
      <c r="BK4" s="536"/>
      <c r="BL4" s="536"/>
      <c r="BM4" s="536"/>
      <c r="BN4" s="536"/>
      <c r="BO4" s="537"/>
      <c r="BP4" s="539" t="s">
        <v>52</v>
      </c>
      <c r="BQ4" s="538" t="s">
        <v>61</v>
      </c>
      <c r="BR4" s="536"/>
      <c r="BS4" s="537"/>
      <c r="BT4" s="535" t="s">
        <v>62</v>
      </c>
      <c r="BU4" s="536"/>
      <c r="BV4" s="536"/>
      <c r="BW4" s="536"/>
      <c r="BX4" s="536"/>
      <c r="BY4" s="536"/>
      <c r="BZ4" s="537"/>
      <c r="CA4" s="539" t="s">
        <v>52</v>
      </c>
      <c r="CB4" s="538" t="s">
        <v>61</v>
      </c>
      <c r="CC4" s="536"/>
      <c r="CD4" s="537"/>
      <c r="CE4" s="535" t="s">
        <v>62</v>
      </c>
      <c r="CF4" s="536"/>
      <c r="CG4" s="536"/>
      <c r="CH4" s="536"/>
      <c r="CI4" s="536"/>
      <c r="CJ4" s="536"/>
      <c r="CK4" s="537"/>
      <c r="CL4" s="539" t="s">
        <v>52</v>
      </c>
      <c r="CM4" s="538" t="s">
        <v>61</v>
      </c>
      <c r="CN4" s="536"/>
      <c r="CO4" s="537"/>
      <c r="CP4" s="535" t="s">
        <v>62</v>
      </c>
      <c r="CQ4" s="536"/>
      <c r="CR4" s="536"/>
      <c r="CS4" s="536"/>
      <c r="CT4" s="536"/>
      <c r="CU4" s="536"/>
      <c r="CV4" s="537"/>
      <c r="CW4" s="539" t="s">
        <v>52</v>
      </c>
    </row>
    <row r="5" spans="1:101" ht="30" customHeight="1" thickBot="1" x14ac:dyDescent="0.25">
      <c r="B5" s="515"/>
      <c r="C5" s="301" t="s">
        <v>43</v>
      </c>
      <c r="D5" s="246" t="s">
        <v>44</v>
      </c>
      <c r="E5" s="247" t="s">
        <v>45</v>
      </c>
      <c r="F5" s="248" t="s">
        <v>83</v>
      </c>
      <c r="G5" s="243" t="s">
        <v>47</v>
      </c>
      <c r="H5" s="243" t="s">
        <v>48</v>
      </c>
      <c r="I5" s="243" t="s">
        <v>49</v>
      </c>
      <c r="J5" s="243" t="s">
        <v>50</v>
      </c>
      <c r="K5" s="243" t="s">
        <v>51</v>
      </c>
      <c r="L5" s="249" t="s">
        <v>45</v>
      </c>
      <c r="M5" s="507"/>
      <c r="N5" s="301" t="s">
        <v>43</v>
      </c>
      <c r="O5" s="243" t="s">
        <v>44</v>
      </c>
      <c r="P5" s="246" t="s">
        <v>45</v>
      </c>
      <c r="Q5" s="248" t="s">
        <v>83</v>
      </c>
      <c r="R5" s="243" t="s">
        <v>47</v>
      </c>
      <c r="S5" s="243" t="s">
        <v>48</v>
      </c>
      <c r="T5" s="243" t="s">
        <v>49</v>
      </c>
      <c r="U5" s="243" t="s">
        <v>50</v>
      </c>
      <c r="V5" s="243" t="s">
        <v>51</v>
      </c>
      <c r="W5" s="246" t="s">
        <v>45</v>
      </c>
      <c r="X5" s="507"/>
      <c r="Y5" s="301" t="s">
        <v>43</v>
      </c>
      <c r="Z5" s="243" t="s">
        <v>44</v>
      </c>
      <c r="AA5" s="246" t="s">
        <v>45</v>
      </c>
      <c r="AB5" s="248" t="s">
        <v>83</v>
      </c>
      <c r="AC5" s="243" t="s">
        <v>47</v>
      </c>
      <c r="AD5" s="243" t="s">
        <v>48</v>
      </c>
      <c r="AE5" s="243" t="s">
        <v>49</v>
      </c>
      <c r="AF5" s="243" t="s">
        <v>50</v>
      </c>
      <c r="AG5" s="243" t="s">
        <v>51</v>
      </c>
      <c r="AH5" s="246" t="s">
        <v>45</v>
      </c>
      <c r="AI5" s="507"/>
      <c r="AJ5" s="318" t="s">
        <v>43</v>
      </c>
      <c r="AK5" s="243" t="s">
        <v>44</v>
      </c>
      <c r="AL5" s="246" t="s">
        <v>45</v>
      </c>
      <c r="AM5" s="248" t="s">
        <v>83</v>
      </c>
      <c r="AN5" s="243" t="s">
        <v>47</v>
      </c>
      <c r="AO5" s="243" t="s">
        <v>48</v>
      </c>
      <c r="AP5" s="243" t="s">
        <v>49</v>
      </c>
      <c r="AQ5" s="243" t="s">
        <v>50</v>
      </c>
      <c r="AR5" s="243" t="s">
        <v>51</v>
      </c>
      <c r="AS5" s="246" t="s">
        <v>45</v>
      </c>
      <c r="AT5" s="507"/>
      <c r="AU5" s="318" t="s">
        <v>43</v>
      </c>
      <c r="AV5" s="243" t="s">
        <v>44</v>
      </c>
      <c r="AW5" s="246" t="s">
        <v>45</v>
      </c>
      <c r="AX5" s="248" t="s">
        <v>83</v>
      </c>
      <c r="AY5" s="243" t="s">
        <v>47</v>
      </c>
      <c r="AZ5" s="243" t="s">
        <v>48</v>
      </c>
      <c r="BA5" s="243" t="s">
        <v>49</v>
      </c>
      <c r="BB5" s="243" t="s">
        <v>50</v>
      </c>
      <c r="BC5" s="243" t="s">
        <v>51</v>
      </c>
      <c r="BD5" s="246" t="s">
        <v>45</v>
      </c>
      <c r="BE5" s="540"/>
      <c r="BF5" s="318" t="s">
        <v>43</v>
      </c>
      <c r="BG5" s="243" t="s">
        <v>44</v>
      </c>
      <c r="BH5" s="246" t="s">
        <v>45</v>
      </c>
      <c r="BI5" s="248" t="s">
        <v>83</v>
      </c>
      <c r="BJ5" s="243" t="s">
        <v>47</v>
      </c>
      <c r="BK5" s="243" t="s">
        <v>48</v>
      </c>
      <c r="BL5" s="243" t="s">
        <v>49</v>
      </c>
      <c r="BM5" s="243" t="s">
        <v>50</v>
      </c>
      <c r="BN5" s="243" t="s">
        <v>51</v>
      </c>
      <c r="BO5" s="246" t="s">
        <v>45</v>
      </c>
      <c r="BP5" s="540"/>
      <c r="BQ5" s="318" t="s">
        <v>43</v>
      </c>
      <c r="BR5" s="243" t="s">
        <v>44</v>
      </c>
      <c r="BS5" s="246" t="s">
        <v>45</v>
      </c>
      <c r="BT5" s="248" t="s">
        <v>83</v>
      </c>
      <c r="BU5" s="243" t="s">
        <v>47</v>
      </c>
      <c r="BV5" s="243" t="s">
        <v>48</v>
      </c>
      <c r="BW5" s="243" t="s">
        <v>49</v>
      </c>
      <c r="BX5" s="243" t="s">
        <v>50</v>
      </c>
      <c r="BY5" s="243" t="s">
        <v>51</v>
      </c>
      <c r="BZ5" s="246" t="s">
        <v>45</v>
      </c>
      <c r="CA5" s="540"/>
      <c r="CB5" s="318" t="s">
        <v>43</v>
      </c>
      <c r="CC5" s="243" t="s">
        <v>44</v>
      </c>
      <c r="CD5" s="246" t="s">
        <v>45</v>
      </c>
      <c r="CE5" s="248" t="s">
        <v>83</v>
      </c>
      <c r="CF5" s="243" t="s">
        <v>47</v>
      </c>
      <c r="CG5" s="243" t="s">
        <v>48</v>
      </c>
      <c r="CH5" s="243" t="s">
        <v>49</v>
      </c>
      <c r="CI5" s="243" t="s">
        <v>50</v>
      </c>
      <c r="CJ5" s="243" t="s">
        <v>51</v>
      </c>
      <c r="CK5" s="246" t="s">
        <v>45</v>
      </c>
      <c r="CL5" s="540"/>
      <c r="CM5" s="318" t="s">
        <v>43</v>
      </c>
      <c r="CN5" s="243" t="s">
        <v>44</v>
      </c>
      <c r="CO5" s="246" t="s">
        <v>45</v>
      </c>
      <c r="CP5" s="248" t="s">
        <v>83</v>
      </c>
      <c r="CQ5" s="243" t="s">
        <v>47</v>
      </c>
      <c r="CR5" s="243" t="s">
        <v>48</v>
      </c>
      <c r="CS5" s="243" t="s">
        <v>49</v>
      </c>
      <c r="CT5" s="243" t="s">
        <v>50</v>
      </c>
      <c r="CU5" s="243" t="s">
        <v>51</v>
      </c>
      <c r="CV5" s="246" t="s">
        <v>45</v>
      </c>
      <c r="CW5" s="540"/>
    </row>
    <row r="6" spans="1:101" ht="21" customHeight="1" x14ac:dyDescent="0.2">
      <c r="B6" s="470" t="s">
        <v>4</v>
      </c>
      <c r="C6" s="250">
        <v>0</v>
      </c>
      <c r="D6" s="251">
        <v>0</v>
      </c>
      <c r="E6" s="252">
        <v>0</v>
      </c>
      <c r="F6" s="253">
        <v>0</v>
      </c>
      <c r="G6" s="254">
        <v>19</v>
      </c>
      <c r="H6" s="254">
        <v>25</v>
      </c>
      <c r="I6" s="254">
        <v>26</v>
      </c>
      <c r="J6" s="254">
        <v>27</v>
      </c>
      <c r="K6" s="254">
        <v>19</v>
      </c>
      <c r="L6" s="255">
        <v>116</v>
      </c>
      <c r="M6" s="256">
        <v>116</v>
      </c>
      <c r="N6" s="250">
        <v>0</v>
      </c>
      <c r="O6" s="254">
        <v>0</v>
      </c>
      <c r="P6" s="251">
        <v>0</v>
      </c>
      <c r="Q6" s="253">
        <v>0</v>
      </c>
      <c r="R6" s="254">
        <v>13</v>
      </c>
      <c r="S6" s="254">
        <v>34</v>
      </c>
      <c r="T6" s="254">
        <v>32</v>
      </c>
      <c r="U6" s="254">
        <v>32</v>
      </c>
      <c r="V6" s="254">
        <v>23</v>
      </c>
      <c r="W6" s="251">
        <v>134</v>
      </c>
      <c r="X6" s="256">
        <v>134</v>
      </c>
      <c r="Y6" s="250">
        <v>0</v>
      </c>
      <c r="Z6" s="254">
        <v>0</v>
      </c>
      <c r="AA6" s="251">
        <v>0</v>
      </c>
      <c r="AB6" s="253">
        <v>0</v>
      </c>
      <c r="AC6" s="254">
        <v>951</v>
      </c>
      <c r="AD6" s="254">
        <v>819</v>
      </c>
      <c r="AE6" s="254">
        <v>371</v>
      </c>
      <c r="AF6" s="254">
        <v>167</v>
      </c>
      <c r="AG6" s="254">
        <v>71</v>
      </c>
      <c r="AH6" s="251">
        <v>2379</v>
      </c>
      <c r="AI6" s="256">
        <v>2379</v>
      </c>
      <c r="AJ6" s="250">
        <v>0</v>
      </c>
      <c r="AK6" s="254">
        <v>0</v>
      </c>
      <c r="AL6" s="251">
        <v>0</v>
      </c>
      <c r="AM6" s="253">
        <v>0</v>
      </c>
      <c r="AN6" s="254">
        <v>70</v>
      </c>
      <c r="AO6" s="254">
        <v>72</v>
      </c>
      <c r="AP6" s="254">
        <v>78</v>
      </c>
      <c r="AQ6" s="254">
        <v>38</v>
      </c>
      <c r="AR6" s="254">
        <v>20</v>
      </c>
      <c r="AS6" s="251">
        <v>278</v>
      </c>
      <c r="AT6" s="256">
        <v>278</v>
      </c>
      <c r="AU6" s="250">
        <v>13</v>
      </c>
      <c r="AV6" s="254">
        <v>8</v>
      </c>
      <c r="AW6" s="251">
        <v>21</v>
      </c>
      <c r="AX6" s="253">
        <v>0</v>
      </c>
      <c r="AY6" s="254">
        <v>73</v>
      </c>
      <c r="AZ6" s="254">
        <v>76</v>
      </c>
      <c r="BA6" s="254">
        <v>81</v>
      </c>
      <c r="BB6" s="254">
        <v>46</v>
      </c>
      <c r="BC6" s="254">
        <v>23</v>
      </c>
      <c r="BD6" s="251">
        <v>299</v>
      </c>
      <c r="BE6" s="256">
        <v>320</v>
      </c>
      <c r="BF6" s="250">
        <v>0</v>
      </c>
      <c r="BG6" s="254">
        <v>0</v>
      </c>
      <c r="BH6" s="251">
        <v>0</v>
      </c>
      <c r="BI6" s="253">
        <v>0</v>
      </c>
      <c r="BJ6" s="254">
        <v>101</v>
      </c>
      <c r="BK6" s="254">
        <v>153</v>
      </c>
      <c r="BL6" s="254">
        <v>165</v>
      </c>
      <c r="BM6" s="254">
        <v>102</v>
      </c>
      <c r="BN6" s="254">
        <v>64</v>
      </c>
      <c r="BO6" s="255">
        <v>585</v>
      </c>
      <c r="BP6" s="256">
        <v>585</v>
      </c>
      <c r="BQ6" s="250">
        <v>0</v>
      </c>
      <c r="BR6" s="254">
        <v>0</v>
      </c>
      <c r="BS6" s="251">
        <v>0</v>
      </c>
      <c r="BT6" s="253">
        <v>0</v>
      </c>
      <c r="BU6" s="254">
        <v>3</v>
      </c>
      <c r="BV6" s="254">
        <v>5</v>
      </c>
      <c r="BW6" s="254">
        <v>9</v>
      </c>
      <c r="BX6" s="254">
        <v>2</v>
      </c>
      <c r="BY6" s="254">
        <v>2</v>
      </c>
      <c r="BZ6" s="251">
        <v>21</v>
      </c>
      <c r="CA6" s="256">
        <v>21</v>
      </c>
      <c r="CB6" s="250">
        <v>0</v>
      </c>
      <c r="CC6" s="254">
        <v>0</v>
      </c>
      <c r="CD6" s="251">
        <v>0</v>
      </c>
      <c r="CE6" s="253">
        <v>0</v>
      </c>
      <c r="CF6" s="254">
        <v>0</v>
      </c>
      <c r="CG6" s="254">
        <v>3</v>
      </c>
      <c r="CH6" s="254">
        <v>17</v>
      </c>
      <c r="CI6" s="254">
        <v>22</v>
      </c>
      <c r="CJ6" s="254">
        <v>13</v>
      </c>
      <c r="CK6" s="251">
        <v>55</v>
      </c>
      <c r="CL6" s="256">
        <v>55</v>
      </c>
      <c r="CM6" s="250">
        <v>0</v>
      </c>
      <c r="CN6" s="254">
        <v>0</v>
      </c>
      <c r="CO6" s="251">
        <v>0</v>
      </c>
      <c r="CP6" s="253">
        <v>0</v>
      </c>
      <c r="CQ6" s="254">
        <v>21</v>
      </c>
      <c r="CR6" s="254">
        <v>15</v>
      </c>
      <c r="CS6" s="254">
        <v>19</v>
      </c>
      <c r="CT6" s="254">
        <v>34</v>
      </c>
      <c r="CU6" s="254">
        <v>30</v>
      </c>
      <c r="CV6" s="251">
        <v>119</v>
      </c>
      <c r="CW6" s="256">
        <v>119</v>
      </c>
    </row>
    <row r="7" spans="1:101" ht="21" customHeight="1" x14ac:dyDescent="0.2">
      <c r="B7" s="471" t="s">
        <v>5</v>
      </c>
      <c r="C7" s="257">
        <v>0</v>
      </c>
      <c r="D7" s="258">
        <v>0</v>
      </c>
      <c r="E7" s="259">
        <v>0</v>
      </c>
      <c r="F7" s="260">
        <v>0</v>
      </c>
      <c r="G7" s="261">
        <v>6</v>
      </c>
      <c r="H7" s="261">
        <v>13</v>
      </c>
      <c r="I7" s="261">
        <v>10</v>
      </c>
      <c r="J7" s="261">
        <v>17</v>
      </c>
      <c r="K7" s="261">
        <v>10</v>
      </c>
      <c r="L7" s="262">
        <v>56</v>
      </c>
      <c r="M7" s="263">
        <v>56</v>
      </c>
      <c r="N7" s="257">
        <v>0</v>
      </c>
      <c r="O7" s="261">
        <v>0</v>
      </c>
      <c r="P7" s="258">
        <v>0</v>
      </c>
      <c r="Q7" s="260">
        <v>0</v>
      </c>
      <c r="R7" s="261">
        <v>7</v>
      </c>
      <c r="S7" s="261">
        <v>27</v>
      </c>
      <c r="T7" s="261">
        <v>21</v>
      </c>
      <c r="U7" s="261">
        <v>29</v>
      </c>
      <c r="V7" s="261">
        <v>18</v>
      </c>
      <c r="W7" s="258">
        <v>102</v>
      </c>
      <c r="X7" s="263">
        <v>102</v>
      </c>
      <c r="Y7" s="257">
        <v>0</v>
      </c>
      <c r="Z7" s="261">
        <v>0</v>
      </c>
      <c r="AA7" s="258">
        <v>0</v>
      </c>
      <c r="AB7" s="260">
        <v>0</v>
      </c>
      <c r="AC7" s="261">
        <v>399</v>
      </c>
      <c r="AD7" s="261">
        <v>404</v>
      </c>
      <c r="AE7" s="261">
        <v>170</v>
      </c>
      <c r="AF7" s="261">
        <v>86</v>
      </c>
      <c r="AG7" s="261">
        <v>36</v>
      </c>
      <c r="AH7" s="258">
        <v>1095</v>
      </c>
      <c r="AI7" s="263">
        <v>1095</v>
      </c>
      <c r="AJ7" s="257">
        <v>0</v>
      </c>
      <c r="AK7" s="261">
        <v>0</v>
      </c>
      <c r="AL7" s="258">
        <v>0</v>
      </c>
      <c r="AM7" s="260">
        <v>0</v>
      </c>
      <c r="AN7" s="261">
        <v>35</v>
      </c>
      <c r="AO7" s="261">
        <v>35</v>
      </c>
      <c r="AP7" s="261">
        <v>40</v>
      </c>
      <c r="AQ7" s="261">
        <v>19</v>
      </c>
      <c r="AR7" s="261">
        <v>11</v>
      </c>
      <c r="AS7" s="258">
        <v>140</v>
      </c>
      <c r="AT7" s="263">
        <v>140</v>
      </c>
      <c r="AU7" s="257">
        <v>6</v>
      </c>
      <c r="AV7" s="261">
        <v>3</v>
      </c>
      <c r="AW7" s="258">
        <v>9</v>
      </c>
      <c r="AX7" s="260">
        <v>0</v>
      </c>
      <c r="AY7" s="261">
        <v>21</v>
      </c>
      <c r="AZ7" s="261">
        <v>35</v>
      </c>
      <c r="BA7" s="261">
        <v>28</v>
      </c>
      <c r="BB7" s="261">
        <v>18</v>
      </c>
      <c r="BC7" s="261">
        <v>10</v>
      </c>
      <c r="BD7" s="258">
        <v>112</v>
      </c>
      <c r="BE7" s="263">
        <v>121</v>
      </c>
      <c r="BF7" s="257">
        <v>0</v>
      </c>
      <c r="BG7" s="261">
        <v>0</v>
      </c>
      <c r="BH7" s="258">
        <v>0</v>
      </c>
      <c r="BI7" s="260">
        <v>0</v>
      </c>
      <c r="BJ7" s="261">
        <v>38</v>
      </c>
      <c r="BK7" s="261">
        <v>57</v>
      </c>
      <c r="BL7" s="261">
        <v>50</v>
      </c>
      <c r="BM7" s="261">
        <v>43</v>
      </c>
      <c r="BN7" s="261">
        <v>29</v>
      </c>
      <c r="BO7" s="262">
        <v>217</v>
      </c>
      <c r="BP7" s="263">
        <v>217</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3</v>
      </c>
      <c r="CI7" s="261">
        <v>3</v>
      </c>
      <c r="CJ7" s="261">
        <v>4</v>
      </c>
      <c r="CK7" s="258">
        <v>11</v>
      </c>
      <c r="CL7" s="263">
        <v>11</v>
      </c>
      <c r="CM7" s="257">
        <v>0</v>
      </c>
      <c r="CN7" s="261">
        <v>0</v>
      </c>
      <c r="CO7" s="258">
        <v>0</v>
      </c>
      <c r="CP7" s="260">
        <v>0</v>
      </c>
      <c r="CQ7" s="261">
        <v>4</v>
      </c>
      <c r="CR7" s="261">
        <v>3</v>
      </c>
      <c r="CS7" s="261">
        <v>5</v>
      </c>
      <c r="CT7" s="261">
        <v>9</v>
      </c>
      <c r="CU7" s="261">
        <v>15</v>
      </c>
      <c r="CV7" s="258">
        <v>36</v>
      </c>
      <c r="CW7" s="263">
        <v>36</v>
      </c>
    </row>
    <row r="8" spans="1:101" ht="21" customHeight="1" x14ac:dyDescent="0.2">
      <c r="B8" s="472" t="s">
        <v>6</v>
      </c>
      <c r="C8" s="257">
        <v>0</v>
      </c>
      <c r="D8" s="258">
        <v>0</v>
      </c>
      <c r="E8" s="259">
        <v>0</v>
      </c>
      <c r="F8" s="260">
        <v>0</v>
      </c>
      <c r="G8" s="261">
        <v>5</v>
      </c>
      <c r="H8" s="261">
        <v>2</v>
      </c>
      <c r="I8" s="261">
        <v>6</v>
      </c>
      <c r="J8" s="261">
        <v>6</v>
      </c>
      <c r="K8" s="261">
        <v>3</v>
      </c>
      <c r="L8" s="262">
        <v>22</v>
      </c>
      <c r="M8" s="263">
        <v>22</v>
      </c>
      <c r="N8" s="257">
        <v>0</v>
      </c>
      <c r="O8" s="261">
        <v>0</v>
      </c>
      <c r="P8" s="258">
        <v>0</v>
      </c>
      <c r="Q8" s="260">
        <v>0</v>
      </c>
      <c r="R8" s="261">
        <v>4</v>
      </c>
      <c r="S8" s="261">
        <v>7</v>
      </c>
      <c r="T8" s="261">
        <v>8</v>
      </c>
      <c r="U8" s="261">
        <v>3</v>
      </c>
      <c r="V8" s="261">
        <v>5</v>
      </c>
      <c r="W8" s="258">
        <v>27</v>
      </c>
      <c r="X8" s="263">
        <v>27</v>
      </c>
      <c r="Y8" s="257">
        <v>0</v>
      </c>
      <c r="Z8" s="261">
        <v>0</v>
      </c>
      <c r="AA8" s="258">
        <v>0</v>
      </c>
      <c r="AB8" s="260">
        <v>0</v>
      </c>
      <c r="AC8" s="261">
        <v>110</v>
      </c>
      <c r="AD8" s="261">
        <v>64</v>
      </c>
      <c r="AE8" s="261">
        <v>35</v>
      </c>
      <c r="AF8" s="261">
        <v>22</v>
      </c>
      <c r="AG8" s="261">
        <v>9</v>
      </c>
      <c r="AH8" s="258">
        <v>240</v>
      </c>
      <c r="AI8" s="263">
        <v>240</v>
      </c>
      <c r="AJ8" s="257">
        <v>0</v>
      </c>
      <c r="AK8" s="261">
        <v>0</v>
      </c>
      <c r="AL8" s="258">
        <v>0</v>
      </c>
      <c r="AM8" s="260">
        <v>0</v>
      </c>
      <c r="AN8" s="261">
        <v>15</v>
      </c>
      <c r="AO8" s="261">
        <v>9</v>
      </c>
      <c r="AP8" s="261">
        <v>14</v>
      </c>
      <c r="AQ8" s="261">
        <v>7</v>
      </c>
      <c r="AR8" s="261">
        <v>4</v>
      </c>
      <c r="AS8" s="258">
        <v>49</v>
      </c>
      <c r="AT8" s="263">
        <v>49</v>
      </c>
      <c r="AU8" s="257">
        <v>4</v>
      </c>
      <c r="AV8" s="261">
        <v>0</v>
      </c>
      <c r="AW8" s="258">
        <v>4</v>
      </c>
      <c r="AX8" s="260">
        <v>0</v>
      </c>
      <c r="AY8" s="261">
        <v>15</v>
      </c>
      <c r="AZ8" s="261">
        <v>10</v>
      </c>
      <c r="BA8" s="261">
        <v>7</v>
      </c>
      <c r="BB8" s="261">
        <v>9</v>
      </c>
      <c r="BC8" s="261">
        <v>3</v>
      </c>
      <c r="BD8" s="258">
        <v>44</v>
      </c>
      <c r="BE8" s="263">
        <v>48</v>
      </c>
      <c r="BF8" s="257">
        <v>0</v>
      </c>
      <c r="BG8" s="261">
        <v>0</v>
      </c>
      <c r="BH8" s="258">
        <v>0</v>
      </c>
      <c r="BI8" s="260">
        <v>0</v>
      </c>
      <c r="BJ8" s="261">
        <v>25</v>
      </c>
      <c r="BK8" s="261">
        <v>27</v>
      </c>
      <c r="BL8" s="261">
        <v>29</v>
      </c>
      <c r="BM8" s="261">
        <v>18</v>
      </c>
      <c r="BN8" s="261">
        <v>10</v>
      </c>
      <c r="BO8" s="262">
        <v>109</v>
      </c>
      <c r="BP8" s="263">
        <v>109</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0</v>
      </c>
      <c r="CG8" s="261">
        <v>0</v>
      </c>
      <c r="CH8" s="261">
        <v>3</v>
      </c>
      <c r="CI8" s="261">
        <v>6</v>
      </c>
      <c r="CJ8" s="261">
        <v>3</v>
      </c>
      <c r="CK8" s="258">
        <v>12</v>
      </c>
      <c r="CL8" s="263">
        <v>12</v>
      </c>
      <c r="CM8" s="257">
        <v>0</v>
      </c>
      <c r="CN8" s="261">
        <v>0</v>
      </c>
      <c r="CO8" s="258">
        <v>0</v>
      </c>
      <c r="CP8" s="260">
        <v>0</v>
      </c>
      <c r="CQ8" s="261">
        <v>9</v>
      </c>
      <c r="CR8" s="261">
        <v>4</v>
      </c>
      <c r="CS8" s="261">
        <v>2</v>
      </c>
      <c r="CT8" s="261">
        <v>5</v>
      </c>
      <c r="CU8" s="261">
        <v>3</v>
      </c>
      <c r="CV8" s="258">
        <v>23</v>
      </c>
      <c r="CW8" s="263">
        <v>23</v>
      </c>
    </row>
    <row r="9" spans="1:101" ht="21" customHeight="1" x14ac:dyDescent="0.2">
      <c r="B9" s="472" t="s">
        <v>14</v>
      </c>
      <c r="C9" s="257">
        <v>0</v>
      </c>
      <c r="D9" s="258">
        <v>0</v>
      </c>
      <c r="E9" s="259">
        <v>0</v>
      </c>
      <c r="F9" s="260">
        <v>0</v>
      </c>
      <c r="G9" s="261">
        <v>1</v>
      </c>
      <c r="H9" s="261">
        <v>2</v>
      </c>
      <c r="I9" s="261">
        <v>1</v>
      </c>
      <c r="J9" s="261">
        <v>0</v>
      </c>
      <c r="K9" s="261">
        <v>1</v>
      </c>
      <c r="L9" s="262">
        <v>5</v>
      </c>
      <c r="M9" s="263">
        <v>5</v>
      </c>
      <c r="N9" s="257">
        <v>0</v>
      </c>
      <c r="O9" s="261">
        <v>0</v>
      </c>
      <c r="P9" s="258">
        <v>0</v>
      </c>
      <c r="Q9" s="260">
        <v>0</v>
      </c>
      <c r="R9" s="261">
        <v>0</v>
      </c>
      <c r="S9" s="261">
        <v>0</v>
      </c>
      <c r="T9" s="261">
        <v>0</v>
      </c>
      <c r="U9" s="261">
        <v>0</v>
      </c>
      <c r="V9" s="261">
        <v>0</v>
      </c>
      <c r="W9" s="258">
        <v>0</v>
      </c>
      <c r="X9" s="263">
        <v>0</v>
      </c>
      <c r="Y9" s="257">
        <v>0</v>
      </c>
      <c r="Z9" s="261">
        <v>0</v>
      </c>
      <c r="AA9" s="258">
        <v>0</v>
      </c>
      <c r="AB9" s="260">
        <v>0</v>
      </c>
      <c r="AC9" s="261">
        <v>78</v>
      </c>
      <c r="AD9" s="261">
        <v>75</v>
      </c>
      <c r="AE9" s="261">
        <v>49</v>
      </c>
      <c r="AF9" s="261">
        <v>12</v>
      </c>
      <c r="AG9" s="261">
        <v>6</v>
      </c>
      <c r="AH9" s="258">
        <v>220</v>
      </c>
      <c r="AI9" s="263">
        <v>220</v>
      </c>
      <c r="AJ9" s="257">
        <v>0</v>
      </c>
      <c r="AK9" s="261">
        <v>0</v>
      </c>
      <c r="AL9" s="258">
        <v>0</v>
      </c>
      <c r="AM9" s="260">
        <v>0</v>
      </c>
      <c r="AN9" s="261">
        <v>0</v>
      </c>
      <c r="AO9" s="261">
        <v>4</v>
      </c>
      <c r="AP9" s="261">
        <v>2</v>
      </c>
      <c r="AQ9" s="261">
        <v>0</v>
      </c>
      <c r="AR9" s="261">
        <v>0</v>
      </c>
      <c r="AS9" s="258">
        <v>6</v>
      </c>
      <c r="AT9" s="263">
        <v>6</v>
      </c>
      <c r="AU9" s="257">
        <v>0</v>
      </c>
      <c r="AV9" s="261">
        <v>2</v>
      </c>
      <c r="AW9" s="258">
        <v>2</v>
      </c>
      <c r="AX9" s="260">
        <v>0</v>
      </c>
      <c r="AY9" s="261">
        <v>9</v>
      </c>
      <c r="AZ9" s="261">
        <v>6</v>
      </c>
      <c r="BA9" s="261">
        <v>6</v>
      </c>
      <c r="BB9" s="261">
        <v>2</v>
      </c>
      <c r="BC9" s="261">
        <v>2</v>
      </c>
      <c r="BD9" s="258">
        <v>25</v>
      </c>
      <c r="BE9" s="263">
        <v>27</v>
      </c>
      <c r="BF9" s="257">
        <v>0</v>
      </c>
      <c r="BG9" s="261">
        <v>0</v>
      </c>
      <c r="BH9" s="258">
        <v>0</v>
      </c>
      <c r="BI9" s="260">
        <v>0</v>
      </c>
      <c r="BJ9" s="261">
        <v>3</v>
      </c>
      <c r="BK9" s="261">
        <v>13</v>
      </c>
      <c r="BL9" s="261">
        <v>16</v>
      </c>
      <c r="BM9" s="261">
        <v>9</v>
      </c>
      <c r="BN9" s="261">
        <v>5</v>
      </c>
      <c r="BO9" s="262">
        <v>46</v>
      </c>
      <c r="BP9" s="263">
        <v>46</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0</v>
      </c>
      <c r="CH9" s="261">
        <v>2</v>
      </c>
      <c r="CI9" s="261">
        <v>2</v>
      </c>
      <c r="CJ9" s="261">
        <v>0</v>
      </c>
      <c r="CK9" s="258">
        <v>4</v>
      </c>
      <c r="CL9" s="263">
        <v>4</v>
      </c>
      <c r="CM9" s="257">
        <v>0</v>
      </c>
      <c r="CN9" s="261">
        <v>0</v>
      </c>
      <c r="CO9" s="258">
        <v>0</v>
      </c>
      <c r="CP9" s="260">
        <v>0</v>
      </c>
      <c r="CQ9" s="261">
        <v>1</v>
      </c>
      <c r="CR9" s="261">
        <v>0</v>
      </c>
      <c r="CS9" s="261">
        <v>1</v>
      </c>
      <c r="CT9" s="261">
        <v>4</v>
      </c>
      <c r="CU9" s="261">
        <v>3</v>
      </c>
      <c r="CV9" s="258">
        <v>9</v>
      </c>
      <c r="CW9" s="263">
        <v>9</v>
      </c>
    </row>
    <row r="10" spans="1:101" ht="21" customHeight="1" x14ac:dyDescent="0.2">
      <c r="B10" s="472" t="s">
        <v>7</v>
      </c>
      <c r="C10" s="257">
        <v>0</v>
      </c>
      <c r="D10" s="258">
        <v>0</v>
      </c>
      <c r="E10" s="259">
        <v>0</v>
      </c>
      <c r="F10" s="260">
        <v>0</v>
      </c>
      <c r="G10" s="261">
        <v>0</v>
      </c>
      <c r="H10" s="261">
        <v>0</v>
      </c>
      <c r="I10" s="261">
        <v>0</v>
      </c>
      <c r="J10" s="261">
        <v>0</v>
      </c>
      <c r="K10" s="261">
        <v>1</v>
      </c>
      <c r="L10" s="262">
        <v>1</v>
      </c>
      <c r="M10" s="263">
        <v>1</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75</v>
      </c>
      <c r="AD10" s="261">
        <v>57</v>
      </c>
      <c r="AE10" s="261">
        <v>18</v>
      </c>
      <c r="AF10" s="261">
        <v>9</v>
      </c>
      <c r="AG10" s="261">
        <v>4</v>
      </c>
      <c r="AH10" s="258">
        <v>163</v>
      </c>
      <c r="AI10" s="263">
        <v>163</v>
      </c>
      <c r="AJ10" s="257">
        <v>0</v>
      </c>
      <c r="AK10" s="261">
        <v>0</v>
      </c>
      <c r="AL10" s="258">
        <v>0</v>
      </c>
      <c r="AM10" s="260">
        <v>0</v>
      </c>
      <c r="AN10" s="261">
        <v>11</v>
      </c>
      <c r="AO10" s="261">
        <v>12</v>
      </c>
      <c r="AP10" s="261">
        <v>8</v>
      </c>
      <c r="AQ10" s="261">
        <v>5</v>
      </c>
      <c r="AR10" s="261">
        <v>2</v>
      </c>
      <c r="AS10" s="258">
        <v>38</v>
      </c>
      <c r="AT10" s="263">
        <v>38</v>
      </c>
      <c r="AU10" s="257">
        <v>0</v>
      </c>
      <c r="AV10" s="261">
        <v>0</v>
      </c>
      <c r="AW10" s="258">
        <v>0</v>
      </c>
      <c r="AX10" s="260">
        <v>0</v>
      </c>
      <c r="AY10" s="261">
        <v>4</v>
      </c>
      <c r="AZ10" s="261">
        <v>3</v>
      </c>
      <c r="BA10" s="261">
        <v>3</v>
      </c>
      <c r="BB10" s="261">
        <v>0</v>
      </c>
      <c r="BC10" s="261">
        <v>0</v>
      </c>
      <c r="BD10" s="258">
        <v>10</v>
      </c>
      <c r="BE10" s="263">
        <v>10</v>
      </c>
      <c r="BF10" s="257">
        <v>0</v>
      </c>
      <c r="BG10" s="261">
        <v>0</v>
      </c>
      <c r="BH10" s="258">
        <v>0</v>
      </c>
      <c r="BI10" s="260">
        <v>0</v>
      </c>
      <c r="BJ10" s="261">
        <v>4</v>
      </c>
      <c r="BK10" s="261">
        <v>6</v>
      </c>
      <c r="BL10" s="261">
        <v>15</v>
      </c>
      <c r="BM10" s="261">
        <v>4</v>
      </c>
      <c r="BN10" s="261">
        <v>4</v>
      </c>
      <c r="BO10" s="262">
        <v>33</v>
      </c>
      <c r="BP10" s="263">
        <v>33</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0</v>
      </c>
      <c r="CR10" s="261">
        <v>0</v>
      </c>
      <c r="CS10" s="261">
        <v>2</v>
      </c>
      <c r="CT10" s="261">
        <v>2</v>
      </c>
      <c r="CU10" s="261">
        <v>2</v>
      </c>
      <c r="CV10" s="258">
        <v>6</v>
      </c>
      <c r="CW10" s="263">
        <v>6</v>
      </c>
    </row>
    <row r="11" spans="1:101" ht="21" customHeight="1" x14ac:dyDescent="0.2">
      <c r="B11" s="472" t="s">
        <v>8</v>
      </c>
      <c r="C11" s="257">
        <v>0</v>
      </c>
      <c r="D11" s="258">
        <v>0</v>
      </c>
      <c r="E11" s="259">
        <v>0</v>
      </c>
      <c r="F11" s="260">
        <v>0</v>
      </c>
      <c r="G11" s="261">
        <v>0</v>
      </c>
      <c r="H11" s="261">
        <v>0</v>
      </c>
      <c r="I11" s="261">
        <v>0</v>
      </c>
      <c r="J11" s="261">
        <v>1</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34</v>
      </c>
      <c r="AD11" s="261">
        <v>29</v>
      </c>
      <c r="AE11" s="261">
        <v>14</v>
      </c>
      <c r="AF11" s="261">
        <v>3</v>
      </c>
      <c r="AG11" s="261">
        <v>2</v>
      </c>
      <c r="AH11" s="258">
        <v>82</v>
      </c>
      <c r="AI11" s="263">
        <v>82</v>
      </c>
      <c r="AJ11" s="257">
        <v>0</v>
      </c>
      <c r="AK11" s="261">
        <v>0</v>
      </c>
      <c r="AL11" s="258">
        <v>0</v>
      </c>
      <c r="AM11" s="260">
        <v>0</v>
      </c>
      <c r="AN11" s="261">
        <v>1</v>
      </c>
      <c r="AO11" s="261">
        <v>0</v>
      </c>
      <c r="AP11" s="261">
        <v>0</v>
      </c>
      <c r="AQ11" s="261">
        <v>1</v>
      </c>
      <c r="AR11" s="261">
        <v>0</v>
      </c>
      <c r="AS11" s="258">
        <v>2</v>
      </c>
      <c r="AT11" s="263">
        <v>2</v>
      </c>
      <c r="AU11" s="257">
        <v>0</v>
      </c>
      <c r="AV11" s="261">
        <v>2</v>
      </c>
      <c r="AW11" s="258">
        <v>2</v>
      </c>
      <c r="AX11" s="260">
        <v>0</v>
      </c>
      <c r="AY11" s="261">
        <v>1</v>
      </c>
      <c r="AZ11" s="261">
        <v>2</v>
      </c>
      <c r="BA11" s="261">
        <v>3</v>
      </c>
      <c r="BB11" s="261">
        <v>0</v>
      </c>
      <c r="BC11" s="261">
        <v>1</v>
      </c>
      <c r="BD11" s="258">
        <v>7</v>
      </c>
      <c r="BE11" s="263">
        <v>9</v>
      </c>
      <c r="BF11" s="257">
        <v>0</v>
      </c>
      <c r="BG11" s="261">
        <v>0</v>
      </c>
      <c r="BH11" s="258">
        <v>0</v>
      </c>
      <c r="BI11" s="260">
        <v>0</v>
      </c>
      <c r="BJ11" s="261">
        <v>4</v>
      </c>
      <c r="BK11" s="261">
        <v>3</v>
      </c>
      <c r="BL11" s="261">
        <v>3</v>
      </c>
      <c r="BM11" s="261">
        <v>5</v>
      </c>
      <c r="BN11" s="261">
        <v>1</v>
      </c>
      <c r="BO11" s="262">
        <v>16</v>
      </c>
      <c r="BP11" s="263">
        <v>16</v>
      </c>
      <c r="BQ11" s="257">
        <v>0</v>
      </c>
      <c r="BR11" s="261">
        <v>0</v>
      </c>
      <c r="BS11" s="258">
        <v>0</v>
      </c>
      <c r="BT11" s="260">
        <v>0</v>
      </c>
      <c r="BU11" s="261">
        <v>0</v>
      </c>
      <c r="BV11" s="261">
        <v>0</v>
      </c>
      <c r="BW11" s="261">
        <v>2</v>
      </c>
      <c r="BX11" s="261">
        <v>0</v>
      </c>
      <c r="BY11" s="261">
        <v>1</v>
      </c>
      <c r="BZ11" s="258">
        <v>3</v>
      </c>
      <c r="CA11" s="263">
        <v>3</v>
      </c>
      <c r="CB11" s="257">
        <v>0</v>
      </c>
      <c r="CC11" s="261">
        <v>0</v>
      </c>
      <c r="CD11" s="258">
        <v>0</v>
      </c>
      <c r="CE11" s="260">
        <v>0</v>
      </c>
      <c r="CF11" s="261">
        <v>0</v>
      </c>
      <c r="CG11" s="261">
        <v>0</v>
      </c>
      <c r="CH11" s="261">
        <v>1</v>
      </c>
      <c r="CI11" s="261">
        <v>1</v>
      </c>
      <c r="CJ11" s="261">
        <v>0</v>
      </c>
      <c r="CK11" s="258">
        <v>2</v>
      </c>
      <c r="CL11" s="263">
        <v>2</v>
      </c>
      <c r="CM11" s="257">
        <v>0</v>
      </c>
      <c r="CN11" s="261">
        <v>0</v>
      </c>
      <c r="CO11" s="258">
        <v>0</v>
      </c>
      <c r="CP11" s="260">
        <v>0</v>
      </c>
      <c r="CQ11" s="261">
        <v>3</v>
      </c>
      <c r="CR11" s="261">
        <v>1</v>
      </c>
      <c r="CS11" s="261">
        <v>1</v>
      </c>
      <c r="CT11" s="261">
        <v>2</v>
      </c>
      <c r="CU11" s="261">
        <v>0</v>
      </c>
      <c r="CV11" s="258">
        <v>7</v>
      </c>
      <c r="CW11" s="263">
        <v>7</v>
      </c>
    </row>
    <row r="12" spans="1:101" ht="21" customHeight="1" x14ac:dyDescent="0.2">
      <c r="B12" s="472" t="s">
        <v>9</v>
      </c>
      <c r="C12" s="257">
        <v>0</v>
      </c>
      <c r="D12" s="258">
        <v>0</v>
      </c>
      <c r="E12" s="259">
        <v>0</v>
      </c>
      <c r="F12" s="260">
        <v>0</v>
      </c>
      <c r="G12" s="261">
        <v>0</v>
      </c>
      <c r="H12" s="261">
        <v>1</v>
      </c>
      <c r="I12" s="261">
        <v>0</v>
      </c>
      <c r="J12" s="261">
        <v>0</v>
      </c>
      <c r="K12" s="261">
        <v>0</v>
      </c>
      <c r="L12" s="262">
        <v>1</v>
      </c>
      <c r="M12" s="263">
        <v>1</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2</v>
      </c>
      <c r="AD12" s="261">
        <v>22</v>
      </c>
      <c r="AE12" s="261">
        <v>10</v>
      </c>
      <c r="AF12" s="261">
        <v>9</v>
      </c>
      <c r="AG12" s="261">
        <v>3</v>
      </c>
      <c r="AH12" s="258">
        <v>86</v>
      </c>
      <c r="AI12" s="263">
        <v>86</v>
      </c>
      <c r="AJ12" s="257">
        <v>0</v>
      </c>
      <c r="AK12" s="261">
        <v>0</v>
      </c>
      <c r="AL12" s="258">
        <v>0</v>
      </c>
      <c r="AM12" s="260">
        <v>0</v>
      </c>
      <c r="AN12" s="261">
        <v>0</v>
      </c>
      <c r="AO12" s="261">
        <v>0</v>
      </c>
      <c r="AP12" s="261">
        <v>0</v>
      </c>
      <c r="AQ12" s="261">
        <v>0</v>
      </c>
      <c r="AR12" s="261">
        <v>1</v>
      </c>
      <c r="AS12" s="258">
        <v>1</v>
      </c>
      <c r="AT12" s="263">
        <v>1</v>
      </c>
      <c r="AU12" s="257">
        <v>1</v>
      </c>
      <c r="AV12" s="261">
        <v>0</v>
      </c>
      <c r="AW12" s="258">
        <v>1</v>
      </c>
      <c r="AX12" s="260">
        <v>0</v>
      </c>
      <c r="AY12" s="261">
        <v>1</v>
      </c>
      <c r="AZ12" s="261">
        <v>3</v>
      </c>
      <c r="BA12" s="261">
        <v>3</v>
      </c>
      <c r="BB12" s="261">
        <v>1</v>
      </c>
      <c r="BC12" s="261">
        <v>0</v>
      </c>
      <c r="BD12" s="258">
        <v>8</v>
      </c>
      <c r="BE12" s="263">
        <v>9</v>
      </c>
      <c r="BF12" s="257">
        <v>0</v>
      </c>
      <c r="BG12" s="261">
        <v>0</v>
      </c>
      <c r="BH12" s="258">
        <v>0</v>
      </c>
      <c r="BI12" s="260">
        <v>0</v>
      </c>
      <c r="BJ12" s="261">
        <v>4</v>
      </c>
      <c r="BK12" s="261">
        <v>4</v>
      </c>
      <c r="BL12" s="261">
        <v>9</v>
      </c>
      <c r="BM12" s="261">
        <v>3</v>
      </c>
      <c r="BN12" s="261">
        <v>1</v>
      </c>
      <c r="BO12" s="262">
        <v>21</v>
      </c>
      <c r="BP12" s="263">
        <v>21</v>
      </c>
      <c r="BQ12" s="257">
        <v>0</v>
      </c>
      <c r="BR12" s="261">
        <v>0</v>
      </c>
      <c r="BS12" s="258">
        <v>0</v>
      </c>
      <c r="BT12" s="260">
        <v>0</v>
      </c>
      <c r="BU12" s="261">
        <v>0</v>
      </c>
      <c r="BV12" s="261">
        <v>1</v>
      </c>
      <c r="BW12" s="261">
        <v>0</v>
      </c>
      <c r="BX12" s="261">
        <v>0</v>
      </c>
      <c r="BY12" s="261">
        <v>0</v>
      </c>
      <c r="BZ12" s="258">
        <v>1</v>
      </c>
      <c r="CA12" s="263">
        <v>1</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0</v>
      </c>
      <c r="CT12" s="261">
        <v>0</v>
      </c>
      <c r="CU12" s="261">
        <v>2</v>
      </c>
      <c r="CV12" s="258">
        <v>3</v>
      </c>
      <c r="CW12" s="263">
        <v>3</v>
      </c>
    </row>
    <row r="13" spans="1:101" ht="21" customHeight="1" x14ac:dyDescent="0.2">
      <c r="B13" s="472" t="s">
        <v>10</v>
      </c>
      <c r="C13" s="257">
        <v>0</v>
      </c>
      <c r="D13" s="258">
        <v>0</v>
      </c>
      <c r="E13" s="259">
        <v>0</v>
      </c>
      <c r="F13" s="260">
        <v>0</v>
      </c>
      <c r="G13" s="261">
        <v>2</v>
      </c>
      <c r="H13" s="261">
        <v>2</v>
      </c>
      <c r="I13" s="261">
        <v>2</v>
      </c>
      <c r="J13" s="261">
        <v>1</v>
      </c>
      <c r="K13" s="261">
        <v>0</v>
      </c>
      <c r="L13" s="262">
        <v>7</v>
      </c>
      <c r="M13" s="263">
        <v>7</v>
      </c>
      <c r="N13" s="257">
        <v>0</v>
      </c>
      <c r="O13" s="261">
        <v>0</v>
      </c>
      <c r="P13" s="258">
        <v>0</v>
      </c>
      <c r="Q13" s="260">
        <v>0</v>
      </c>
      <c r="R13" s="261">
        <v>1</v>
      </c>
      <c r="S13" s="261">
        <v>0</v>
      </c>
      <c r="T13" s="261">
        <v>2</v>
      </c>
      <c r="U13" s="261">
        <v>0</v>
      </c>
      <c r="V13" s="261">
        <v>0</v>
      </c>
      <c r="W13" s="258">
        <v>3</v>
      </c>
      <c r="X13" s="263">
        <v>3</v>
      </c>
      <c r="Y13" s="257">
        <v>0</v>
      </c>
      <c r="Z13" s="261">
        <v>0</v>
      </c>
      <c r="AA13" s="258">
        <v>0</v>
      </c>
      <c r="AB13" s="260">
        <v>0</v>
      </c>
      <c r="AC13" s="261">
        <v>31</v>
      </c>
      <c r="AD13" s="261">
        <v>21</v>
      </c>
      <c r="AE13" s="261">
        <v>3</v>
      </c>
      <c r="AF13" s="261">
        <v>4</v>
      </c>
      <c r="AG13" s="261">
        <v>2</v>
      </c>
      <c r="AH13" s="258">
        <v>61</v>
      </c>
      <c r="AI13" s="263">
        <v>61</v>
      </c>
      <c r="AJ13" s="257">
        <v>0</v>
      </c>
      <c r="AK13" s="261">
        <v>0</v>
      </c>
      <c r="AL13" s="258">
        <v>0</v>
      </c>
      <c r="AM13" s="260">
        <v>0</v>
      </c>
      <c r="AN13" s="261">
        <v>2</v>
      </c>
      <c r="AO13" s="261">
        <v>1</v>
      </c>
      <c r="AP13" s="261">
        <v>3</v>
      </c>
      <c r="AQ13" s="261">
        <v>0</v>
      </c>
      <c r="AR13" s="261">
        <v>1</v>
      </c>
      <c r="AS13" s="258">
        <v>7</v>
      </c>
      <c r="AT13" s="263">
        <v>7</v>
      </c>
      <c r="AU13" s="257">
        <v>0</v>
      </c>
      <c r="AV13" s="261">
        <v>0</v>
      </c>
      <c r="AW13" s="258">
        <v>0</v>
      </c>
      <c r="AX13" s="260">
        <v>0</v>
      </c>
      <c r="AY13" s="261">
        <v>4</v>
      </c>
      <c r="AZ13" s="261">
        <v>3</v>
      </c>
      <c r="BA13" s="261">
        <v>3</v>
      </c>
      <c r="BB13" s="261">
        <v>3</v>
      </c>
      <c r="BC13" s="261">
        <v>1</v>
      </c>
      <c r="BD13" s="258">
        <v>14</v>
      </c>
      <c r="BE13" s="263">
        <v>14</v>
      </c>
      <c r="BF13" s="257">
        <v>0</v>
      </c>
      <c r="BG13" s="261">
        <v>0</v>
      </c>
      <c r="BH13" s="258">
        <v>0</v>
      </c>
      <c r="BI13" s="260">
        <v>0</v>
      </c>
      <c r="BJ13" s="261">
        <v>3</v>
      </c>
      <c r="BK13" s="261">
        <v>11</v>
      </c>
      <c r="BL13" s="261">
        <v>12</v>
      </c>
      <c r="BM13" s="261">
        <v>1</v>
      </c>
      <c r="BN13" s="261">
        <v>4</v>
      </c>
      <c r="BO13" s="262">
        <v>31</v>
      </c>
      <c r="BP13" s="263">
        <v>31</v>
      </c>
      <c r="BQ13" s="257">
        <v>0</v>
      </c>
      <c r="BR13" s="261">
        <v>0</v>
      </c>
      <c r="BS13" s="258">
        <v>0</v>
      </c>
      <c r="BT13" s="260">
        <v>0</v>
      </c>
      <c r="BU13" s="261">
        <v>3</v>
      </c>
      <c r="BV13" s="261">
        <v>1</v>
      </c>
      <c r="BW13" s="261">
        <v>6</v>
      </c>
      <c r="BX13" s="261">
        <v>0</v>
      </c>
      <c r="BY13" s="261">
        <v>1</v>
      </c>
      <c r="BZ13" s="258">
        <v>11</v>
      </c>
      <c r="CA13" s="263">
        <v>11</v>
      </c>
      <c r="CB13" s="257">
        <v>0</v>
      </c>
      <c r="CC13" s="261">
        <v>0</v>
      </c>
      <c r="CD13" s="258">
        <v>0</v>
      </c>
      <c r="CE13" s="260">
        <v>0</v>
      </c>
      <c r="CF13" s="261">
        <v>0</v>
      </c>
      <c r="CG13" s="261">
        <v>1</v>
      </c>
      <c r="CH13" s="261">
        <v>2</v>
      </c>
      <c r="CI13" s="261">
        <v>2</v>
      </c>
      <c r="CJ13" s="261">
        <v>4</v>
      </c>
      <c r="CK13" s="258">
        <v>9</v>
      </c>
      <c r="CL13" s="263">
        <v>9</v>
      </c>
      <c r="CM13" s="257">
        <v>0</v>
      </c>
      <c r="CN13" s="261">
        <v>0</v>
      </c>
      <c r="CO13" s="258">
        <v>0</v>
      </c>
      <c r="CP13" s="260">
        <v>0</v>
      </c>
      <c r="CQ13" s="261">
        <v>1</v>
      </c>
      <c r="CR13" s="261">
        <v>1</v>
      </c>
      <c r="CS13" s="261">
        <v>2</v>
      </c>
      <c r="CT13" s="261">
        <v>5</v>
      </c>
      <c r="CU13" s="261">
        <v>1</v>
      </c>
      <c r="CV13" s="258">
        <v>10</v>
      </c>
      <c r="CW13" s="263">
        <v>10</v>
      </c>
    </row>
    <row r="14" spans="1:101" ht="21" customHeight="1" x14ac:dyDescent="0.2">
      <c r="B14" s="472" t="s">
        <v>11</v>
      </c>
      <c r="C14" s="257">
        <v>0</v>
      </c>
      <c r="D14" s="258">
        <v>0</v>
      </c>
      <c r="E14" s="259">
        <v>0</v>
      </c>
      <c r="F14" s="260">
        <v>0</v>
      </c>
      <c r="G14" s="261">
        <v>1</v>
      </c>
      <c r="H14" s="261">
        <v>0</v>
      </c>
      <c r="I14" s="261">
        <v>3</v>
      </c>
      <c r="J14" s="261">
        <v>0</v>
      </c>
      <c r="K14" s="261">
        <v>1</v>
      </c>
      <c r="L14" s="262">
        <v>5</v>
      </c>
      <c r="M14" s="263">
        <v>5</v>
      </c>
      <c r="N14" s="257">
        <v>0</v>
      </c>
      <c r="O14" s="261">
        <v>0</v>
      </c>
      <c r="P14" s="258">
        <v>0</v>
      </c>
      <c r="Q14" s="260">
        <v>0</v>
      </c>
      <c r="R14" s="261">
        <v>1</v>
      </c>
      <c r="S14" s="261">
        <v>0</v>
      </c>
      <c r="T14" s="261">
        <v>0</v>
      </c>
      <c r="U14" s="261">
        <v>0</v>
      </c>
      <c r="V14" s="261">
        <v>0</v>
      </c>
      <c r="W14" s="258">
        <v>1</v>
      </c>
      <c r="X14" s="263">
        <v>1</v>
      </c>
      <c r="Y14" s="257">
        <v>0</v>
      </c>
      <c r="Z14" s="261">
        <v>0</v>
      </c>
      <c r="AA14" s="258">
        <v>0</v>
      </c>
      <c r="AB14" s="260">
        <v>0</v>
      </c>
      <c r="AC14" s="261">
        <v>12</v>
      </c>
      <c r="AD14" s="261">
        <v>9</v>
      </c>
      <c r="AE14" s="261">
        <v>5</v>
      </c>
      <c r="AF14" s="261">
        <v>2</v>
      </c>
      <c r="AG14" s="261">
        <v>1</v>
      </c>
      <c r="AH14" s="258">
        <v>29</v>
      </c>
      <c r="AI14" s="263">
        <v>29</v>
      </c>
      <c r="AJ14" s="257">
        <v>0</v>
      </c>
      <c r="AK14" s="261">
        <v>0</v>
      </c>
      <c r="AL14" s="258">
        <v>0</v>
      </c>
      <c r="AM14" s="260">
        <v>0</v>
      </c>
      <c r="AN14" s="261">
        <v>2</v>
      </c>
      <c r="AO14" s="261">
        <v>2</v>
      </c>
      <c r="AP14" s="261">
        <v>1</v>
      </c>
      <c r="AQ14" s="261">
        <v>0</v>
      </c>
      <c r="AR14" s="261">
        <v>0</v>
      </c>
      <c r="AS14" s="258">
        <v>5</v>
      </c>
      <c r="AT14" s="263">
        <v>5</v>
      </c>
      <c r="AU14" s="257">
        <v>0</v>
      </c>
      <c r="AV14" s="261">
        <v>0</v>
      </c>
      <c r="AW14" s="258">
        <v>0</v>
      </c>
      <c r="AX14" s="260">
        <v>0</v>
      </c>
      <c r="AY14" s="261">
        <v>2</v>
      </c>
      <c r="AZ14" s="261">
        <v>2</v>
      </c>
      <c r="BA14" s="261">
        <v>4</v>
      </c>
      <c r="BB14" s="261">
        <v>1</v>
      </c>
      <c r="BC14" s="261">
        <v>0</v>
      </c>
      <c r="BD14" s="258">
        <v>9</v>
      </c>
      <c r="BE14" s="263">
        <v>9</v>
      </c>
      <c r="BF14" s="257">
        <v>0</v>
      </c>
      <c r="BG14" s="261">
        <v>0</v>
      </c>
      <c r="BH14" s="258">
        <v>0</v>
      </c>
      <c r="BI14" s="260">
        <v>0</v>
      </c>
      <c r="BJ14" s="261">
        <v>2</v>
      </c>
      <c r="BK14" s="261">
        <v>2</v>
      </c>
      <c r="BL14" s="261">
        <v>3</v>
      </c>
      <c r="BM14" s="261">
        <v>2</v>
      </c>
      <c r="BN14" s="261">
        <v>0</v>
      </c>
      <c r="BO14" s="262">
        <v>9</v>
      </c>
      <c r="BP14" s="263">
        <v>9</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1</v>
      </c>
      <c r="CR14" s="261">
        <v>1</v>
      </c>
      <c r="CS14" s="261">
        <v>0</v>
      </c>
      <c r="CT14" s="261">
        <v>1</v>
      </c>
      <c r="CU14" s="261">
        <v>0</v>
      </c>
      <c r="CV14" s="258">
        <v>3</v>
      </c>
      <c r="CW14" s="263">
        <v>3</v>
      </c>
    </row>
    <row r="15" spans="1:101" ht="21" customHeight="1" x14ac:dyDescent="0.2">
      <c r="B15" s="472" t="s">
        <v>12</v>
      </c>
      <c r="C15" s="257">
        <v>0</v>
      </c>
      <c r="D15" s="258">
        <v>0</v>
      </c>
      <c r="E15" s="259">
        <v>0</v>
      </c>
      <c r="F15" s="260">
        <v>0</v>
      </c>
      <c r="G15" s="261">
        <v>1</v>
      </c>
      <c r="H15" s="261">
        <v>1</v>
      </c>
      <c r="I15" s="261">
        <v>0</v>
      </c>
      <c r="J15" s="261">
        <v>0</v>
      </c>
      <c r="K15" s="261">
        <v>0</v>
      </c>
      <c r="L15" s="262">
        <v>2</v>
      </c>
      <c r="M15" s="263">
        <v>2</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21</v>
      </c>
      <c r="AD15" s="261">
        <v>22</v>
      </c>
      <c r="AE15" s="261">
        <v>14</v>
      </c>
      <c r="AF15" s="261">
        <v>6</v>
      </c>
      <c r="AG15" s="261">
        <v>1</v>
      </c>
      <c r="AH15" s="258">
        <v>64</v>
      </c>
      <c r="AI15" s="263">
        <v>64</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1</v>
      </c>
      <c r="AZ15" s="261">
        <v>3</v>
      </c>
      <c r="BA15" s="261">
        <v>4</v>
      </c>
      <c r="BB15" s="261">
        <v>3</v>
      </c>
      <c r="BC15" s="261">
        <v>3</v>
      </c>
      <c r="BD15" s="258">
        <v>14</v>
      </c>
      <c r="BE15" s="263">
        <v>14</v>
      </c>
      <c r="BF15" s="257">
        <v>0</v>
      </c>
      <c r="BG15" s="261">
        <v>0</v>
      </c>
      <c r="BH15" s="258">
        <v>0</v>
      </c>
      <c r="BI15" s="260">
        <v>0</v>
      </c>
      <c r="BJ15" s="261">
        <v>2</v>
      </c>
      <c r="BK15" s="261">
        <v>3</v>
      </c>
      <c r="BL15" s="261">
        <v>2</v>
      </c>
      <c r="BM15" s="261">
        <v>4</v>
      </c>
      <c r="BN15" s="261">
        <v>1</v>
      </c>
      <c r="BO15" s="262">
        <v>12</v>
      </c>
      <c r="BP15" s="263">
        <v>12</v>
      </c>
      <c r="BQ15" s="257">
        <v>0</v>
      </c>
      <c r="BR15" s="261">
        <v>0</v>
      </c>
      <c r="BS15" s="258">
        <v>0</v>
      </c>
      <c r="BT15" s="260">
        <v>0</v>
      </c>
      <c r="BU15" s="261">
        <v>0</v>
      </c>
      <c r="BV15" s="261">
        <v>3</v>
      </c>
      <c r="BW15" s="261">
        <v>1</v>
      </c>
      <c r="BX15" s="261">
        <v>2</v>
      </c>
      <c r="BY15" s="261">
        <v>0</v>
      </c>
      <c r="BZ15" s="258">
        <v>6</v>
      </c>
      <c r="CA15" s="263">
        <v>6</v>
      </c>
      <c r="CB15" s="257">
        <v>0</v>
      </c>
      <c r="CC15" s="261">
        <v>0</v>
      </c>
      <c r="CD15" s="258">
        <v>0</v>
      </c>
      <c r="CE15" s="260">
        <v>0</v>
      </c>
      <c r="CF15" s="261">
        <v>0</v>
      </c>
      <c r="CG15" s="261">
        <v>0</v>
      </c>
      <c r="CH15" s="261">
        <v>1</v>
      </c>
      <c r="CI15" s="261">
        <v>0</v>
      </c>
      <c r="CJ15" s="261">
        <v>2</v>
      </c>
      <c r="CK15" s="258">
        <v>3</v>
      </c>
      <c r="CL15" s="263">
        <v>3</v>
      </c>
      <c r="CM15" s="257">
        <v>0</v>
      </c>
      <c r="CN15" s="261">
        <v>0</v>
      </c>
      <c r="CO15" s="258">
        <v>0</v>
      </c>
      <c r="CP15" s="260">
        <v>0</v>
      </c>
      <c r="CQ15" s="261">
        <v>0</v>
      </c>
      <c r="CR15" s="261">
        <v>2</v>
      </c>
      <c r="CS15" s="261">
        <v>1</v>
      </c>
      <c r="CT15" s="261">
        <v>5</v>
      </c>
      <c r="CU15" s="261">
        <v>1</v>
      </c>
      <c r="CV15" s="258">
        <v>9</v>
      </c>
      <c r="CW15" s="263">
        <v>9</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7</v>
      </c>
      <c r="AD16" s="261">
        <v>15</v>
      </c>
      <c r="AE16" s="261">
        <v>5</v>
      </c>
      <c r="AF16" s="261">
        <v>1</v>
      </c>
      <c r="AG16" s="261">
        <v>0</v>
      </c>
      <c r="AH16" s="258">
        <v>38</v>
      </c>
      <c r="AI16" s="263">
        <v>38</v>
      </c>
      <c r="AJ16" s="257">
        <v>0</v>
      </c>
      <c r="AK16" s="261">
        <v>0</v>
      </c>
      <c r="AL16" s="258">
        <v>0</v>
      </c>
      <c r="AM16" s="260">
        <v>0</v>
      </c>
      <c r="AN16" s="261">
        <v>0</v>
      </c>
      <c r="AO16" s="261">
        <v>3</v>
      </c>
      <c r="AP16" s="261">
        <v>0</v>
      </c>
      <c r="AQ16" s="261">
        <v>2</v>
      </c>
      <c r="AR16" s="261">
        <v>1</v>
      </c>
      <c r="AS16" s="258">
        <v>6</v>
      </c>
      <c r="AT16" s="263">
        <v>6</v>
      </c>
      <c r="AU16" s="257">
        <v>0</v>
      </c>
      <c r="AV16" s="261">
        <v>1</v>
      </c>
      <c r="AW16" s="258">
        <v>1</v>
      </c>
      <c r="AX16" s="260">
        <v>0</v>
      </c>
      <c r="AY16" s="261">
        <v>0</v>
      </c>
      <c r="AZ16" s="261">
        <v>1</v>
      </c>
      <c r="BA16" s="261">
        <v>1</v>
      </c>
      <c r="BB16" s="261">
        <v>0</v>
      </c>
      <c r="BC16" s="261">
        <v>0</v>
      </c>
      <c r="BD16" s="258">
        <v>2</v>
      </c>
      <c r="BE16" s="263">
        <v>3</v>
      </c>
      <c r="BF16" s="257">
        <v>0</v>
      </c>
      <c r="BG16" s="261">
        <v>0</v>
      </c>
      <c r="BH16" s="258">
        <v>0</v>
      </c>
      <c r="BI16" s="260">
        <v>0</v>
      </c>
      <c r="BJ16" s="261">
        <v>0</v>
      </c>
      <c r="BK16" s="261">
        <v>2</v>
      </c>
      <c r="BL16" s="261">
        <v>0</v>
      </c>
      <c r="BM16" s="261">
        <v>0</v>
      </c>
      <c r="BN16" s="261">
        <v>0</v>
      </c>
      <c r="BO16" s="262">
        <v>2</v>
      </c>
      <c r="BP16" s="263">
        <v>2</v>
      </c>
      <c r="BQ16" s="257">
        <v>0</v>
      </c>
      <c r="BR16" s="261">
        <v>0</v>
      </c>
      <c r="BS16" s="258">
        <v>0</v>
      </c>
      <c r="BT16" s="260">
        <v>0</v>
      </c>
      <c r="BU16" s="261">
        <v>0</v>
      </c>
      <c r="BV16" s="261">
        <v>0</v>
      </c>
      <c r="BW16" s="261">
        <v>0</v>
      </c>
      <c r="BX16" s="261">
        <v>0</v>
      </c>
      <c r="BY16" s="261">
        <v>0</v>
      </c>
      <c r="BZ16" s="258">
        <v>0</v>
      </c>
      <c r="CA16" s="263">
        <v>0</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1</v>
      </c>
      <c r="H17" s="261">
        <v>0</v>
      </c>
      <c r="I17" s="261">
        <v>0</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8</v>
      </c>
      <c r="AD17" s="261">
        <v>5</v>
      </c>
      <c r="AE17" s="261">
        <v>4</v>
      </c>
      <c r="AF17" s="261">
        <v>2</v>
      </c>
      <c r="AG17" s="261">
        <v>0</v>
      </c>
      <c r="AH17" s="258">
        <v>19</v>
      </c>
      <c r="AI17" s="263">
        <v>19</v>
      </c>
      <c r="AJ17" s="257">
        <v>0</v>
      </c>
      <c r="AK17" s="261">
        <v>0</v>
      </c>
      <c r="AL17" s="258">
        <v>0</v>
      </c>
      <c r="AM17" s="260">
        <v>0</v>
      </c>
      <c r="AN17" s="261">
        <v>1</v>
      </c>
      <c r="AO17" s="261">
        <v>0</v>
      </c>
      <c r="AP17" s="261">
        <v>0</v>
      </c>
      <c r="AQ17" s="261">
        <v>1</v>
      </c>
      <c r="AR17" s="261">
        <v>0</v>
      </c>
      <c r="AS17" s="258">
        <v>2</v>
      </c>
      <c r="AT17" s="263">
        <v>2</v>
      </c>
      <c r="AU17" s="257">
        <v>0</v>
      </c>
      <c r="AV17" s="261">
        <v>0</v>
      </c>
      <c r="AW17" s="258">
        <v>0</v>
      </c>
      <c r="AX17" s="260">
        <v>0</v>
      </c>
      <c r="AY17" s="261">
        <v>1</v>
      </c>
      <c r="AZ17" s="261">
        <v>0</v>
      </c>
      <c r="BA17" s="261">
        <v>0</v>
      </c>
      <c r="BB17" s="261">
        <v>1</v>
      </c>
      <c r="BC17" s="261">
        <v>1</v>
      </c>
      <c r="BD17" s="258">
        <v>3</v>
      </c>
      <c r="BE17" s="263">
        <v>3</v>
      </c>
      <c r="BF17" s="257">
        <v>0</v>
      </c>
      <c r="BG17" s="261">
        <v>0</v>
      </c>
      <c r="BH17" s="258">
        <v>0</v>
      </c>
      <c r="BI17" s="260">
        <v>0</v>
      </c>
      <c r="BJ17" s="261">
        <v>1</v>
      </c>
      <c r="BK17" s="261">
        <v>3</v>
      </c>
      <c r="BL17" s="261">
        <v>0</v>
      </c>
      <c r="BM17" s="261">
        <v>0</v>
      </c>
      <c r="BN17" s="261">
        <v>0</v>
      </c>
      <c r="BO17" s="262">
        <v>4</v>
      </c>
      <c r="BP17" s="263">
        <v>4</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1</v>
      </c>
      <c r="CJ17" s="261">
        <v>0</v>
      </c>
      <c r="CK17" s="258">
        <v>1</v>
      </c>
      <c r="CL17" s="263">
        <v>1</v>
      </c>
      <c r="CM17" s="257">
        <v>0</v>
      </c>
      <c r="CN17" s="261">
        <v>0</v>
      </c>
      <c r="CO17" s="258">
        <v>0</v>
      </c>
      <c r="CP17" s="260">
        <v>0</v>
      </c>
      <c r="CQ17" s="261">
        <v>1</v>
      </c>
      <c r="CR17" s="261">
        <v>1</v>
      </c>
      <c r="CS17" s="261">
        <v>0</v>
      </c>
      <c r="CT17" s="261">
        <v>0</v>
      </c>
      <c r="CU17" s="261">
        <v>0</v>
      </c>
      <c r="CV17" s="258">
        <v>2</v>
      </c>
      <c r="CW17" s="263">
        <v>2</v>
      </c>
    </row>
    <row r="18" spans="2:101" ht="21" customHeight="1" x14ac:dyDescent="0.2">
      <c r="B18" s="472" t="s">
        <v>16</v>
      </c>
      <c r="C18" s="257">
        <v>0</v>
      </c>
      <c r="D18" s="258">
        <v>0</v>
      </c>
      <c r="E18" s="259">
        <v>0</v>
      </c>
      <c r="F18" s="260">
        <v>0</v>
      </c>
      <c r="G18" s="261">
        <v>0</v>
      </c>
      <c r="H18" s="261">
        <v>0</v>
      </c>
      <c r="I18" s="261">
        <v>1</v>
      </c>
      <c r="J18" s="261">
        <v>0</v>
      </c>
      <c r="K18" s="261">
        <v>1</v>
      </c>
      <c r="L18" s="262">
        <v>2</v>
      </c>
      <c r="M18" s="263">
        <v>2</v>
      </c>
      <c r="N18" s="257">
        <v>0</v>
      </c>
      <c r="O18" s="261">
        <v>0</v>
      </c>
      <c r="P18" s="258">
        <v>0</v>
      </c>
      <c r="Q18" s="260">
        <v>0</v>
      </c>
      <c r="R18" s="261">
        <v>0</v>
      </c>
      <c r="S18" s="261">
        <v>0</v>
      </c>
      <c r="T18" s="261">
        <v>1</v>
      </c>
      <c r="U18" s="261">
        <v>0</v>
      </c>
      <c r="V18" s="261">
        <v>0</v>
      </c>
      <c r="W18" s="258">
        <v>1</v>
      </c>
      <c r="X18" s="263">
        <v>1</v>
      </c>
      <c r="Y18" s="257">
        <v>0</v>
      </c>
      <c r="Z18" s="261">
        <v>0</v>
      </c>
      <c r="AA18" s="258">
        <v>0</v>
      </c>
      <c r="AB18" s="260">
        <v>0</v>
      </c>
      <c r="AC18" s="261">
        <v>11</v>
      </c>
      <c r="AD18" s="261">
        <v>10</v>
      </c>
      <c r="AE18" s="261">
        <v>8</v>
      </c>
      <c r="AF18" s="261">
        <v>2</v>
      </c>
      <c r="AG18" s="261">
        <v>1</v>
      </c>
      <c r="AH18" s="258">
        <v>32</v>
      </c>
      <c r="AI18" s="263">
        <v>32</v>
      </c>
      <c r="AJ18" s="257">
        <v>0</v>
      </c>
      <c r="AK18" s="261">
        <v>0</v>
      </c>
      <c r="AL18" s="258">
        <v>0</v>
      </c>
      <c r="AM18" s="260">
        <v>0</v>
      </c>
      <c r="AN18" s="261">
        <v>0</v>
      </c>
      <c r="AO18" s="261">
        <v>1</v>
      </c>
      <c r="AP18" s="261">
        <v>1</v>
      </c>
      <c r="AQ18" s="261">
        <v>0</v>
      </c>
      <c r="AR18" s="261">
        <v>0</v>
      </c>
      <c r="AS18" s="258">
        <v>2</v>
      </c>
      <c r="AT18" s="263">
        <v>2</v>
      </c>
      <c r="AU18" s="257">
        <v>0</v>
      </c>
      <c r="AV18" s="261">
        <v>0</v>
      </c>
      <c r="AW18" s="258">
        <v>0</v>
      </c>
      <c r="AX18" s="260">
        <v>0</v>
      </c>
      <c r="AY18" s="261">
        <v>0</v>
      </c>
      <c r="AZ18" s="261">
        <v>0</v>
      </c>
      <c r="BA18" s="261">
        <v>2</v>
      </c>
      <c r="BB18" s="261">
        <v>2</v>
      </c>
      <c r="BC18" s="261">
        <v>0</v>
      </c>
      <c r="BD18" s="258">
        <v>4</v>
      </c>
      <c r="BE18" s="263">
        <v>4</v>
      </c>
      <c r="BF18" s="257">
        <v>0</v>
      </c>
      <c r="BG18" s="261">
        <v>0</v>
      </c>
      <c r="BH18" s="258">
        <v>0</v>
      </c>
      <c r="BI18" s="260">
        <v>0</v>
      </c>
      <c r="BJ18" s="261">
        <v>0</v>
      </c>
      <c r="BK18" s="261">
        <v>2</v>
      </c>
      <c r="BL18" s="261">
        <v>2</v>
      </c>
      <c r="BM18" s="261">
        <v>1</v>
      </c>
      <c r="BN18" s="261">
        <v>3</v>
      </c>
      <c r="BO18" s="262">
        <v>8</v>
      </c>
      <c r="BP18" s="263">
        <v>8</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1</v>
      </c>
      <c r="CS18" s="261">
        <v>0</v>
      </c>
      <c r="CT18" s="261">
        <v>0</v>
      </c>
      <c r="CU18" s="261">
        <v>0</v>
      </c>
      <c r="CV18" s="258">
        <v>1</v>
      </c>
      <c r="CW18" s="263">
        <v>1</v>
      </c>
    </row>
    <row r="19" spans="2:101" ht="21" customHeight="1" x14ac:dyDescent="0.2">
      <c r="B19" s="472" t="s">
        <v>17</v>
      </c>
      <c r="C19" s="257">
        <v>0</v>
      </c>
      <c r="D19" s="258">
        <v>0</v>
      </c>
      <c r="E19" s="259">
        <v>0</v>
      </c>
      <c r="F19" s="260">
        <v>0</v>
      </c>
      <c r="G19" s="261">
        <v>0</v>
      </c>
      <c r="H19" s="261">
        <v>0</v>
      </c>
      <c r="I19" s="261">
        <v>0</v>
      </c>
      <c r="J19" s="261">
        <v>0</v>
      </c>
      <c r="K19" s="261">
        <v>1</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5</v>
      </c>
      <c r="AD19" s="261">
        <v>22</v>
      </c>
      <c r="AE19" s="261">
        <v>9</v>
      </c>
      <c r="AF19" s="261">
        <v>1</v>
      </c>
      <c r="AG19" s="261">
        <v>3</v>
      </c>
      <c r="AH19" s="258">
        <v>60</v>
      </c>
      <c r="AI19" s="263">
        <v>60</v>
      </c>
      <c r="AJ19" s="257">
        <v>0</v>
      </c>
      <c r="AK19" s="261">
        <v>0</v>
      </c>
      <c r="AL19" s="258">
        <v>0</v>
      </c>
      <c r="AM19" s="260">
        <v>0</v>
      </c>
      <c r="AN19" s="261">
        <v>1</v>
      </c>
      <c r="AO19" s="261">
        <v>1</v>
      </c>
      <c r="AP19" s="261">
        <v>0</v>
      </c>
      <c r="AQ19" s="261">
        <v>0</v>
      </c>
      <c r="AR19" s="261">
        <v>0</v>
      </c>
      <c r="AS19" s="258">
        <v>2</v>
      </c>
      <c r="AT19" s="263">
        <v>2</v>
      </c>
      <c r="AU19" s="257">
        <v>0</v>
      </c>
      <c r="AV19" s="261">
        <v>0</v>
      </c>
      <c r="AW19" s="258">
        <v>0</v>
      </c>
      <c r="AX19" s="260">
        <v>0</v>
      </c>
      <c r="AY19" s="261">
        <v>1</v>
      </c>
      <c r="AZ19" s="261">
        <v>1</v>
      </c>
      <c r="BA19" s="261">
        <v>2</v>
      </c>
      <c r="BB19" s="261">
        <v>3</v>
      </c>
      <c r="BC19" s="261">
        <v>1</v>
      </c>
      <c r="BD19" s="258">
        <v>8</v>
      </c>
      <c r="BE19" s="263">
        <v>8</v>
      </c>
      <c r="BF19" s="257">
        <v>0</v>
      </c>
      <c r="BG19" s="261">
        <v>0</v>
      </c>
      <c r="BH19" s="258">
        <v>0</v>
      </c>
      <c r="BI19" s="260">
        <v>0</v>
      </c>
      <c r="BJ19" s="261">
        <v>4</v>
      </c>
      <c r="BK19" s="261">
        <v>3</v>
      </c>
      <c r="BL19" s="261">
        <v>6</v>
      </c>
      <c r="BM19" s="261">
        <v>2</v>
      </c>
      <c r="BN19" s="261">
        <v>0</v>
      </c>
      <c r="BO19" s="262">
        <v>15</v>
      </c>
      <c r="BP19" s="263">
        <v>15</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1</v>
      </c>
      <c r="CI19" s="261">
        <v>2</v>
      </c>
      <c r="CJ19" s="261">
        <v>0</v>
      </c>
      <c r="CK19" s="258">
        <v>3</v>
      </c>
      <c r="CL19" s="263">
        <v>3</v>
      </c>
      <c r="CM19" s="257">
        <v>0</v>
      </c>
      <c r="CN19" s="261">
        <v>0</v>
      </c>
      <c r="CO19" s="258">
        <v>0</v>
      </c>
      <c r="CP19" s="260">
        <v>0</v>
      </c>
      <c r="CQ19" s="261">
        <v>0</v>
      </c>
      <c r="CR19" s="261">
        <v>0</v>
      </c>
      <c r="CS19" s="261">
        <v>1</v>
      </c>
      <c r="CT19" s="261">
        <v>0</v>
      </c>
      <c r="CU19" s="261">
        <v>1</v>
      </c>
      <c r="CV19" s="258">
        <v>2</v>
      </c>
      <c r="CW19" s="263">
        <v>2</v>
      </c>
    </row>
    <row r="20" spans="2:101" ht="21" customHeight="1" x14ac:dyDescent="0.2">
      <c r="B20" s="472" t="s">
        <v>18</v>
      </c>
      <c r="C20" s="257">
        <v>0</v>
      </c>
      <c r="D20" s="258">
        <v>0</v>
      </c>
      <c r="E20" s="259">
        <v>0</v>
      </c>
      <c r="F20" s="260">
        <v>0</v>
      </c>
      <c r="G20" s="261">
        <v>0</v>
      </c>
      <c r="H20" s="261">
        <v>0</v>
      </c>
      <c r="I20" s="261">
        <v>0</v>
      </c>
      <c r="J20" s="261">
        <v>0</v>
      </c>
      <c r="K20" s="261">
        <v>1</v>
      </c>
      <c r="L20" s="262">
        <v>1</v>
      </c>
      <c r="M20" s="263">
        <v>1</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24</v>
      </c>
      <c r="AD20" s="261">
        <v>14</v>
      </c>
      <c r="AE20" s="261">
        <v>8</v>
      </c>
      <c r="AF20" s="261">
        <v>0</v>
      </c>
      <c r="AG20" s="261">
        <v>0</v>
      </c>
      <c r="AH20" s="258">
        <v>46</v>
      </c>
      <c r="AI20" s="263">
        <v>46</v>
      </c>
      <c r="AJ20" s="257">
        <v>0</v>
      </c>
      <c r="AK20" s="261">
        <v>0</v>
      </c>
      <c r="AL20" s="258">
        <v>0</v>
      </c>
      <c r="AM20" s="260">
        <v>0</v>
      </c>
      <c r="AN20" s="261">
        <v>0</v>
      </c>
      <c r="AO20" s="261">
        <v>0</v>
      </c>
      <c r="AP20" s="261">
        <v>3</v>
      </c>
      <c r="AQ20" s="261">
        <v>1</v>
      </c>
      <c r="AR20" s="261">
        <v>0</v>
      </c>
      <c r="AS20" s="258">
        <v>4</v>
      </c>
      <c r="AT20" s="263">
        <v>4</v>
      </c>
      <c r="AU20" s="257">
        <v>1</v>
      </c>
      <c r="AV20" s="261">
        <v>0</v>
      </c>
      <c r="AW20" s="258">
        <v>1</v>
      </c>
      <c r="AX20" s="260">
        <v>0</v>
      </c>
      <c r="AY20" s="261">
        <v>5</v>
      </c>
      <c r="AZ20" s="261">
        <v>2</v>
      </c>
      <c r="BA20" s="261">
        <v>7</v>
      </c>
      <c r="BB20" s="261">
        <v>2</v>
      </c>
      <c r="BC20" s="261">
        <v>1</v>
      </c>
      <c r="BD20" s="258">
        <v>17</v>
      </c>
      <c r="BE20" s="263">
        <v>18</v>
      </c>
      <c r="BF20" s="257">
        <v>0</v>
      </c>
      <c r="BG20" s="261">
        <v>0</v>
      </c>
      <c r="BH20" s="258">
        <v>0</v>
      </c>
      <c r="BI20" s="260">
        <v>0</v>
      </c>
      <c r="BJ20" s="261">
        <v>2</v>
      </c>
      <c r="BK20" s="261">
        <v>4</v>
      </c>
      <c r="BL20" s="261">
        <v>5</v>
      </c>
      <c r="BM20" s="261">
        <v>2</v>
      </c>
      <c r="BN20" s="261">
        <v>2</v>
      </c>
      <c r="BO20" s="262">
        <v>15</v>
      </c>
      <c r="BP20" s="263">
        <v>15</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1</v>
      </c>
      <c r="CI20" s="261">
        <v>1</v>
      </c>
      <c r="CJ20" s="261">
        <v>0</v>
      </c>
      <c r="CK20" s="258">
        <v>2</v>
      </c>
      <c r="CL20" s="263">
        <v>2</v>
      </c>
      <c r="CM20" s="257">
        <v>0</v>
      </c>
      <c r="CN20" s="261">
        <v>0</v>
      </c>
      <c r="CO20" s="258">
        <v>0</v>
      </c>
      <c r="CP20" s="260">
        <v>0</v>
      </c>
      <c r="CQ20" s="261">
        <v>0</v>
      </c>
      <c r="CR20" s="261">
        <v>0</v>
      </c>
      <c r="CS20" s="261">
        <v>2</v>
      </c>
      <c r="CT20" s="261">
        <v>0</v>
      </c>
      <c r="CU20" s="261">
        <v>0</v>
      </c>
      <c r="CV20" s="258">
        <v>2</v>
      </c>
      <c r="CW20" s="263">
        <v>2</v>
      </c>
    </row>
    <row r="21" spans="2:101" ht="21" customHeight="1" x14ac:dyDescent="0.2">
      <c r="B21" s="472" t="s">
        <v>19</v>
      </c>
      <c r="C21" s="257">
        <v>0</v>
      </c>
      <c r="D21" s="258">
        <v>0</v>
      </c>
      <c r="E21" s="259">
        <v>0</v>
      </c>
      <c r="F21" s="260">
        <v>0</v>
      </c>
      <c r="G21" s="261">
        <v>2</v>
      </c>
      <c r="H21" s="261">
        <v>1</v>
      </c>
      <c r="I21" s="261">
        <v>0</v>
      </c>
      <c r="J21" s="261">
        <v>1</v>
      </c>
      <c r="K21" s="261">
        <v>0</v>
      </c>
      <c r="L21" s="262">
        <v>4</v>
      </c>
      <c r="M21" s="263">
        <v>4</v>
      </c>
      <c r="N21" s="257">
        <v>0</v>
      </c>
      <c r="O21" s="261">
        <v>0</v>
      </c>
      <c r="P21" s="258">
        <v>0</v>
      </c>
      <c r="Q21" s="260">
        <v>0</v>
      </c>
      <c r="R21" s="261">
        <v>0</v>
      </c>
      <c r="S21" s="261">
        <v>0</v>
      </c>
      <c r="T21" s="261">
        <v>0</v>
      </c>
      <c r="U21" s="261">
        <v>0</v>
      </c>
      <c r="V21" s="261">
        <v>0</v>
      </c>
      <c r="W21" s="258">
        <v>0</v>
      </c>
      <c r="X21" s="263">
        <v>0</v>
      </c>
      <c r="Y21" s="257">
        <v>0</v>
      </c>
      <c r="Z21" s="261">
        <v>0</v>
      </c>
      <c r="AA21" s="258">
        <v>0</v>
      </c>
      <c r="AB21" s="260">
        <v>0</v>
      </c>
      <c r="AC21" s="261">
        <v>6</v>
      </c>
      <c r="AD21" s="261">
        <v>4</v>
      </c>
      <c r="AE21" s="261">
        <v>2</v>
      </c>
      <c r="AF21" s="261">
        <v>0</v>
      </c>
      <c r="AG21" s="261">
        <v>0</v>
      </c>
      <c r="AH21" s="258">
        <v>12</v>
      </c>
      <c r="AI21" s="263">
        <v>12</v>
      </c>
      <c r="AJ21" s="257">
        <v>0</v>
      </c>
      <c r="AK21" s="261">
        <v>0</v>
      </c>
      <c r="AL21" s="258">
        <v>0</v>
      </c>
      <c r="AM21" s="260">
        <v>0</v>
      </c>
      <c r="AN21" s="261">
        <v>2</v>
      </c>
      <c r="AO21" s="261">
        <v>2</v>
      </c>
      <c r="AP21" s="261">
        <v>3</v>
      </c>
      <c r="AQ21" s="261">
        <v>0</v>
      </c>
      <c r="AR21" s="261">
        <v>0</v>
      </c>
      <c r="AS21" s="258">
        <v>7</v>
      </c>
      <c r="AT21" s="263">
        <v>7</v>
      </c>
      <c r="AU21" s="257">
        <v>0</v>
      </c>
      <c r="AV21" s="261">
        <v>0</v>
      </c>
      <c r="AW21" s="258">
        <v>0</v>
      </c>
      <c r="AX21" s="260">
        <v>0</v>
      </c>
      <c r="AY21" s="261">
        <v>4</v>
      </c>
      <c r="AZ21" s="261">
        <v>1</v>
      </c>
      <c r="BA21" s="261">
        <v>3</v>
      </c>
      <c r="BB21" s="261">
        <v>1</v>
      </c>
      <c r="BC21" s="261">
        <v>0</v>
      </c>
      <c r="BD21" s="258">
        <v>9</v>
      </c>
      <c r="BE21" s="263">
        <v>9</v>
      </c>
      <c r="BF21" s="257">
        <v>0</v>
      </c>
      <c r="BG21" s="261">
        <v>0</v>
      </c>
      <c r="BH21" s="258">
        <v>0</v>
      </c>
      <c r="BI21" s="260">
        <v>0</v>
      </c>
      <c r="BJ21" s="261">
        <v>1</v>
      </c>
      <c r="BK21" s="261">
        <v>2</v>
      </c>
      <c r="BL21" s="261">
        <v>1</v>
      </c>
      <c r="BM21" s="261">
        <v>0</v>
      </c>
      <c r="BN21" s="261">
        <v>0</v>
      </c>
      <c r="BO21" s="262">
        <v>4</v>
      </c>
      <c r="BP21" s="263">
        <v>4</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0</v>
      </c>
      <c r="CS21" s="261">
        <v>0</v>
      </c>
      <c r="CT21" s="261">
        <v>1</v>
      </c>
      <c r="CU21" s="261">
        <v>2</v>
      </c>
      <c r="CV21" s="258">
        <v>3</v>
      </c>
      <c r="CW21" s="263">
        <v>3</v>
      </c>
    </row>
    <row r="22" spans="2:101" ht="21" customHeight="1" x14ac:dyDescent="0.2">
      <c r="B22" s="472" t="s">
        <v>20</v>
      </c>
      <c r="C22" s="257">
        <v>0</v>
      </c>
      <c r="D22" s="258">
        <v>0</v>
      </c>
      <c r="E22" s="259">
        <v>0</v>
      </c>
      <c r="F22" s="260">
        <v>0</v>
      </c>
      <c r="G22" s="261">
        <v>0</v>
      </c>
      <c r="H22" s="261">
        <v>0</v>
      </c>
      <c r="I22" s="261">
        <v>0</v>
      </c>
      <c r="J22" s="261">
        <v>0</v>
      </c>
      <c r="K22" s="261">
        <v>0</v>
      </c>
      <c r="L22" s="262">
        <v>0</v>
      </c>
      <c r="M22" s="263">
        <v>0</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4</v>
      </c>
      <c r="AD22" s="261">
        <v>10</v>
      </c>
      <c r="AE22" s="261">
        <v>3</v>
      </c>
      <c r="AF22" s="261">
        <v>1</v>
      </c>
      <c r="AG22" s="261">
        <v>1</v>
      </c>
      <c r="AH22" s="258">
        <v>29</v>
      </c>
      <c r="AI22" s="263">
        <v>29</v>
      </c>
      <c r="AJ22" s="257">
        <v>0</v>
      </c>
      <c r="AK22" s="261">
        <v>0</v>
      </c>
      <c r="AL22" s="258">
        <v>0</v>
      </c>
      <c r="AM22" s="260">
        <v>0</v>
      </c>
      <c r="AN22" s="261">
        <v>0</v>
      </c>
      <c r="AO22" s="261">
        <v>0</v>
      </c>
      <c r="AP22" s="261">
        <v>0</v>
      </c>
      <c r="AQ22" s="261">
        <v>0</v>
      </c>
      <c r="AR22" s="261">
        <v>0</v>
      </c>
      <c r="AS22" s="258">
        <v>0</v>
      </c>
      <c r="AT22" s="263">
        <v>0</v>
      </c>
      <c r="AU22" s="257">
        <v>0</v>
      </c>
      <c r="AV22" s="261">
        <v>0</v>
      </c>
      <c r="AW22" s="258">
        <v>0</v>
      </c>
      <c r="AX22" s="260">
        <v>0</v>
      </c>
      <c r="AY22" s="261">
        <v>1</v>
      </c>
      <c r="AZ22" s="261">
        <v>0</v>
      </c>
      <c r="BA22" s="261">
        <v>1</v>
      </c>
      <c r="BB22" s="261">
        <v>0</v>
      </c>
      <c r="BC22" s="261">
        <v>0</v>
      </c>
      <c r="BD22" s="258">
        <v>2</v>
      </c>
      <c r="BE22" s="263">
        <v>2</v>
      </c>
      <c r="BF22" s="257">
        <v>0</v>
      </c>
      <c r="BG22" s="261">
        <v>0</v>
      </c>
      <c r="BH22" s="258">
        <v>0</v>
      </c>
      <c r="BI22" s="260">
        <v>0</v>
      </c>
      <c r="BJ22" s="261">
        <v>1</v>
      </c>
      <c r="BK22" s="261">
        <v>2</v>
      </c>
      <c r="BL22" s="261">
        <v>2</v>
      </c>
      <c r="BM22" s="261">
        <v>1</v>
      </c>
      <c r="BN22" s="261">
        <v>1</v>
      </c>
      <c r="BO22" s="262">
        <v>7</v>
      </c>
      <c r="BP22" s="263">
        <v>7</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0</v>
      </c>
      <c r="H23" s="261">
        <v>0</v>
      </c>
      <c r="I23" s="261">
        <v>0</v>
      </c>
      <c r="J23" s="261">
        <v>0</v>
      </c>
      <c r="K23" s="261">
        <v>0</v>
      </c>
      <c r="L23" s="262">
        <v>0</v>
      </c>
      <c r="M23" s="263">
        <v>0</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2</v>
      </c>
      <c r="AD23" s="261">
        <v>12</v>
      </c>
      <c r="AE23" s="261">
        <v>2</v>
      </c>
      <c r="AF23" s="261">
        <v>3</v>
      </c>
      <c r="AG23" s="261">
        <v>0</v>
      </c>
      <c r="AH23" s="258">
        <v>29</v>
      </c>
      <c r="AI23" s="263">
        <v>29</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0</v>
      </c>
      <c r="AZ23" s="261">
        <v>0</v>
      </c>
      <c r="BA23" s="261">
        <v>1</v>
      </c>
      <c r="BB23" s="261">
        <v>0</v>
      </c>
      <c r="BC23" s="261">
        <v>0</v>
      </c>
      <c r="BD23" s="258">
        <v>1</v>
      </c>
      <c r="BE23" s="263">
        <v>1</v>
      </c>
      <c r="BF23" s="257">
        <v>0</v>
      </c>
      <c r="BG23" s="261">
        <v>0</v>
      </c>
      <c r="BH23" s="258">
        <v>0</v>
      </c>
      <c r="BI23" s="260">
        <v>0</v>
      </c>
      <c r="BJ23" s="261">
        <v>2</v>
      </c>
      <c r="BK23" s="261">
        <v>2</v>
      </c>
      <c r="BL23" s="261">
        <v>2</v>
      </c>
      <c r="BM23" s="261">
        <v>0</v>
      </c>
      <c r="BN23" s="261">
        <v>0</v>
      </c>
      <c r="BO23" s="262">
        <v>6</v>
      </c>
      <c r="BP23" s="263">
        <v>6</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0</v>
      </c>
      <c r="H24" s="261">
        <v>2</v>
      </c>
      <c r="I24" s="261">
        <v>0</v>
      </c>
      <c r="J24" s="261">
        <v>0</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4</v>
      </c>
      <c r="AD24" s="261">
        <v>2</v>
      </c>
      <c r="AE24" s="261">
        <v>2</v>
      </c>
      <c r="AF24" s="261">
        <v>2</v>
      </c>
      <c r="AG24" s="261">
        <v>0</v>
      </c>
      <c r="AH24" s="258">
        <v>10</v>
      </c>
      <c r="AI24" s="263">
        <v>10</v>
      </c>
      <c r="AJ24" s="257">
        <v>0</v>
      </c>
      <c r="AK24" s="261">
        <v>0</v>
      </c>
      <c r="AL24" s="258">
        <v>0</v>
      </c>
      <c r="AM24" s="260">
        <v>0</v>
      </c>
      <c r="AN24" s="261">
        <v>0</v>
      </c>
      <c r="AO24" s="261">
        <v>0</v>
      </c>
      <c r="AP24" s="261">
        <v>1</v>
      </c>
      <c r="AQ24" s="261">
        <v>0</v>
      </c>
      <c r="AR24" s="261">
        <v>0</v>
      </c>
      <c r="AS24" s="258">
        <v>1</v>
      </c>
      <c r="AT24" s="263">
        <v>1</v>
      </c>
      <c r="AU24" s="257">
        <v>0</v>
      </c>
      <c r="AV24" s="261">
        <v>0</v>
      </c>
      <c r="AW24" s="258">
        <v>0</v>
      </c>
      <c r="AX24" s="260">
        <v>0</v>
      </c>
      <c r="AY24" s="261">
        <v>2</v>
      </c>
      <c r="AZ24" s="261">
        <v>1</v>
      </c>
      <c r="BA24" s="261">
        <v>0</v>
      </c>
      <c r="BB24" s="261">
        <v>0</v>
      </c>
      <c r="BC24" s="261">
        <v>0</v>
      </c>
      <c r="BD24" s="258">
        <v>3</v>
      </c>
      <c r="BE24" s="263">
        <v>3</v>
      </c>
      <c r="BF24" s="257">
        <v>0</v>
      </c>
      <c r="BG24" s="261">
        <v>0</v>
      </c>
      <c r="BH24" s="258">
        <v>0</v>
      </c>
      <c r="BI24" s="260">
        <v>0</v>
      </c>
      <c r="BJ24" s="261">
        <v>1</v>
      </c>
      <c r="BK24" s="261">
        <v>2</v>
      </c>
      <c r="BL24" s="261">
        <v>1</v>
      </c>
      <c r="BM24" s="261">
        <v>0</v>
      </c>
      <c r="BN24" s="261">
        <v>0</v>
      </c>
      <c r="BO24" s="262">
        <v>4</v>
      </c>
      <c r="BP24" s="263">
        <v>4</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0</v>
      </c>
      <c r="CI24" s="261">
        <v>2</v>
      </c>
      <c r="CJ24" s="261">
        <v>0</v>
      </c>
      <c r="CK24" s="258">
        <v>2</v>
      </c>
      <c r="CL24" s="263">
        <v>2</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0</v>
      </c>
      <c r="L25" s="262">
        <v>0</v>
      </c>
      <c r="M25" s="263">
        <v>0</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5</v>
      </c>
      <c r="AD25" s="261">
        <v>2</v>
      </c>
      <c r="AE25" s="261">
        <v>3</v>
      </c>
      <c r="AF25" s="261">
        <v>0</v>
      </c>
      <c r="AG25" s="261">
        <v>0</v>
      </c>
      <c r="AH25" s="258">
        <v>10</v>
      </c>
      <c r="AI25" s="263">
        <v>10</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1</v>
      </c>
      <c r="BA25" s="261">
        <v>0</v>
      </c>
      <c r="BB25" s="261">
        <v>0</v>
      </c>
      <c r="BC25" s="261">
        <v>0</v>
      </c>
      <c r="BD25" s="258">
        <v>1</v>
      </c>
      <c r="BE25" s="263">
        <v>1</v>
      </c>
      <c r="BF25" s="257">
        <v>0</v>
      </c>
      <c r="BG25" s="261">
        <v>0</v>
      </c>
      <c r="BH25" s="258">
        <v>0</v>
      </c>
      <c r="BI25" s="260">
        <v>0</v>
      </c>
      <c r="BJ25" s="261">
        <v>2</v>
      </c>
      <c r="BK25" s="261">
        <v>1</v>
      </c>
      <c r="BL25" s="261">
        <v>3</v>
      </c>
      <c r="BM25" s="261">
        <v>2</v>
      </c>
      <c r="BN25" s="261">
        <v>0</v>
      </c>
      <c r="BO25" s="262">
        <v>8</v>
      </c>
      <c r="BP25" s="263">
        <v>8</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1</v>
      </c>
      <c r="J26" s="261">
        <v>1</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1</v>
      </c>
      <c r="AD26" s="261">
        <v>5</v>
      </c>
      <c r="AE26" s="261">
        <v>2</v>
      </c>
      <c r="AF26" s="261">
        <v>0</v>
      </c>
      <c r="AG26" s="261">
        <v>0</v>
      </c>
      <c r="AH26" s="258">
        <v>8</v>
      </c>
      <c r="AI26" s="263">
        <v>8</v>
      </c>
      <c r="AJ26" s="257">
        <v>0</v>
      </c>
      <c r="AK26" s="261">
        <v>0</v>
      </c>
      <c r="AL26" s="258">
        <v>0</v>
      </c>
      <c r="AM26" s="260">
        <v>0</v>
      </c>
      <c r="AN26" s="261">
        <v>0</v>
      </c>
      <c r="AO26" s="261">
        <v>0</v>
      </c>
      <c r="AP26" s="261">
        <v>1</v>
      </c>
      <c r="AQ26" s="261">
        <v>0</v>
      </c>
      <c r="AR26" s="261">
        <v>0</v>
      </c>
      <c r="AS26" s="258">
        <v>1</v>
      </c>
      <c r="AT26" s="263">
        <v>1</v>
      </c>
      <c r="AU26" s="257">
        <v>0</v>
      </c>
      <c r="AV26" s="261">
        <v>0</v>
      </c>
      <c r="AW26" s="258">
        <v>0</v>
      </c>
      <c r="AX26" s="260">
        <v>0</v>
      </c>
      <c r="AY26" s="261">
        <v>0</v>
      </c>
      <c r="AZ26" s="261">
        <v>0</v>
      </c>
      <c r="BA26" s="261">
        <v>0</v>
      </c>
      <c r="BB26" s="261">
        <v>0</v>
      </c>
      <c r="BC26" s="261">
        <v>0</v>
      </c>
      <c r="BD26" s="258">
        <v>0</v>
      </c>
      <c r="BE26" s="263">
        <v>0</v>
      </c>
      <c r="BF26" s="257">
        <v>0</v>
      </c>
      <c r="BG26" s="261">
        <v>0</v>
      </c>
      <c r="BH26" s="258">
        <v>0</v>
      </c>
      <c r="BI26" s="260">
        <v>0</v>
      </c>
      <c r="BJ26" s="261">
        <v>0</v>
      </c>
      <c r="BK26" s="261">
        <v>1</v>
      </c>
      <c r="BL26" s="261">
        <v>2</v>
      </c>
      <c r="BM26" s="261">
        <v>0</v>
      </c>
      <c r="BN26" s="261">
        <v>1</v>
      </c>
      <c r="BO26" s="262">
        <v>4</v>
      </c>
      <c r="BP26" s="263">
        <v>4</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4</v>
      </c>
      <c r="AD27" s="261">
        <v>2</v>
      </c>
      <c r="AE27" s="261">
        <v>1</v>
      </c>
      <c r="AF27" s="261">
        <v>0</v>
      </c>
      <c r="AG27" s="261">
        <v>0</v>
      </c>
      <c r="AH27" s="258">
        <v>7</v>
      </c>
      <c r="AI27" s="263">
        <v>7</v>
      </c>
      <c r="AJ27" s="257">
        <v>0</v>
      </c>
      <c r="AK27" s="261">
        <v>0</v>
      </c>
      <c r="AL27" s="258">
        <v>0</v>
      </c>
      <c r="AM27" s="260">
        <v>0</v>
      </c>
      <c r="AN27" s="261">
        <v>0</v>
      </c>
      <c r="AO27" s="261">
        <v>0</v>
      </c>
      <c r="AP27" s="261">
        <v>0</v>
      </c>
      <c r="AQ27" s="261">
        <v>0</v>
      </c>
      <c r="AR27" s="261">
        <v>0</v>
      </c>
      <c r="AS27" s="258">
        <v>0</v>
      </c>
      <c r="AT27" s="263">
        <v>0</v>
      </c>
      <c r="AU27" s="257">
        <v>1</v>
      </c>
      <c r="AV27" s="261">
        <v>0</v>
      </c>
      <c r="AW27" s="258">
        <v>1</v>
      </c>
      <c r="AX27" s="260">
        <v>0</v>
      </c>
      <c r="AY27" s="261">
        <v>0</v>
      </c>
      <c r="AZ27" s="261">
        <v>0</v>
      </c>
      <c r="BA27" s="261">
        <v>0</v>
      </c>
      <c r="BB27" s="261">
        <v>0</v>
      </c>
      <c r="BC27" s="261">
        <v>0</v>
      </c>
      <c r="BD27" s="258">
        <v>0</v>
      </c>
      <c r="BE27" s="263">
        <v>1</v>
      </c>
      <c r="BF27" s="257">
        <v>0</v>
      </c>
      <c r="BG27" s="261">
        <v>0</v>
      </c>
      <c r="BH27" s="258">
        <v>0</v>
      </c>
      <c r="BI27" s="260">
        <v>0</v>
      </c>
      <c r="BJ27" s="261">
        <v>0</v>
      </c>
      <c r="BK27" s="261">
        <v>0</v>
      </c>
      <c r="BL27" s="261">
        <v>0</v>
      </c>
      <c r="BM27" s="261">
        <v>0</v>
      </c>
      <c r="BN27" s="261">
        <v>0</v>
      </c>
      <c r="BO27" s="262">
        <v>0</v>
      </c>
      <c r="BP27" s="263">
        <v>0</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2</v>
      </c>
      <c r="AE28" s="261">
        <v>1</v>
      </c>
      <c r="AF28" s="261">
        <v>1</v>
      </c>
      <c r="AG28" s="261">
        <v>1</v>
      </c>
      <c r="AH28" s="258">
        <v>8</v>
      </c>
      <c r="AI28" s="263">
        <v>8</v>
      </c>
      <c r="AJ28" s="257">
        <v>0</v>
      </c>
      <c r="AK28" s="261">
        <v>0</v>
      </c>
      <c r="AL28" s="258">
        <v>0</v>
      </c>
      <c r="AM28" s="260">
        <v>0</v>
      </c>
      <c r="AN28" s="261">
        <v>0</v>
      </c>
      <c r="AO28" s="261">
        <v>1</v>
      </c>
      <c r="AP28" s="261">
        <v>1</v>
      </c>
      <c r="AQ28" s="261">
        <v>0</v>
      </c>
      <c r="AR28" s="261">
        <v>0</v>
      </c>
      <c r="AS28" s="258">
        <v>2</v>
      </c>
      <c r="AT28" s="263">
        <v>2</v>
      </c>
      <c r="AU28" s="257">
        <v>0</v>
      </c>
      <c r="AV28" s="261">
        <v>0</v>
      </c>
      <c r="AW28" s="258">
        <v>0</v>
      </c>
      <c r="AX28" s="260">
        <v>0</v>
      </c>
      <c r="AY28" s="261">
        <v>0</v>
      </c>
      <c r="AZ28" s="261">
        <v>0</v>
      </c>
      <c r="BA28" s="261">
        <v>0</v>
      </c>
      <c r="BB28" s="261">
        <v>0</v>
      </c>
      <c r="BC28" s="261">
        <v>0</v>
      </c>
      <c r="BD28" s="258">
        <v>0</v>
      </c>
      <c r="BE28" s="263">
        <v>0</v>
      </c>
      <c r="BF28" s="257">
        <v>0</v>
      </c>
      <c r="BG28" s="261">
        <v>0</v>
      </c>
      <c r="BH28" s="258">
        <v>0</v>
      </c>
      <c r="BI28" s="260">
        <v>0</v>
      </c>
      <c r="BJ28" s="261">
        <v>0</v>
      </c>
      <c r="BK28" s="261">
        <v>1</v>
      </c>
      <c r="BL28" s="261">
        <v>0</v>
      </c>
      <c r="BM28" s="261">
        <v>2</v>
      </c>
      <c r="BN28" s="261">
        <v>0</v>
      </c>
      <c r="BO28" s="262">
        <v>3</v>
      </c>
      <c r="BP28" s="263">
        <v>3</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0</v>
      </c>
      <c r="AD29" s="261">
        <v>1</v>
      </c>
      <c r="AE29" s="261">
        <v>0</v>
      </c>
      <c r="AF29" s="261">
        <v>0</v>
      </c>
      <c r="AG29" s="261">
        <v>0</v>
      </c>
      <c r="AH29" s="258">
        <v>1</v>
      </c>
      <c r="AI29" s="263">
        <v>1</v>
      </c>
      <c r="AJ29" s="257">
        <v>0</v>
      </c>
      <c r="AK29" s="261">
        <v>0</v>
      </c>
      <c r="AL29" s="258">
        <v>0</v>
      </c>
      <c r="AM29" s="260">
        <v>0</v>
      </c>
      <c r="AN29" s="261">
        <v>0</v>
      </c>
      <c r="AO29" s="261">
        <v>0</v>
      </c>
      <c r="AP29" s="261">
        <v>0</v>
      </c>
      <c r="AQ29" s="261">
        <v>1</v>
      </c>
      <c r="AR29" s="261">
        <v>0</v>
      </c>
      <c r="AS29" s="258">
        <v>1</v>
      </c>
      <c r="AT29" s="263">
        <v>1</v>
      </c>
      <c r="AU29" s="257">
        <v>0</v>
      </c>
      <c r="AV29" s="261">
        <v>0</v>
      </c>
      <c r="AW29" s="258">
        <v>0</v>
      </c>
      <c r="AX29" s="260">
        <v>0</v>
      </c>
      <c r="AY29" s="261">
        <v>0</v>
      </c>
      <c r="AZ29" s="261">
        <v>0</v>
      </c>
      <c r="BA29" s="261">
        <v>1</v>
      </c>
      <c r="BB29" s="261">
        <v>0</v>
      </c>
      <c r="BC29" s="261">
        <v>0</v>
      </c>
      <c r="BD29" s="258">
        <v>1</v>
      </c>
      <c r="BE29" s="263">
        <v>1</v>
      </c>
      <c r="BF29" s="257">
        <v>0</v>
      </c>
      <c r="BG29" s="261">
        <v>0</v>
      </c>
      <c r="BH29" s="258">
        <v>0</v>
      </c>
      <c r="BI29" s="260">
        <v>0</v>
      </c>
      <c r="BJ29" s="261">
        <v>1</v>
      </c>
      <c r="BK29" s="261">
        <v>0</v>
      </c>
      <c r="BL29" s="261">
        <v>1</v>
      </c>
      <c r="BM29" s="261">
        <v>0</v>
      </c>
      <c r="BN29" s="261">
        <v>0</v>
      </c>
      <c r="BO29" s="262">
        <v>2</v>
      </c>
      <c r="BP29" s="263">
        <v>2</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1</v>
      </c>
      <c r="CI29" s="261">
        <v>0</v>
      </c>
      <c r="CJ29" s="261">
        <v>0</v>
      </c>
      <c r="CK29" s="258">
        <v>1</v>
      </c>
      <c r="CL29" s="263">
        <v>1</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4</v>
      </c>
      <c r="AD30" s="261">
        <v>1</v>
      </c>
      <c r="AE30" s="261">
        <v>0</v>
      </c>
      <c r="AF30" s="261">
        <v>0</v>
      </c>
      <c r="AG30" s="261">
        <v>0</v>
      </c>
      <c r="AH30" s="258">
        <v>5</v>
      </c>
      <c r="AI30" s="263">
        <v>5</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0</v>
      </c>
      <c r="BL30" s="261">
        <v>0</v>
      </c>
      <c r="BM30" s="261">
        <v>0</v>
      </c>
      <c r="BN30" s="261">
        <v>1</v>
      </c>
      <c r="BO30" s="262">
        <v>1</v>
      </c>
      <c r="BP30" s="263">
        <v>1</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0</v>
      </c>
      <c r="H31" s="261">
        <v>0</v>
      </c>
      <c r="I31" s="261">
        <v>0</v>
      </c>
      <c r="J31" s="261">
        <v>0</v>
      </c>
      <c r="K31" s="261">
        <v>0</v>
      </c>
      <c r="L31" s="262">
        <v>0</v>
      </c>
      <c r="M31" s="263">
        <v>0</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1</v>
      </c>
      <c r="AD31" s="261">
        <v>1</v>
      </c>
      <c r="AE31" s="261">
        <v>1</v>
      </c>
      <c r="AF31" s="261">
        <v>0</v>
      </c>
      <c r="AG31" s="261">
        <v>0</v>
      </c>
      <c r="AH31" s="258">
        <v>3</v>
      </c>
      <c r="AI31" s="263">
        <v>3</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0</v>
      </c>
      <c r="AZ31" s="261">
        <v>0</v>
      </c>
      <c r="BA31" s="261">
        <v>0</v>
      </c>
      <c r="BB31" s="261">
        <v>0</v>
      </c>
      <c r="BC31" s="261">
        <v>0</v>
      </c>
      <c r="BD31" s="258">
        <v>0</v>
      </c>
      <c r="BE31" s="263">
        <v>0</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1</v>
      </c>
      <c r="CI31" s="261">
        <v>1</v>
      </c>
      <c r="CJ31" s="261">
        <v>0</v>
      </c>
      <c r="CK31" s="258">
        <v>2</v>
      </c>
      <c r="CL31" s="263">
        <v>2</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v>
      </c>
      <c r="AD32" s="261">
        <v>0</v>
      </c>
      <c r="AE32" s="261">
        <v>1</v>
      </c>
      <c r="AF32" s="261">
        <v>0</v>
      </c>
      <c r="AG32" s="261">
        <v>0</v>
      </c>
      <c r="AH32" s="258">
        <v>3</v>
      </c>
      <c r="AI32" s="263">
        <v>3</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1</v>
      </c>
      <c r="BN32" s="261">
        <v>0</v>
      </c>
      <c r="BO32" s="262">
        <v>1</v>
      </c>
      <c r="BP32" s="263">
        <v>1</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0</v>
      </c>
      <c r="I33" s="261">
        <v>0</v>
      </c>
      <c r="J33" s="261">
        <v>0</v>
      </c>
      <c r="K33" s="261">
        <v>0</v>
      </c>
      <c r="L33" s="262">
        <v>0</v>
      </c>
      <c r="M33" s="263">
        <v>0</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1</v>
      </c>
      <c r="AD33" s="261">
        <v>1</v>
      </c>
      <c r="AE33" s="261">
        <v>0</v>
      </c>
      <c r="AF33" s="261">
        <v>0</v>
      </c>
      <c r="AG33" s="261">
        <v>0</v>
      </c>
      <c r="AH33" s="258">
        <v>2</v>
      </c>
      <c r="AI33" s="263">
        <v>2</v>
      </c>
      <c r="AJ33" s="257">
        <v>0</v>
      </c>
      <c r="AK33" s="261">
        <v>0</v>
      </c>
      <c r="AL33" s="258">
        <v>0</v>
      </c>
      <c r="AM33" s="260">
        <v>0</v>
      </c>
      <c r="AN33" s="261">
        <v>0</v>
      </c>
      <c r="AO33" s="261">
        <v>0</v>
      </c>
      <c r="AP33" s="261">
        <v>0</v>
      </c>
      <c r="AQ33" s="261">
        <v>1</v>
      </c>
      <c r="AR33" s="261">
        <v>0</v>
      </c>
      <c r="AS33" s="258">
        <v>1</v>
      </c>
      <c r="AT33" s="263">
        <v>1</v>
      </c>
      <c r="AU33" s="257">
        <v>0</v>
      </c>
      <c r="AV33" s="261">
        <v>0</v>
      </c>
      <c r="AW33" s="258">
        <v>0</v>
      </c>
      <c r="AX33" s="260">
        <v>0</v>
      </c>
      <c r="AY33" s="261">
        <v>1</v>
      </c>
      <c r="AZ33" s="261">
        <v>0</v>
      </c>
      <c r="BA33" s="261">
        <v>0</v>
      </c>
      <c r="BB33" s="261">
        <v>0</v>
      </c>
      <c r="BC33" s="261">
        <v>0</v>
      </c>
      <c r="BD33" s="258">
        <v>1</v>
      </c>
      <c r="BE33" s="263">
        <v>1</v>
      </c>
      <c r="BF33" s="257">
        <v>0</v>
      </c>
      <c r="BG33" s="261">
        <v>0</v>
      </c>
      <c r="BH33" s="258">
        <v>0</v>
      </c>
      <c r="BI33" s="260">
        <v>0</v>
      </c>
      <c r="BJ33" s="261">
        <v>0</v>
      </c>
      <c r="BK33" s="261">
        <v>1</v>
      </c>
      <c r="BL33" s="261">
        <v>0</v>
      </c>
      <c r="BM33" s="261">
        <v>1</v>
      </c>
      <c r="BN33" s="261">
        <v>1</v>
      </c>
      <c r="BO33" s="262">
        <v>3</v>
      </c>
      <c r="BP33" s="263">
        <v>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1</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1</v>
      </c>
      <c r="I34" s="261">
        <v>0</v>
      </c>
      <c r="J34" s="261">
        <v>0</v>
      </c>
      <c r="K34" s="261">
        <v>0</v>
      </c>
      <c r="L34" s="262">
        <v>1</v>
      </c>
      <c r="M34" s="263">
        <v>1</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v>
      </c>
      <c r="AD34" s="261">
        <v>4</v>
      </c>
      <c r="AE34" s="261">
        <v>1</v>
      </c>
      <c r="AF34" s="261">
        <v>0</v>
      </c>
      <c r="AG34" s="261">
        <v>1</v>
      </c>
      <c r="AH34" s="258">
        <v>9</v>
      </c>
      <c r="AI34" s="263">
        <v>9</v>
      </c>
      <c r="AJ34" s="257">
        <v>0</v>
      </c>
      <c r="AK34" s="261">
        <v>0</v>
      </c>
      <c r="AL34" s="258">
        <v>0</v>
      </c>
      <c r="AM34" s="260">
        <v>0</v>
      </c>
      <c r="AN34" s="261">
        <v>0</v>
      </c>
      <c r="AO34" s="261">
        <v>0</v>
      </c>
      <c r="AP34" s="261">
        <v>0</v>
      </c>
      <c r="AQ34" s="261">
        <v>0</v>
      </c>
      <c r="AR34" s="261">
        <v>0</v>
      </c>
      <c r="AS34" s="258">
        <v>0</v>
      </c>
      <c r="AT34" s="263">
        <v>0</v>
      </c>
      <c r="AU34" s="257">
        <v>0</v>
      </c>
      <c r="AV34" s="261">
        <v>0</v>
      </c>
      <c r="AW34" s="258">
        <v>0</v>
      </c>
      <c r="AX34" s="260">
        <v>0</v>
      </c>
      <c r="AY34" s="261">
        <v>0</v>
      </c>
      <c r="AZ34" s="261">
        <v>0</v>
      </c>
      <c r="BA34" s="261">
        <v>0</v>
      </c>
      <c r="BB34" s="261">
        <v>0</v>
      </c>
      <c r="BC34" s="261">
        <v>0</v>
      </c>
      <c r="BD34" s="258">
        <v>0</v>
      </c>
      <c r="BE34" s="263">
        <v>0</v>
      </c>
      <c r="BF34" s="257">
        <v>0</v>
      </c>
      <c r="BG34" s="261">
        <v>0</v>
      </c>
      <c r="BH34" s="258">
        <v>0</v>
      </c>
      <c r="BI34" s="260">
        <v>0</v>
      </c>
      <c r="BJ34" s="261">
        <v>0</v>
      </c>
      <c r="BK34" s="261">
        <v>0</v>
      </c>
      <c r="BL34" s="261">
        <v>1</v>
      </c>
      <c r="BM34" s="261">
        <v>0</v>
      </c>
      <c r="BN34" s="261">
        <v>0</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1</v>
      </c>
      <c r="CJ34" s="261">
        <v>0</v>
      </c>
      <c r="CK34" s="258">
        <v>2</v>
      </c>
      <c r="CL34" s="263">
        <v>2</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0</v>
      </c>
      <c r="AF35" s="261">
        <v>0</v>
      </c>
      <c r="AG35" s="261">
        <v>0</v>
      </c>
      <c r="AH35" s="258">
        <v>1</v>
      </c>
      <c r="AI35" s="263">
        <v>1</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1</v>
      </c>
      <c r="CR35" s="261">
        <v>0</v>
      </c>
      <c r="CS35" s="261">
        <v>1</v>
      </c>
      <c r="CT35" s="261">
        <v>0</v>
      </c>
      <c r="CU35" s="261">
        <v>0</v>
      </c>
      <c r="CV35" s="258">
        <v>2</v>
      </c>
      <c r="CW35" s="263">
        <v>2</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2</v>
      </c>
      <c r="AE36" s="261">
        <v>0</v>
      </c>
      <c r="AF36" s="261">
        <v>0</v>
      </c>
      <c r="AG36" s="261">
        <v>0</v>
      </c>
      <c r="AH36" s="258">
        <v>3</v>
      </c>
      <c r="AI36" s="263">
        <v>3</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1</v>
      </c>
      <c r="BA36" s="261">
        <v>1</v>
      </c>
      <c r="BB36" s="261">
        <v>0</v>
      </c>
      <c r="BC36" s="261">
        <v>0</v>
      </c>
      <c r="BD36" s="258">
        <v>2</v>
      </c>
      <c r="BE36" s="263">
        <v>2</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1</v>
      </c>
      <c r="CT36" s="261">
        <v>0</v>
      </c>
      <c r="CU36" s="261">
        <v>0</v>
      </c>
      <c r="CV36" s="258">
        <v>1</v>
      </c>
      <c r="CW36" s="263">
        <v>1</v>
      </c>
    </row>
    <row r="37" spans="2:101" ht="21" customHeight="1" x14ac:dyDescent="0.2">
      <c r="B37" s="472" t="s">
        <v>35</v>
      </c>
      <c r="C37" s="257">
        <v>0</v>
      </c>
      <c r="D37" s="258">
        <v>0</v>
      </c>
      <c r="E37" s="259">
        <v>0</v>
      </c>
      <c r="F37" s="260">
        <v>0</v>
      </c>
      <c r="G37" s="261">
        <v>0</v>
      </c>
      <c r="H37" s="261">
        <v>0</v>
      </c>
      <c r="I37" s="261">
        <v>1</v>
      </c>
      <c r="J37" s="261">
        <v>0</v>
      </c>
      <c r="K37" s="261">
        <v>0</v>
      </c>
      <c r="L37" s="262">
        <v>1</v>
      </c>
      <c r="M37" s="263">
        <v>1</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1</v>
      </c>
      <c r="BA37" s="261">
        <v>1</v>
      </c>
      <c r="BB37" s="261">
        <v>0</v>
      </c>
      <c r="BC37" s="261">
        <v>0</v>
      </c>
      <c r="BD37" s="258">
        <v>2</v>
      </c>
      <c r="BE37" s="263">
        <v>2</v>
      </c>
      <c r="BF37" s="257">
        <v>0</v>
      </c>
      <c r="BG37" s="261">
        <v>0</v>
      </c>
      <c r="BH37" s="258">
        <v>0</v>
      </c>
      <c r="BI37" s="260">
        <v>0</v>
      </c>
      <c r="BJ37" s="261">
        <v>1</v>
      </c>
      <c r="BK37" s="261">
        <v>1</v>
      </c>
      <c r="BL37" s="261">
        <v>0</v>
      </c>
      <c r="BM37" s="261">
        <v>0</v>
      </c>
      <c r="BN37" s="261">
        <v>0</v>
      </c>
      <c r="BO37" s="262">
        <v>2</v>
      </c>
      <c r="BP37" s="263">
        <v>2</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2</v>
      </c>
      <c r="AD38" s="261">
        <v>1</v>
      </c>
      <c r="AE38" s="261">
        <v>0</v>
      </c>
      <c r="AF38" s="261">
        <v>1</v>
      </c>
      <c r="AG38" s="261">
        <v>0</v>
      </c>
      <c r="AH38" s="258">
        <v>4</v>
      </c>
      <c r="AI38" s="263">
        <v>4</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0</v>
      </c>
      <c r="BB38" s="261">
        <v>0</v>
      </c>
      <c r="BC38" s="261">
        <v>0</v>
      </c>
      <c r="BD38" s="258">
        <v>0</v>
      </c>
      <c r="BE38" s="263">
        <v>0</v>
      </c>
      <c r="BF38" s="257">
        <v>0</v>
      </c>
      <c r="BG38" s="261">
        <v>0</v>
      </c>
      <c r="BH38" s="258">
        <v>0</v>
      </c>
      <c r="BI38" s="260">
        <v>0</v>
      </c>
      <c r="BJ38" s="261">
        <v>0</v>
      </c>
      <c r="BK38" s="261">
        <v>0</v>
      </c>
      <c r="BL38" s="261">
        <v>0</v>
      </c>
      <c r="BM38" s="261">
        <v>1</v>
      </c>
      <c r="BN38" s="261">
        <v>0</v>
      </c>
      <c r="BO38" s="262">
        <v>1</v>
      </c>
      <c r="BP38" s="263">
        <v>1</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500">
        <f>第１表!F2</f>
        <v>5</v>
      </c>
      <c r="J1" s="500"/>
      <c r="K1" s="235">
        <f>第１表!G2</f>
        <v>11</v>
      </c>
      <c r="L1" s="505">
        <f>IF(K1&lt;3,K1+12-2,K1-2)</f>
        <v>9</v>
      </c>
      <c r="M1" s="505"/>
    </row>
    <row r="2" spans="1:101" s="272" customFormat="1" ht="24" customHeight="1" thickBot="1" x14ac:dyDescent="0.25">
      <c r="A2" s="39"/>
      <c r="B2" s="271" t="s">
        <v>154</v>
      </c>
    </row>
    <row r="3" spans="1:101" ht="21" customHeight="1" thickBot="1" x14ac:dyDescent="0.25">
      <c r="B3" s="513"/>
      <c r="C3" s="516" t="s">
        <v>94</v>
      </c>
      <c r="D3" s="517"/>
      <c r="E3" s="517"/>
      <c r="F3" s="517"/>
      <c r="G3" s="517"/>
      <c r="H3" s="517"/>
      <c r="I3" s="517"/>
      <c r="J3" s="517"/>
      <c r="K3" s="517"/>
      <c r="L3" s="517"/>
      <c r="M3" s="518"/>
      <c r="N3" s="516" t="s">
        <v>88</v>
      </c>
      <c r="O3" s="517"/>
      <c r="P3" s="517"/>
      <c r="Q3" s="517"/>
      <c r="R3" s="517"/>
      <c r="S3" s="517"/>
      <c r="T3" s="517"/>
      <c r="U3" s="517"/>
      <c r="V3" s="517"/>
      <c r="W3" s="517"/>
      <c r="X3" s="518"/>
      <c r="Y3" s="516" t="s">
        <v>141</v>
      </c>
      <c r="Z3" s="517"/>
      <c r="AA3" s="517"/>
      <c r="AB3" s="517"/>
      <c r="AC3" s="517"/>
      <c r="AD3" s="517"/>
      <c r="AE3" s="517"/>
      <c r="AF3" s="517"/>
      <c r="AG3" s="517"/>
      <c r="AH3" s="517"/>
      <c r="AI3" s="518"/>
      <c r="AJ3" s="516" t="s">
        <v>90</v>
      </c>
      <c r="AK3" s="517"/>
      <c r="AL3" s="517"/>
      <c r="AM3" s="517"/>
      <c r="AN3" s="517"/>
      <c r="AO3" s="517"/>
      <c r="AP3" s="517"/>
      <c r="AQ3" s="517"/>
      <c r="AR3" s="517"/>
      <c r="AS3" s="517"/>
      <c r="AT3" s="518"/>
      <c r="AU3" s="522" t="s">
        <v>89</v>
      </c>
      <c r="AV3" s="523"/>
      <c r="AW3" s="523"/>
      <c r="AX3" s="523"/>
      <c r="AY3" s="523"/>
      <c r="AZ3" s="523"/>
      <c r="BA3" s="523"/>
      <c r="BB3" s="523"/>
      <c r="BC3" s="523"/>
      <c r="BD3" s="523"/>
      <c r="BE3" s="524"/>
      <c r="BF3" s="522" t="s">
        <v>91</v>
      </c>
      <c r="BG3" s="523"/>
      <c r="BH3" s="523"/>
      <c r="BI3" s="523"/>
      <c r="BJ3" s="523"/>
      <c r="BK3" s="523"/>
      <c r="BL3" s="523"/>
      <c r="BM3" s="523"/>
      <c r="BN3" s="523"/>
      <c r="BO3" s="523"/>
      <c r="BP3" s="524"/>
      <c r="BQ3" s="522" t="s">
        <v>92</v>
      </c>
      <c r="BR3" s="523"/>
      <c r="BS3" s="523"/>
      <c r="BT3" s="523"/>
      <c r="BU3" s="523"/>
      <c r="BV3" s="523"/>
      <c r="BW3" s="523"/>
      <c r="BX3" s="523"/>
      <c r="BY3" s="523"/>
      <c r="BZ3" s="523"/>
      <c r="CA3" s="524"/>
      <c r="CB3" s="522" t="s">
        <v>93</v>
      </c>
      <c r="CC3" s="523"/>
      <c r="CD3" s="523"/>
      <c r="CE3" s="523"/>
      <c r="CF3" s="523"/>
      <c r="CG3" s="523"/>
      <c r="CH3" s="523"/>
      <c r="CI3" s="523"/>
      <c r="CJ3" s="523"/>
      <c r="CK3" s="523"/>
      <c r="CL3" s="524"/>
      <c r="CM3" s="523" t="s">
        <v>140</v>
      </c>
      <c r="CN3" s="523"/>
      <c r="CO3" s="523"/>
      <c r="CP3" s="523"/>
      <c r="CQ3" s="523"/>
      <c r="CR3" s="523"/>
      <c r="CS3" s="523"/>
      <c r="CT3" s="523"/>
      <c r="CU3" s="523"/>
      <c r="CV3" s="523"/>
      <c r="CW3" s="524"/>
    </row>
    <row r="4" spans="1:101"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38" t="s">
        <v>61</v>
      </c>
      <c r="AV4" s="536"/>
      <c r="AW4" s="537"/>
      <c r="AX4" s="535" t="s">
        <v>62</v>
      </c>
      <c r="AY4" s="536"/>
      <c r="AZ4" s="536"/>
      <c r="BA4" s="536"/>
      <c r="BB4" s="536"/>
      <c r="BC4" s="536"/>
      <c r="BD4" s="537"/>
      <c r="BE4" s="539" t="s">
        <v>52</v>
      </c>
      <c r="BF4" s="538" t="s">
        <v>61</v>
      </c>
      <c r="BG4" s="536"/>
      <c r="BH4" s="537"/>
      <c r="BI4" s="535" t="s">
        <v>62</v>
      </c>
      <c r="BJ4" s="536"/>
      <c r="BK4" s="536"/>
      <c r="BL4" s="536"/>
      <c r="BM4" s="536"/>
      <c r="BN4" s="536"/>
      <c r="BO4" s="537"/>
      <c r="BP4" s="539" t="s">
        <v>52</v>
      </c>
      <c r="BQ4" s="538" t="s">
        <v>61</v>
      </c>
      <c r="BR4" s="536"/>
      <c r="BS4" s="537"/>
      <c r="BT4" s="535" t="s">
        <v>62</v>
      </c>
      <c r="BU4" s="536"/>
      <c r="BV4" s="536"/>
      <c r="BW4" s="536"/>
      <c r="BX4" s="536"/>
      <c r="BY4" s="536"/>
      <c r="BZ4" s="537"/>
      <c r="CA4" s="539" t="s">
        <v>52</v>
      </c>
      <c r="CB4" s="538" t="s">
        <v>61</v>
      </c>
      <c r="CC4" s="536"/>
      <c r="CD4" s="537"/>
      <c r="CE4" s="535" t="s">
        <v>62</v>
      </c>
      <c r="CF4" s="536"/>
      <c r="CG4" s="536"/>
      <c r="CH4" s="536"/>
      <c r="CI4" s="536"/>
      <c r="CJ4" s="536"/>
      <c r="CK4" s="537"/>
      <c r="CL4" s="539" t="s">
        <v>52</v>
      </c>
      <c r="CM4" s="538" t="s">
        <v>61</v>
      </c>
      <c r="CN4" s="536"/>
      <c r="CO4" s="537"/>
      <c r="CP4" s="535" t="s">
        <v>62</v>
      </c>
      <c r="CQ4" s="536"/>
      <c r="CR4" s="536"/>
      <c r="CS4" s="536"/>
      <c r="CT4" s="536"/>
      <c r="CU4" s="536"/>
      <c r="CV4" s="537"/>
      <c r="CW4" s="539" t="s">
        <v>52</v>
      </c>
    </row>
    <row r="5" spans="1:101" ht="30" customHeight="1" thickBot="1" x14ac:dyDescent="0.25">
      <c r="B5" s="515"/>
      <c r="C5" s="327" t="s">
        <v>43</v>
      </c>
      <c r="D5" s="246" t="s">
        <v>44</v>
      </c>
      <c r="E5" s="247" t="s">
        <v>45</v>
      </c>
      <c r="F5" s="248" t="s">
        <v>83</v>
      </c>
      <c r="G5" s="243" t="s">
        <v>47</v>
      </c>
      <c r="H5" s="243" t="s">
        <v>48</v>
      </c>
      <c r="I5" s="243" t="s">
        <v>49</v>
      </c>
      <c r="J5" s="243" t="s">
        <v>50</v>
      </c>
      <c r="K5" s="243" t="s">
        <v>51</v>
      </c>
      <c r="L5" s="249" t="s">
        <v>45</v>
      </c>
      <c r="M5" s="507"/>
      <c r="N5" s="327" t="s">
        <v>43</v>
      </c>
      <c r="O5" s="243" t="s">
        <v>44</v>
      </c>
      <c r="P5" s="246" t="s">
        <v>45</v>
      </c>
      <c r="Q5" s="248" t="s">
        <v>83</v>
      </c>
      <c r="R5" s="243" t="s">
        <v>47</v>
      </c>
      <c r="S5" s="243" t="s">
        <v>48</v>
      </c>
      <c r="T5" s="243" t="s">
        <v>49</v>
      </c>
      <c r="U5" s="243" t="s">
        <v>50</v>
      </c>
      <c r="V5" s="243" t="s">
        <v>51</v>
      </c>
      <c r="W5" s="246" t="s">
        <v>45</v>
      </c>
      <c r="X5" s="507"/>
      <c r="Y5" s="327" t="s">
        <v>43</v>
      </c>
      <c r="Z5" s="243" t="s">
        <v>44</v>
      </c>
      <c r="AA5" s="246" t="s">
        <v>45</v>
      </c>
      <c r="AB5" s="248" t="s">
        <v>83</v>
      </c>
      <c r="AC5" s="243" t="s">
        <v>47</v>
      </c>
      <c r="AD5" s="243" t="s">
        <v>48</v>
      </c>
      <c r="AE5" s="243" t="s">
        <v>49</v>
      </c>
      <c r="AF5" s="243" t="s">
        <v>50</v>
      </c>
      <c r="AG5" s="243" t="s">
        <v>51</v>
      </c>
      <c r="AH5" s="246" t="s">
        <v>45</v>
      </c>
      <c r="AI5" s="507"/>
      <c r="AJ5" s="327" t="s">
        <v>43</v>
      </c>
      <c r="AK5" s="243" t="s">
        <v>44</v>
      </c>
      <c r="AL5" s="246" t="s">
        <v>45</v>
      </c>
      <c r="AM5" s="248" t="s">
        <v>83</v>
      </c>
      <c r="AN5" s="243" t="s">
        <v>47</v>
      </c>
      <c r="AO5" s="243" t="s">
        <v>48</v>
      </c>
      <c r="AP5" s="243" t="s">
        <v>49</v>
      </c>
      <c r="AQ5" s="243" t="s">
        <v>50</v>
      </c>
      <c r="AR5" s="243" t="s">
        <v>51</v>
      </c>
      <c r="AS5" s="246" t="s">
        <v>45</v>
      </c>
      <c r="AT5" s="507"/>
      <c r="AU5" s="327" t="s">
        <v>43</v>
      </c>
      <c r="AV5" s="243" t="s">
        <v>44</v>
      </c>
      <c r="AW5" s="246" t="s">
        <v>45</v>
      </c>
      <c r="AX5" s="248" t="s">
        <v>83</v>
      </c>
      <c r="AY5" s="243" t="s">
        <v>47</v>
      </c>
      <c r="AZ5" s="243" t="s">
        <v>48</v>
      </c>
      <c r="BA5" s="243" t="s">
        <v>49</v>
      </c>
      <c r="BB5" s="243" t="s">
        <v>50</v>
      </c>
      <c r="BC5" s="243" t="s">
        <v>51</v>
      </c>
      <c r="BD5" s="246" t="s">
        <v>45</v>
      </c>
      <c r="BE5" s="540"/>
      <c r="BF5" s="327" t="s">
        <v>43</v>
      </c>
      <c r="BG5" s="243" t="s">
        <v>44</v>
      </c>
      <c r="BH5" s="246" t="s">
        <v>45</v>
      </c>
      <c r="BI5" s="248" t="s">
        <v>83</v>
      </c>
      <c r="BJ5" s="243" t="s">
        <v>47</v>
      </c>
      <c r="BK5" s="243" t="s">
        <v>48</v>
      </c>
      <c r="BL5" s="243" t="s">
        <v>49</v>
      </c>
      <c r="BM5" s="243" t="s">
        <v>50</v>
      </c>
      <c r="BN5" s="243" t="s">
        <v>51</v>
      </c>
      <c r="BO5" s="246" t="s">
        <v>45</v>
      </c>
      <c r="BP5" s="540"/>
      <c r="BQ5" s="327" t="s">
        <v>43</v>
      </c>
      <c r="BR5" s="243" t="s">
        <v>44</v>
      </c>
      <c r="BS5" s="246" t="s">
        <v>45</v>
      </c>
      <c r="BT5" s="248" t="s">
        <v>83</v>
      </c>
      <c r="BU5" s="243" t="s">
        <v>47</v>
      </c>
      <c r="BV5" s="243" t="s">
        <v>48</v>
      </c>
      <c r="BW5" s="243" t="s">
        <v>49</v>
      </c>
      <c r="BX5" s="243" t="s">
        <v>50</v>
      </c>
      <c r="BY5" s="243" t="s">
        <v>51</v>
      </c>
      <c r="BZ5" s="246" t="s">
        <v>45</v>
      </c>
      <c r="CA5" s="540"/>
      <c r="CB5" s="327" t="s">
        <v>43</v>
      </c>
      <c r="CC5" s="243" t="s">
        <v>44</v>
      </c>
      <c r="CD5" s="246" t="s">
        <v>45</v>
      </c>
      <c r="CE5" s="248" t="s">
        <v>83</v>
      </c>
      <c r="CF5" s="243" t="s">
        <v>47</v>
      </c>
      <c r="CG5" s="243" t="s">
        <v>48</v>
      </c>
      <c r="CH5" s="243" t="s">
        <v>49</v>
      </c>
      <c r="CI5" s="243" t="s">
        <v>50</v>
      </c>
      <c r="CJ5" s="243" t="s">
        <v>51</v>
      </c>
      <c r="CK5" s="246" t="s">
        <v>45</v>
      </c>
      <c r="CL5" s="540"/>
      <c r="CM5" s="327" t="s">
        <v>43</v>
      </c>
      <c r="CN5" s="243" t="s">
        <v>44</v>
      </c>
      <c r="CO5" s="246" t="s">
        <v>45</v>
      </c>
      <c r="CP5" s="248" t="s">
        <v>83</v>
      </c>
      <c r="CQ5" s="243" t="s">
        <v>47</v>
      </c>
      <c r="CR5" s="243" t="s">
        <v>48</v>
      </c>
      <c r="CS5" s="243" t="s">
        <v>49</v>
      </c>
      <c r="CT5" s="243" t="s">
        <v>50</v>
      </c>
      <c r="CU5" s="243" t="s">
        <v>51</v>
      </c>
      <c r="CV5" s="246" t="s">
        <v>45</v>
      </c>
      <c r="CW5" s="540"/>
    </row>
    <row r="6" spans="1:101" ht="21" customHeight="1" x14ac:dyDescent="0.2">
      <c r="B6" s="470" t="s">
        <v>4</v>
      </c>
      <c r="C6" s="250">
        <v>0</v>
      </c>
      <c r="D6" s="251">
        <v>0</v>
      </c>
      <c r="E6" s="252">
        <v>0</v>
      </c>
      <c r="F6" s="253">
        <v>0</v>
      </c>
      <c r="G6" s="254">
        <v>26</v>
      </c>
      <c r="H6" s="254">
        <v>32</v>
      </c>
      <c r="I6" s="254">
        <v>17</v>
      </c>
      <c r="J6" s="254">
        <v>23</v>
      </c>
      <c r="K6" s="254">
        <v>15</v>
      </c>
      <c r="L6" s="255">
        <v>113</v>
      </c>
      <c r="M6" s="256">
        <v>113</v>
      </c>
      <c r="N6" s="250">
        <v>0</v>
      </c>
      <c r="O6" s="254">
        <v>0</v>
      </c>
      <c r="P6" s="251">
        <v>0</v>
      </c>
      <c r="Q6" s="253">
        <v>0</v>
      </c>
      <c r="R6" s="254">
        <v>12</v>
      </c>
      <c r="S6" s="254">
        <v>33</v>
      </c>
      <c r="T6" s="254">
        <v>29</v>
      </c>
      <c r="U6" s="254">
        <v>29</v>
      </c>
      <c r="V6" s="254">
        <v>20</v>
      </c>
      <c r="W6" s="251">
        <v>123</v>
      </c>
      <c r="X6" s="256">
        <v>123</v>
      </c>
      <c r="Y6" s="250">
        <v>0</v>
      </c>
      <c r="Z6" s="254">
        <v>0</v>
      </c>
      <c r="AA6" s="251">
        <v>0</v>
      </c>
      <c r="AB6" s="253">
        <v>0</v>
      </c>
      <c r="AC6" s="254">
        <v>825</v>
      </c>
      <c r="AD6" s="254">
        <v>711</v>
      </c>
      <c r="AE6" s="254">
        <v>283</v>
      </c>
      <c r="AF6" s="254">
        <v>143</v>
      </c>
      <c r="AG6" s="254">
        <v>62</v>
      </c>
      <c r="AH6" s="251">
        <v>2024</v>
      </c>
      <c r="AI6" s="256">
        <v>2024</v>
      </c>
      <c r="AJ6" s="250">
        <v>0</v>
      </c>
      <c r="AK6" s="254">
        <v>0</v>
      </c>
      <c r="AL6" s="251">
        <v>0</v>
      </c>
      <c r="AM6" s="253">
        <v>0</v>
      </c>
      <c r="AN6" s="254">
        <v>53</v>
      </c>
      <c r="AO6" s="254">
        <v>58</v>
      </c>
      <c r="AP6" s="254">
        <v>72</v>
      </c>
      <c r="AQ6" s="254">
        <v>24</v>
      </c>
      <c r="AR6" s="254">
        <v>20</v>
      </c>
      <c r="AS6" s="251">
        <v>227</v>
      </c>
      <c r="AT6" s="256">
        <v>227</v>
      </c>
      <c r="AU6" s="250">
        <v>13</v>
      </c>
      <c r="AV6" s="254">
        <v>23</v>
      </c>
      <c r="AW6" s="251">
        <v>36</v>
      </c>
      <c r="AX6" s="253">
        <v>0</v>
      </c>
      <c r="AY6" s="254">
        <v>67</v>
      </c>
      <c r="AZ6" s="254">
        <v>51</v>
      </c>
      <c r="BA6" s="254">
        <v>59</v>
      </c>
      <c r="BB6" s="254">
        <v>45</v>
      </c>
      <c r="BC6" s="254">
        <v>16</v>
      </c>
      <c r="BD6" s="251">
        <v>238</v>
      </c>
      <c r="BE6" s="256">
        <v>274</v>
      </c>
      <c r="BF6" s="250">
        <v>0</v>
      </c>
      <c r="BG6" s="254">
        <v>0</v>
      </c>
      <c r="BH6" s="251">
        <v>0</v>
      </c>
      <c r="BI6" s="253">
        <v>0</v>
      </c>
      <c r="BJ6" s="254">
        <v>63</v>
      </c>
      <c r="BK6" s="254">
        <v>106</v>
      </c>
      <c r="BL6" s="254">
        <v>128</v>
      </c>
      <c r="BM6" s="254">
        <v>92</v>
      </c>
      <c r="BN6" s="254">
        <v>74</v>
      </c>
      <c r="BO6" s="255">
        <v>463</v>
      </c>
      <c r="BP6" s="256">
        <v>463</v>
      </c>
      <c r="BQ6" s="250">
        <v>0</v>
      </c>
      <c r="BR6" s="254">
        <v>0</v>
      </c>
      <c r="BS6" s="251">
        <v>0</v>
      </c>
      <c r="BT6" s="253">
        <v>0</v>
      </c>
      <c r="BU6" s="254">
        <v>2</v>
      </c>
      <c r="BV6" s="254">
        <v>4</v>
      </c>
      <c r="BW6" s="254">
        <v>5</v>
      </c>
      <c r="BX6" s="254">
        <v>4</v>
      </c>
      <c r="BY6" s="254">
        <v>5</v>
      </c>
      <c r="BZ6" s="251">
        <v>20</v>
      </c>
      <c r="CA6" s="256">
        <v>20</v>
      </c>
      <c r="CB6" s="250">
        <v>0</v>
      </c>
      <c r="CC6" s="254">
        <v>0</v>
      </c>
      <c r="CD6" s="251">
        <v>0</v>
      </c>
      <c r="CE6" s="253">
        <v>0</v>
      </c>
      <c r="CF6" s="254">
        <v>1</v>
      </c>
      <c r="CG6" s="254">
        <v>2</v>
      </c>
      <c r="CH6" s="254">
        <v>9</v>
      </c>
      <c r="CI6" s="254">
        <v>17</v>
      </c>
      <c r="CJ6" s="254">
        <v>8</v>
      </c>
      <c r="CK6" s="251">
        <v>37</v>
      </c>
      <c r="CL6" s="256">
        <v>37</v>
      </c>
      <c r="CM6" s="250">
        <v>0</v>
      </c>
      <c r="CN6" s="254">
        <v>0</v>
      </c>
      <c r="CO6" s="251">
        <v>0</v>
      </c>
      <c r="CP6" s="253">
        <v>0</v>
      </c>
      <c r="CQ6" s="254">
        <v>9</v>
      </c>
      <c r="CR6" s="254">
        <v>21</v>
      </c>
      <c r="CS6" s="254">
        <v>23</v>
      </c>
      <c r="CT6" s="254">
        <v>27</v>
      </c>
      <c r="CU6" s="254">
        <v>35</v>
      </c>
      <c r="CV6" s="251">
        <v>115</v>
      </c>
      <c r="CW6" s="256">
        <v>115</v>
      </c>
    </row>
    <row r="7" spans="1:101" ht="21" customHeight="1" x14ac:dyDescent="0.2">
      <c r="B7" s="471" t="s">
        <v>5</v>
      </c>
      <c r="C7" s="257">
        <v>0</v>
      </c>
      <c r="D7" s="258">
        <v>0</v>
      </c>
      <c r="E7" s="259">
        <v>0</v>
      </c>
      <c r="F7" s="260">
        <v>0</v>
      </c>
      <c r="G7" s="261">
        <v>11</v>
      </c>
      <c r="H7" s="261">
        <v>17</v>
      </c>
      <c r="I7" s="261">
        <v>9</v>
      </c>
      <c r="J7" s="261">
        <v>8</v>
      </c>
      <c r="K7" s="261">
        <v>7</v>
      </c>
      <c r="L7" s="262">
        <v>52</v>
      </c>
      <c r="M7" s="263">
        <v>52</v>
      </c>
      <c r="N7" s="257">
        <v>0</v>
      </c>
      <c r="O7" s="261">
        <v>0</v>
      </c>
      <c r="P7" s="258">
        <v>0</v>
      </c>
      <c r="Q7" s="260">
        <v>0</v>
      </c>
      <c r="R7" s="261">
        <v>6</v>
      </c>
      <c r="S7" s="261">
        <v>21</v>
      </c>
      <c r="T7" s="261">
        <v>22</v>
      </c>
      <c r="U7" s="261">
        <v>19</v>
      </c>
      <c r="V7" s="261">
        <v>14</v>
      </c>
      <c r="W7" s="258">
        <v>82</v>
      </c>
      <c r="X7" s="263">
        <v>82</v>
      </c>
      <c r="Y7" s="257">
        <v>0</v>
      </c>
      <c r="Z7" s="261">
        <v>0</v>
      </c>
      <c r="AA7" s="258">
        <v>0</v>
      </c>
      <c r="AB7" s="260">
        <v>0</v>
      </c>
      <c r="AC7" s="261">
        <v>332</v>
      </c>
      <c r="AD7" s="261">
        <v>377</v>
      </c>
      <c r="AE7" s="261">
        <v>145</v>
      </c>
      <c r="AF7" s="261">
        <v>67</v>
      </c>
      <c r="AG7" s="261">
        <v>30</v>
      </c>
      <c r="AH7" s="258">
        <v>951</v>
      </c>
      <c r="AI7" s="263">
        <v>951</v>
      </c>
      <c r="AJ7" s="257">
        <v>0</v>
      </c>
      <c r="AK7" s="261">
        <v>0</v>
      </c>
      <c r="AL7" s="258">
        <v>0</v>
      </c>
      <c r="AM7" s="260">
        <v>0</v>
      </c>
      <c r="AN7" s="261">
        <v>29</v>
      </c>
      <c r="AO7" s="261">
        <v>29</v>
      </c>
      <c r="AP7" s="261">
        <v>34</v>
      </c>
      <c r="AQ7" s="261">
        <v>14</v>
      </c>
      <c r="AR7" s="261">
        <v>14</v>
      </c>
      <c r="AS7" s="258">
        <v>120</v>
      </c>
      <c r="AT7" s="263">
        <v>120</v>
      </c>
      <c r="AU7" s="257">
        <v>8</v>
      </c>
      <c r="AV7" s="261">
        <v>10</v>
      </c>
      <c r="AW7" s="258">
        <v>18</v>
      </c>
      <c r="AX7" s="260">
        <v>0</v>
      </c>
      <c r="AY7" s="261">
        <v>24</v>
      </c>
      <c r="AZ7" s="261">
        <v>24</v>
      </c>
      <c r="BA7" s="261">
        <v>26</v>
      </c>
      <c r="BB7" s="261">
        <v>28</v>
      </c>
      <c r="BC7" s="261">
        <v>7</v>
      </c>
      <c r="BD7" s="258">
        <v>109</v>
      </c>
      <c r="BE7" s="263">
        <v>127</v>
      </c>
      <c r="BF7" s="257">
        <v>0</v>
      </c>
      <c r="BG7" s="261">
        <v>0</v>
      </c>
      <c r="BH7" s="258">
        <v>0</v>
      </c>
      <c r="BI7" s="260">
        <v>0</v>
      </c>
      <c r="BJ7" s="261">
        <v>28</v>
      </c>
      <c r="BK7" s="261">
        <v>36</v>
      </c>
      <c r="BL7" s="261">
        <v>47</v>
      </c>
      <c r="BM7" s="261">
        <v>34</v>
      </c>
      <c r="BN7" s="261">
        <v>27</v>
      </c>
      <c r="BO7" s="262">
        <v>172</v>
      </c>
      <c r="BP7" s="263">
        <v>172</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0</v>
      </c>
      <c r="CI7" s="261">
        <v>1</v>
      </c>
      <c r="CJ7" s="261">
        <v>1</v>
      </c>
      <c r="CK7" s="258">
        <v>3</v>
      </c>
      <c r="CL7" s="263">
        <v>3</v>
      </c>
      <c r="CM7" s="257">
        <v>0</v>
      </c>
      <c r="CN7" s="261">
        <v>0</v>
      </c>
      <c r="CO7" s="258">
        <v>0</v>
      </c>
      <c r="CP7" s="260">
        <v>0</v>
      </c>
      <c r="CQ7" s="261">
        <v>0</v>
      </c>
      <c r="CR7" s="261">
        <v>5</v>
      </c>
      <c r="CS7" s="261">
        <v>8</v>
      </c>
      <c r="CT7" s="261">
        <v>6</v>
      </c>
      <c r="CU7" s="261">
        <v>11</v>
      </c>
      <c r="CV7" s="258">
        <v>30</v>
      </c>
      <c r="CW7" s="263">
        <v>30</v>
      </c>
    </row>
    <row r="8" spans="1:101" ht="21" customHeight="1" x14ac:dyDescent="0.2">
      <c r="B8" s="472" t="s">
        <v>6</v>
      </c>
      <c r="C8" s="257">
        <v>0</v>
      </c>
      <c r="D8" s="258">
        <v>0</v>
      </c>
      <c r="E8" s="259">
        <v>0</v>
      </c>
      <c r="F8" s="260">
        <v>0</v>
      </c>
      <c r="G8" s="261">
        <v>8</v>
      </c>
      <c r="H8" s="261">
        <v>5</v>
      </c>
      <c r="I8" s="261">
        <v>4</v>
      </c>
      <c r="J8" s="261">
        <v>6</v>
      </c>
      <c r="K8" s="261">
        <v>5</v>
      </c>
      <c r="L8" s="262">
        <v>28</v>
      </c>
      <c r="M8" s="263">
        <v>28</v>
      </c>
      <c r="N8" s="257">
        <v>0</v>
      </c>
      <c r="O8" s="261">
        <v>0</v>
      </c>
      <c r="P8" s="258">
        <v>0</v>
      </c>
      <c r="Q8" s="260">
        <v>0</v>
      </c>
      <c r="R8" s="261">
        <v>4</v>
      </c>
      <c r="S8" s="261">
        <v>10</v>
      </c>
      <c r="T8" s="261">
        <v>7</v>
      </c>
      <c r="U8" s="261">
        <v>6</v>
      </c>
      <c r="V8" s="261">
        <v>6</v>
      </c>
      <c r="W8" s="258">
        <v>33</v>
      </c>
      <c r="X8" s="263">
        <v>33</v>
      </c>
      <c r="Y8" s="257">
        <v>0</v>
      </c>
      <c r="Z8" s="261">
        <v>0</v>
      </c>
      <c r="AA8" s="258">
        <v>0</v>
      </c>
      <c r="AB8" s="260">
        <v>0</v>
      </c>
      <c r="AC8" s="261">
        <v>133</v>
      </c>
      <c r="AD8" s="261">
        <v>91</v>
      </c>
      <c r="AE8" s="261">
        <v>35</v>
      </c>
      <c r="AF8" s="261">
        <v>16</v>
      </c>
      <c r="AG8" s="261">
        <v>7</v>
      </c>
      <c r="AH8" s="258">
        <v>282</v>
      </c>
      <c r="AI8" s="263">
        <v>282</v>
      </c>
      <c r="AJ8" s="257">
        <v>0</v>
      </c>
      <c r="AK8" s="261">
        <v>0</v>
      </c>
      <c r="AL8" s="258">
        <v>0</v>
      </c>
      <c r="AM8" s="260">
        <v>0</v>
      </c>
      <c r="AN8" s="261">
        <v>11</v>
      </c>
      <c r="AO8" s="261">
        <v>16</v>
      </c>
      <c r="AP8" s="261">
        <v>23</v>
      </c>
      <c r="AQ8" s="261">
        <v>4</v>
      </c>
      <c r="AR8" s="261">
        <v>4</v>
      </c>
      <c r="AS8" s="258">
        <v>58</v>
      </c>
      <c r="AT8" s="263">
        <v>58</v>
      </c>
      <c r="AU8" s="257">
        <v>1</v>
      </c>
      <c r="AV8" s="261">
        <v>7</v>
      </c>
      <c r="AW8" s="258">
        <v>8</v>
      </c>
      <c r="AX8" s="260">
        <v>0</v>
      </c>
      <c r="AY8" s="261">
        <v>9</v>
      </c>
      <c r="AZ8" s="261">
        <v>8</v>
      </c>
      <c r="BA8" s="261">
        <v>7</v>
      </c>
      <c r="BB8" s="261">
        <v>3</v>
      </c>
      <c r="BC8" s="261">
        <v>2</v>
      </c>
      <c r="BD8" s="258">
        <v>29</v>
      </c>
      <c r="BE8" s="263">
        <v>37</v>
      </c>
      <c r="BF8" s="257">
        <v>0</v>
      </c>
      <c r="BG8" s="261">
        <v>0</v>
      </c>
      <c r="BH8" s="258">
        <v>0</v>
      </c>
      <c r="BI8" s="260">
        <v>0</v>
      </c>
      <c r="BJ8" s="261">
        <v>17</v>
      </c>
      <c r="BK8" s="261">
        <v>26</v>
      </c>
      <c r="BL8" s="261">
        <v>26</v>
      </c>
      <c r="BM8" s="261">
        <v>18</v>
      </c>
      <c r="BN8" s="261">
        <v>19</v>
      </c>
      <c r="BO8" s="262">
        <v>106</v>
      </c>
      <c r="BP8" s="263">
        <v>106</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1</v>
      </c>
      <c r="CG8" s="261">
        <v>0</v>
      </c>
      <c r="CH8" s="261">
        <v>7</v>
      </c>
      <c r="CI8" s="261">
        <v>6</v>
      </c>
      <c r="CJ8" s="261">
        <v>2</v>
      </c>
      <c r="CK8" s="258">
        <v>16</v>
      </c>
      <c r="CL8" s="263">
        <v>16</v>
      </c>
      <c r="CM8" s="257">
        <v>0</v>
      </c>
      <c r="CN8" s="261">
        <v>0</v>
      </c>
      <c r="CO8" s="258">
        <v>0</v>
      </c>
      <c r="CP8" s="260">
        <v>0</v>
      </c>
      <c r="CQ8" s="261">
        <v>7</v>
      </c>
      <c r="CR8" s="261">
        <v>8</v>
      </c>
      <c r="CS8" s="261">
        <v>8</v>
      </c>
      <c r="CT8" s="261">
        <v>11</v>
      </c>
      <c r="CU8" s="261">
        <v>9</v>
      </c>
      <c r="CV8" s="258">
        <v>43</v>
      </c>
      <c r="CW8" s="263">
        <v>43</v>
      </c>
    </row>
    <row r="9" spans="1:101" ht="21" customHeight="1" x14ac:dyDescent="0.2">
      <c r="B9" s="472" t="s">
        <v>14</v>
      </c>
      <c r="C9" s="257">
        <v>0</v>
      </c>
      <c r="D9" s="258">
        <v>0</v>
      </c>
      <c r="E9" s="259">
        <v>0</v>
      </c>
      <c r="F9" s="260">
        <v>0</v>
      </c>
      <c r="G9" s="261">
        <v>1</v>
      </c>
      <c r="H9" s="261">
        <v>1</v>
      </c>
      <c r="I9" s="261">
        <v>0</v>
      </c>
      <c r="J9" s="261">
        <v>1</v>
      </c>
      <c r="K9" s="261">
        <v>0</v>
      </c>
      <c r="L9" s="262">
        <v>3</v>
      </c>
      <c r="M9" s="263">
        <v>3</v>
      </c>
      <c r="N9" s="257">
        <v>0</v>
      </c>
      <c r="O9" s="261">
        <v>0</v>
      </c>
      <c r="P9" s="258">
        <v>0</v>
      </c>
      <c r="Q9" s="260">
        <v>0</v>
      </c>
      <c r="R9" s="261">
        <v>0</v>
      </c>
      <c r="S9" s="261">
        <v>0</v>
      </c>
      <c r="T9" s="261">
        <v>0</v>
      </c>
      <c r="U9" s="261">
        <v>0</v>
      </c>
      <c r="V9" s="261">
        <v>0</v>
      </c>
      <c r="W9" s="258">
        <v>0</v>
      </c>
      <c r="X9" s="263">
        <v>0</v>
      </c>
      <c r="Y9" s="257">
        <v>0</v>
      </c>
      <c r="Z9" s="261">
        <v>0</v>
      </c>
      <c r="AA9" s="258">
        <v>0</v>
      </c>
      <c r="AB9" s="260">
        <v>0</v>
      </c>
      <c r="AC9" s="261">
        <v>33</v>
      </c>
      <c r="AD9" s="261">
        <v>56</v>
      </c>
      <c r="AE9" s="261">
        <v>17</v>
      </c>
      <c r="AF9" s="261">
        <v>7</v>
      </c>
      <c r="AG9" s="261">
        <v>6</v>
      </c>
      <c r="AH9" s="258">
        <v>119</v>
      </c>
      <c r="AI9" s="263">
        <v>119</v>
      </c>
      <c r="AJ9" s="257">
        <v>0</v>
      </c>
      <c r="AK9" s="261">
        <v>0</v>
      </c>
      <c r="AL9" s="258">
        <v>0</v>
      </c>
      <c r="AM9" s="260">
        <v>0</v>
      </c>
      <c r="AN9" s="261">
        <v>4</v>
      </c>
      <c r="AO9" s="261">
        <v>1</v>
      </c>
      <c r="AP9" s="261">
        <v>1</v>
      </c>
      <c r="AQ9" s="261">
        <v>1</v>
      </c>
      <c r="AR9" s="261">
        <v>0</v>
      </c>
      <c r="AS9" s="258">
        <v>7</v>
      </c>
      <c r="AT9" s="263">
        <v>7</v>
      </c>
      <c r="AU9" s="257">
        <v>1</v>
      </c>
      <c r="AV9" s="261">
        <v>1</v>
      </c>
      <c r="AW9" s="258">
        <v>2</v>
      </c>
      <c r="AX9" s="260">
        <v>0</v>
      </c>
      <c r="AY9" s="261">
        <v>5</v>
      </c>
      <c r="AZ9" s="261">
        <v>5</v>
      </c>
      <c r="BA9" s="261">
        <v>3</v>
      </c>
      <c r="BB9" s="261">
        <v>2</v>
      </c>
      <c r="BC9" s="261">
        <v>2</v>
      </c>
      <c r="BD9" s="258">
        <v>17</v>
      </c>
      <c r="BE9" s="263">
        <v>19</v>
      </c>
      <c r="BF9" s="257">
        <v>0</v>
      </c>
      <c r="BG9" s="261">
        <v>0</v>
      </c>
      <c r="BH9" s="258">
        <v>0</v>
      </c>
      <c r="BI9" s="260">
        <v>0</v>
      </c>
      <c r="BJ9" s="261">
        <v>3</v>
      </c>
      <c r="BK9" s="261">
        <v>5</v>
      </c>
      <c r="BL9" s="261">
        <v>13</v>
      </c>
      <c r="BM9" s="261">
        <v>12</v>
      </c>
      <c r="BN9" s="261">
        <v>6</v>
      </c>
      <c r="BO9" s="262">
        <v>39</v>
      </c>
      <c r="BP9" s="263">
        <v>39</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1</v>
      </c>
      <c r="CH9" s="261">
        <v>0</v>
      </c>
      <c r="CI9" s="261">
        <v>2</v>
      </c>
      <c r="CJ9" s="261">
        <v>0</v>
      </c>
      <c r="CK9" s="258">
        <v>3</v>
      </c>
      <c r="CL9" s="263">
        <v>3</v>
      </c>
      <c r="CM9" s="257">
        <v>0</v>
      </c>
      <c r="CN9" s="261">
        <v>0</v>
      </c>
      <c r="CO9" s="258">
        <v>0</v>
      </c>
      <c r="CP9" s="260">
        <v>0</v>
      </c>
      <c r="CQ9" s="261">
        <v>1</v>
      </c>
      <c r="CR9" s="261">
        <v>2</v>
      </c>
      <c r="CS9" s="261">
        <v>2</v>
      </c>
      <c r="CT9" s="261">
        <v>4</v>
      </c>
      <c r="CU9" s="261">
        <v>1</v>
      </c>
      <c r="CV9" s="258">
        <v>10</v>
      </c>
      <c r="CW9" s="263">
        <v>10</v>
      </c>
    </row>
    <row r="10" spans="1:101" ht="21" customHeight="1" x14ac:dyDescent="0.2">
      <c r="B10" s="472" t="s">
        <v>7</v>
      </c>
      <c r="C10" s="257">
        <v>0</v>
      </c>
      <c r="D10" s="258">
        <v>0</v>
      </c>
      <c r="E10" s="259">
        <v>0</v>
      </c>
      <c r="F10" s="260">
        <v>0</v>
      </c>
      <c r="G10" s="261">
        <v>1</v>
      </c>
      <c r="H10" s="261">
        <v>0</v>
      </c>
      <c r="I10" s="261">
        <v>0</v>
      </c>
      <c r="J10" s="261">
        <v>0</v>
      </c>
      <c r="K10" s="261">
        <v>0</v>
      </c>
      <c r="L10" s="262">
        <v>1</v>
      </c>
      <c r="M10" s="263">
        <v>1</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36</v>
      </c>
      <c r="AD10" s="261">
        <v>21</v>
      </c>
      <c r="AE10" s="261">
        <v>5</v>
      </c>
      <c r="AF10" s="261">
        <v>6</v>
      </c>
      <c r="AG10" s="261">
        <v>4</v>
      </c>
      <c r="AH10" s="258">
        <v>72</v>
      </c>
      <c r="AI10" s="263">
        <v>72</v>
      </c>
      <c r="AJ10" s="257">
        <v>0</v>
      </c>
      <c r="AK10" s="261">
        <v>0</v>
      </c>
      <c r="AL10" s="258">
        <v>0</v>
      </c>
      <c r="AM10" s="260">
        <v>0</v>
      </c>
      <c r="AN10" s="261">
        <v>2</v>
      </c>
      <c r="AO10" s="261">
        <v>5</v>
      </c>
      <c r="AP10" s="261">
        <v>4</v>
      </c>
      <c r="AQ10" s="261">
        <v>2</v>
      </c>
      <c r="AR10" s="261">
        <v>0</v>
      </c>
      <c r="AS10" s="258">
        <v>13</v>
      </c>
      <c r="AT10" s="263">
        <v>13</v>
      </c>
      <c r="AU10" s="257">
        <v>1</v>
      </c>
      <c r="AV10" s="261">
        <v>0</v>
      </c>
      <c r="AW10" s="258">
        <v>1</v>
      </c>
      <c r="AX10" s="260">
        <v>0</v>
      </c>
      <c r="AY10" s="261">
        <v>1</v>
      </c>
      <c r="AZ10" s="261">
        <v>1</v>
      </c>
      <c r="BA10" s="261">
        <v>2</v>
      </c>
      <c r="BB10" s="261">
        <v>0</v>
      </c>
      <c r="BC10" s="261">
        <v>0</v>
      </c>
      <c r="BD10" s="258">
        <v>4</v>
      </c>
      <c r="BE10" s="263">
        <v>5</v>
      </c>
      <c r="BF10" s="257">
        <v>0</v>
      </c>
      <c r="BG10" s="261">
        <v>0</v>
      </c>
      <c r="BH10" s="258">
        <v>0</v>
      </c>
      <c r="BI10" s="260">
        <v>0</v>
      </c>
      <c r="BJ10" s="261">
        <v>1</v>
      </c>
      <c r="BK10" s="261">
        <v>2</v>
      </c>
      <c r="BL10" s="261">
        <v>6</v>
      </c>
      <c r="BM10" s="261">
        <v>4</v>
      </c>
      <c r="BN10" s="261">
        <v>2</v>
      </c>
      <c r="BO10" s="262">
        <v>15</v>
      </c>
      <c r="BP10" s="263">
        <v>15</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v>
      </c>
      <c r="CR10" s="261">
        <v>0</v>
      </c>
      <c r="CS10" s="261">
        <v>0</v>
      </c>
      <c r="CT10" s="261">
        <v>0</v>
      </c>
      <c r="CU10" s="261">
        <v>1</v>
      </c>
      <c r="CV10" s="258">
        <v>2</v>
      </c>
      <c r="CW10" s="263">
        <v>2</v>
      </c>
    </row>
    <row r="11" spans="1:101" ht="21" customHeight="1" x14ac:dyDescent="0.2">
      <c r="B11" s="472" t="s">
        <v>8</v>
      </c>
      <c r="C11" s="257">
        <v>0</v>
      </c>
      <c r="D11" s="258">
        <v>0</v>
      </c>
      <c r="E11" s="259">
        <v>0</v>
      </c>
      <c r="F11" s="260">
        <v>0</v>
      </c>
      <c r="G11" s="261">
        <v>0</v>
      </c>
      <c r="H11" s="261">
        <v>0</v>
      </c>
      <c r="I11" s="261">
        <v>0</v>
      </c>
      <c r="J11" s="261">
        <v>1</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43</v>
      </c>
      <c r="AD11" s="261">
        <v>15</v>
      </c>
      <c r="AE11" s="261">
        <v>5</v>
      </c>
      <c r="AF11" s="261">
        <v>9</v>
      </c>
      <c r="AG11" s="261">
        <v>1</v>
      </c>
      <c r="AH11" s="258">
        <v>73</v>
      </c>
      <c r="AI11" s="263">
        <v>73</v>
      </c>
      <c r="AJ11" s="257">
        <v>0</v>
      </c>
      <c r="AK11" s="261">
        <v>0</v>
      </c>
      <c r="AL11" s="258">
        <v>0</v>
      </c>
      <c r="AM11" s="260">
        <v>0</v>
      </c>
      <c r="AN11" s="261">
        <v>0</v>
      </c>
      <c r="AO11" s="261">
        <v>1</v>
      </c>
      <c r="AP11" s="261">
        <v>0</v>
      </c>
      <c r="AQ11" s="261">
        <v>0</v>
      </c>
      <c r="AR11" s="261">
        <v>0</v>
      </c>
      <c r="AS11" s="258">
        <v>1</v>
      </c>
      <c r="AT11" s="263">
        <v>1</v>
      </c>
      <c r="AU11" s="257">
        <v>0</v>
      </c>
      <c r="AV11" s="261">
        <v>0</v>
      </c>
      <c r="AW11" s="258">
        <v>0</v>
      </c>
      <c r="AX11" s="260">
        <v>0</v>
      </c>
      <c r="AY11" s="261">
        <v>3</v>
      </c>
      <c r="AZ11" s="261">
        <v>0</v>
      </c>
      <c r="BA11" s="261">
        <v>2</v>
      </c>
      <c r="BB11" s="261">
        <v>2</v>
      </c>
      <c r="BC11" s="261">
        <v>0</v>
      </c>
      <c r="BD11" s="258">
        <v>7</v>
      </c>
      <c r="BE11" s="263">
        <v>7</v>
      </c>
      <c r="BF11" s="257">
        <v>0</v>
      </c>
      <c r="BG11" s="261">
        <v>0</v>
      </c>
      <c r="BH11" s="258">
        <v>0</v>
      </c>
      <c r="BI11" s="260">
        <v>0</v>
      </c>
      <c r="BJ11" s="261">
        <v>0</v>
      </c>
      <c r="BK11" s="261">
        <v>4</v>
      </c>
      <c r="BL11" s="261">
        <v>1</v>
      </c>
      <c r="BM11" s="261">
        <v>3</v>
      </c>
      <c r="BN11" s="261">
        <v>0</v>
      </c>
      <c r="BO11" s="262">
        <v>8</v>
      </c>
      <c r="BP11" s="263">
        <v>8</v>
      </c>
      <c r="BQ11" s="257">
        <v>0</v>
      </c>
      <c r="BR11" s="261">
        <v>0</v>
      </c>
      <c r="BS11" s="258">
        <v>0</v>
      </c>
      <c r="BT11" s="260">
        <v>0</v>
      </c>
      <c r="BU11" s="261">
        <v>0</v>
      </c>
      <c r="BV11" s="261">
        <v>0</v>
      </c>
      <c r="BW11" s="261">
        <v>0</v>
      </c>
      <c r="BX11" s="261">
        <v>1</v>
      </c>
      <c r="BY11" s="261">
        <v>1</v>
      </c>
      <c r="BZ11" s="258">
        <v>2</v>
      </c>
      <c r="CA11" s="263">
        <v>2</v>
      </c>
      <c r="CB11" s="257">
        <v>0</v>
      </c>
      <c r="CC11" s="261">
        <v>0</v>
      </c>
      <c r="CD11" s="258">
        <v>0</v>
      </c>
      <c r="CE11" s="260">
        <v>0</v>
      </c>
      <c r="CF11" s="261">
        <v>0</v>
      </c>
      <c r="CG11" s="261">
        <v>0</v>
      </c>
      <c r="CH11" s="261">
        <v>0</v>
      </c>
      <c r="CI11" s="261">
        <v>1</v>
      </c>
      <c r="CJ11" s="261">
        <v>1</v>
      </c>
      <c r="CK11" s="258">
        <v>2</v>
      </c>
      <c r="CL11" s="263">
        <v>2</v>
      </c>
      <c r="CM11" s="257">
        <v>0</v>
      </c>
      <c r="CN11" s="261">
        <v>0</v>
      </c>
      <c r="CO11" s="258">
        <v>0</v>
      </c>
      <c r="CP11" s="260">
        <v>0</v>
      </c>
      <c r="CQ11" s="261">
        <v>0</v>
      </c>
      <c r="CR11" s="261">
        <v>0</v>
      </c>
      <c r="CS11" s="261">
        <v>0</v>
      </c>
      <c r="CT11" s="261">
        <v>0</v>
      </c>
      <c r="CU11" s="261">
        <v>0</v>
      </c>
      <c r="CV11" s="258">
        <v>0</v>
      </c>
      <c r="CW11" s="263">
        <v>0</v>
      </c>
    </row>
    <row r="12" spans="1:101" ht="21" customHeight="1" x14ac:dyDescent="0.2">
      <c r="B12" s="472" t="s">
        <v>9</v>
      </c>
      <c r="C12" s="257">
        <v>0</v>
      </c>
      <c r="D12" s="258">
        <v>0</v>
      </c>
      <c r="E12" s="259">
        <v>0</v>
      </c>
      <c r="F12" s="260">
        <v>0</v>
      </c>
      <c r="G12" s="261">
        <v>0</v>
      </c>
      <c r="H12" s="261">
        <v>1</v>
      </c>
      <c r="I12" s="261">
        <v>0</v>
      </c>
      <c r="J12" s="261">
        <v>2</v>
      </c>
      <c r="K12" s="261">
        <v>0</v>
      </c>
      <c r="L12" s="262">
        <v>3</v>
      </c>
      <c r="M12" s="263">
        <v>3</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7</v>
      </c>
      <c r="AD12" s="261">
        <v>27</v>
      </c>
      <c r="AE12" s="261">
        <v>18</v>
      </c>
      <c r="AF12" s="261">
        <v>6</v>
      </c>
      <c r="AG12" s="261">
        <v>1</v>
      </c>
      <c r="AH12" s="258">
        <v>99</v>
      </c>
      <c r="AI12" s="263">
        <v>99</v>
      </c>
      <c r="AJ12" s="257">
        <v>0</v>
      </c>
      <c r="AK12" s="261">
        <v>0</v>
      </c>
      <c r="AL12" s="258">
        <v>0</v>
      </c>
      <c r="AM12" s="260">
        <v>0</v>
      </c>
      <c r="AN12" s="261">
        <v>0</v>
      </c>
      <c r="AO12" s="261">
        <v>0</v>
      </c>
      <c r="AP12" s="261">
        <v>0</v>
      </c>
      <c r="AQ12" s="261">
        <v>0</v>
      </c>
      <c r="AR12" s="261">
        <v>1</v>
      </c>
      <c r="AS12" s="258">
        <v>1</v>
      </c>
      <c r="AT12" s="263">
        <v>1</v>
      </c>
      <c r="AU12" s="257">
        <v>1</v>
      </c>
      <c r="AV12" s="261">
        <v>0</v>
      </c>
      <c r="AW12" s="258">
        <v>1</v>
      </c>
      <c r="AX12" s="260">
        <v>0</v>
      </c>
      <c r="AY12" s="261">
        <v>5</v>
      </c>
      <c r="AZ12" s="261">
        <v>1</v>
      </c>
      <c r="BA12" s="261">
        <v>3</v>
      </c>
      <c r="BB12" s="261">
        <v>1</v>
      </c>
      <c r="BC12" s="261">
        <v>1</v>
      </c>
      <c r="BD12" s="258">
        <v>11</v>
      </c>
      <c r="BE12" s="263">
        <v>12</v>
      </c>
      <c r="BF12" s="257">
        <v>0</v>
      </c>
      <c r="BG12" s="261">
        <v>0</v>
      </c>
      <c r="BH12" s="258">
        <v>0</v>
      </c>
      <c r="BI12" s="260">
        <v>0</v>
      </c>
      <c r="BJ12" s="261">
        <v>0</v>
      </c>
      <c r="BK12" s="261">
        <v>2</v>
      </c>
      <c r="BL12" s="261">
        <v>6</v>
      </c>
      <c r="BM12" s="261">
        <v>3</v>
      </c>
      <c r="BN12" s="261">
        <v>0</v>
      </c>
      <c r="BO12" s="262">
        <v>11</v>
      </c>
      <c r="BP12" s="263">
        <v>11</v>
      </c>
      <c r="BQ12" s="257">
        <v>0</v>
      </c>
      <c r="BR12" s="261">
        <v>0</v>
      </c>
      <c r="BS12" s="258">
        <v>0</v>
      </c>
      <c r="BT12" s="260">
        <v>0</v>
      </c>
      <c r="BU12" s="261">
        <v>0</v>
      </c>
      <c r="BV12" s="261">
        <v>1</v>
      </c>
      <c r="BW12" s="261">
        <v>1</v>
      </c>
      <c r="BX12" s="261">
        <v>1</v>
      </c>
      <c r="BY12" s="261">
        <v>0</v>
      </c>
      <c r="BZ12" s="258">
        <v>3</v>
      </c>
      <c r="CA12" s="263">
        <v>3</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0</v>
      </c>
      <c r="CT12" s="261">
        <v>0</v>
      </c>
      <c r="CU12" s="261">
        <v>3</v>
      </c>
      <c r="CV12" s="258">
        <v>4</v>
      </c>
      <c r="CW12" s="263">
        <v>4</v>
      </c>
    </row>
    <row r="13" spans="1:101" ht="21" customHeight="1" x14ac:dyDescent="0.2">
      <c r="B13" s="472" t="s">
        <v>10</v>
      </c>
      <c r="C13" s="257">
        <v>0</v>
      </c>
      <c r="D13" s="258">
        <v>0</v>
      </c>
      <c r="E13" s="259">
        <v>0</v>
      </c>
      <c r="F13" s="260">
        <v>0</v>
      </c>
      <c r="G13" s="261">
        <v>1</v>
      </c>
      <c r="H13" s="261">
        <v>1</v>
      </c>
      <c r="I13" s="261">
        <v>1</v>
      </c>
      <c r="J13" s="261">
        <v>0</v>
      </c>
      <c r="K13" s="261">
        <v>0</v>
      </c>
      <c r="L13" s="262">
        <v>3</v>
      </c>
      <c r="M13" s="263">
        <v>3</v>
      </c>
      <c r="N13" s="257">
        <v>0</v>
      </c>
      <c r="O13" s="261">
        <v>0</v>
      </c>
      <c r="P13" s="258">
        <v>0</v>
      </c>
      <c r="Q13" s="260">
        <v>0</v>
      </c>
      <c r="R13" s="261">
        <v>0</v>
      </c>
      <c r="S13" s="261">
        <v>1</v>
      </c>
      <c r="T13" s="261">
        <v>0</v>
      </c>
      <c r="U13" s="261">
        <v>1</v>
      </c>
      <c r="V13" s="261">
        <v>0</v>
      </c>
      <c r="W13" s="258">
        <v>2</v>
      </c>
      <c r="X13" s="263">
        <v>2</v>
      </c>
      <c r="Y13" s="257">
        <v>0</v>
      </c>
      <c r="Z13" s="261">
        <v>0</v>
      </c>
      <c r="AA13" s="258">
        <v>0</v>
      </c>
      <c r="AB13" s="260">
        <v>0</v>
      </c>
      <c r="AC13" s="261">
        <v>35</v>
      </c>
      <c r="AD13" s="261">
        <v>20</v>
      </c>
      <c r="AE13" s="261">
        <v>3</v>
      </c>
      <c r="AF13" s="261">
        <v>5</v>
      </c>
      <c r="AG13" s="261">
        <v>1</v>
      </c>
      <c r="AH13" s="258">
        <v>64</v>
      </c>
      <c r="AI13" s="263">
        <v>64</v>
      </c>
      <c r="AJ13" s="257">
        <v>0</v>
      </c>
      <c r="AK13" s="261">
        <v>0</v>
      </c>
      <c r="AL13" s="258">
        <v>0</v>
      </c>
      <c r="AM13" s="260">
        <v>0</v>
      </c>
      <c r="AN13" s="261">
        <v>1</v>
      </c>
      <c r="AO13" s="261">
        <v>0</v>
      </c>
      <c r="AP13" s="261">
        <v>3</v>
      </c>
      <c r="AQ13" s="261">
        <v>2</v>
      </c>
      <c r="AR13" s="261">
        <v>0</v>
      </c>
      <c r="AS13" s="258">
        <v>6</v>
      </c>
      <c r="AT13" s="263">
        <v>6</v>
      </c>
      <c r="AU13" s="257">
        <v>1</v>
      </c>
      <c r="AV13" s="261">
        <v>1</v>
      </c>
      <c r="AW13" s="258">
        <v>2</v>
      </c>
      <c r="AX13" s="260">
        <v>0</v>
      </c>
      <c r="AY13" s="261">
        <v>2</v>
      </c>
      <c r="AZ13" s="261">
        <v>1</v>
      </c>
      <c r="BA13" s="261">
        <v>4</v>
      </c>
      <c r="BB13" s="261">
        <v>1</v>
      </c>
      <c r="BC13" s="261">
        <v>1</v>
      </c>
      <c r="BD13" s="258">
        <v>9</v>
      </c>
      <c r="BE13" s="263">
        <v>11</v>
      </c>
      <c r="BF13" s="257">
        <v>0</v>
      </c>
      <c r="BG13" s="261">
        <v>0</v>
      </c>
      <c r="BH13" s="258">
        <v>0</v>
      </c>
      <c r="BI13" s="260">
        <v>0</v>
      </c>
      <c r="BJ13" s="261">
        <v>2</v>
      </c>
      <c r="BK13" s="261">
        <v>7</v>
      </c>
      <c r="BL13" s="261">
        <v>6</v>
      </c>
      <c r="BM13" s="261">
        <v>4</v>
      </c>
      <c r="BN13" s="261">
        <v>8</v>
      </c>
      <c r="BO13" s="262">
        <v>27</v>
      </c>
      <c r="BP13" s="263">
        <v>27</v>
      </c>
      <c r="BQ13" s="257">
        <v>0</v>
      </c>
      <c r="BR13" s="261">
        <v>0</v>
      </c>
      <c r="BS13" s="258">
        <v>0</v>
      </c>
      <c r="BT13" s="260">
        <v>0</v>
      </c>
      <c r="BU13" s="261">
        <v>2</v>
      </c>
      <c r="BV13" s="261">
        <v>2</v>
      </c>
      <c r="BW13" s="261">
        <v>4</v>
      </c>
      <c r="BX13" s="261">
        <v>0</v>
      </c>
      <c r="BY13" s="261">
        <v>4</v>
      </c>
      <c r="BZ13" s="258">
        <v>12</v>
      </c>
      <c r="CA13" s="263">
        <v>12</v>
      </c>
      <c r="CB13" s="257">
        <v>0</v>
      </c>
      <c r="CC13" s="261">
        <v>0</v>
      </c>
      <c r="CD13" s="258">
        <v>0</v>
      </c>
      <c r="CE13" s="260">
        <v>0</v>
      </c>
      <c r="CF13" s="261">
        <v>0</v>
      </c>
      <c r="CG13" s="261">
        <v>0</v>
      </c>
      <c r="CH13" s="261">
        <v>0</v>
      </c>
      <c r="CI13" s="261">
        <v>2</v>
      </c>
      <c r="CJ13" s="261">
        <v>0</v>
      </c>
      <c r="CK13" s="258">
        <v>2</v>
      </c>
      <c r="CL13" s="263">
        <v>2</v>
      </c>
      <c r="CM13" s="257">
        <v>0</v>
      </c>
      <c r="CN13" s="261">
        <v>0</v>
      </c>
      <c r="CO13" s="258">
        <v>0</v>
      </c>
      <c r="CP13" s="260">
        <v>0</v>
      </c>
      <c r="CQ13" s="261">
        <v>0</v>
      </c>
      <c r="CR13" s="261">
        <v>1</v>
      </c>
      <c r="CS13" s="261">
        <v>2</v>
      </c>
      <c r="CT13" s="261">
        <v>1</v>
      </c>
      <c r="CU13" s="261">
        <v>1</v>
      </c>
      <c r="CV13" s="258">
        <v>5</v>
      </c>
      <c r="CW13" s="263">
        <v>5</v>
      </c>
    </row>
    <row r="14" spans="1:101" ht="21" customHeight="1" x14ac:dyDescent="0.2">
      <c r="B14" s="472" t="s">
        <v>11</v>
      </c>
      <c r="C14" s="257">
        <v>0</v>
      </c>
      <c r="D14" s="258">
        <v>0</v>
      </c>
      <c r="E14" s="259">
        <v>0</v>
      </c>
      <c r="F14" s="260">
        <v>0</v>
      </c>
      <c r="G14" s="261">
        <v>1</v>
      </c>
      <c r="H14" s="261">
        <v>2</v>
      </c>
      <c r="I14" s="261">
        <v>0</v>
      </c>
      <c r="J14" s="261">
        <v>1</v>
      </c>
      <c r="K14" s="261">
        <v>0</v>
      </c>
      <c r="L14" s="262">
        <v>4</v>
      </c>
      <c r="M14" s="263">
        <v>4</v>
      </c>
      <c r="N14" s="257">
        <v>0</v>
      </c>
      <c r="O14" s="261">
        <v>0</v>
      </c>
      <c r="P14" s="258">
        <v>0</v>
      </c>
      <c r="Q14" s="260">
        <v>0</v>
      </c>
      <c r="R14" s="261">
        <v>2</v>
      </c>
      <c r="S14" s="261">
        <v>1</v>
      </c>
      <c r="T14" s="261">
        <v>0</v>
      </c>
      <c r="U14" s="261">
        <v>1</v>
      </c>
      <c r="V14" s="261">
        <v>0</v>
      </c>
      <c r="W14" s="258">
        <v>4</v>
      </c>
      <c r="X14" s="263">
        <v>4</v>
      </c>
      <c r="Y14" s="257">
        <v>0</v>
      </c>
      <c r="Z14" s="261">
        <v>0</v>
      </c>
      <c r="AA14" s="258">
        <v>0</v>
      </c>
      <c r="AB14" s="260">
        <v>0</v>
      </c>
      <c r="AC14" s="261">
        <v>34</v>
      </c>
      <c r="AD14" s="261">
        <v>2</v>
      </c>
      <c r="AE14" s="261">
        <v>3</v>
      </c>
      <c r="AF14" s="261">
        <v>5</v>
      </c>
      <c r="AG14" s="261">
        <v>1</v>
      </c>
      <c r="AH14" s="258">
        <v>45</v>
      </c>
      <c r="AI14" s="263">
        <v>45</v>
      </c>
      <c r="AJ14" s="257">
        <v>0</v>
      </c>
      <c r="AK14" s="261">
        <v>0</v>
      </c>
      <c r="AL14" s="258">
        <v>0</v>
      </c>
      <c r="AM14" s="260">
        <v>0</v>
      </c>
      <c r="AN14" s="261">
        <v>1</v>
      </c>
      <c r="AO14" s="261">
        <v>0</v>
      </c>
      <c r="AP14" s="261">
        <v>0</v>
      </c>
      <c r="AQ14" s="261">
        <v>0</v>
      </c>
      <c r="AR14" s="261">
        <v>0</v>
      </c>
      <c r="AS14" s="258">
        <v>1</v>
      </c>
      <c r="AT14" s="263">
        <v>1</v>
      </c>
      <c r="AU14" s="257">
        <v>0</v>
      </c>
      <c r="AV14" s="261">
        <v>1</v>
      </c>
      <c r="AW14" s="258">
        <v>1</v>
      </c>
      <c r="AX14" s="260">
        <v>0</v>
      </c>
      <c r="AY14" s="261">
        <v>2</v>
      </c>
      <c r="AZ14" s="261">
        <v>1</v>
      </c>
      <c r="BA14" s="261">
        <v>0</v>
      </c>
      <c r="BB14" s="261">
        <v>2</v>
      </c>
      <c r="BC14" s="261">
        <v>0</v>
      </c>
      <c r="BD14" s="258">
        <v>5</v>
      </c>
      <c r="BE14" s="263">
        <v>6</v>
      </c>
      <c r="BF14" s="257">
        <v>0</v>
      </c>
      <c r="BG14" s="261">
        <v>0</v>
      </c>
      <c r="BH14" s="258">
        <v>0</v>
      </c>
      <c r="BI14" s="260">
        <v>0</v>
      </c>
      <c r="BJ14" s="261">
        <v>1</v>
      </c>
      <c r="BK14" s="261">
        <v>3</v>
      </c>
      <c r="BL14" s="261">
        <v>2</v>
      </c>
      <c r="BM14" s="261">
        <v>1</v>
      </c>
      <c r="BN14" s="261">
        <v>0</v>
      </c>
      <c r="BO14" s="262">
        <v>7</v>
      </c>
      <c r="BP14" s="263">
        <v>7</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0</v>
      </c>
      <c r="CR14" s="261">
        <v>0</v>
      </c>
      <c r="CS14" s="261">
        <v>0</v>
      </c>
      <c r="CT14" s="261">
        <v>0</v>
      </c>
      <c r="CU14" s="261">
        <v>0</v>
      </c>
      <c r="CV14" s="258">
        <v>0</v>
      </c>
      <c r="CW14" s="263">
        <v>0</v>
      </c>
    </row>
    <row r="15" spans="1:101" ht="21" customHeight="1" x14ac:dyDescent="0.2">
      <c r="B15" s="472" t="s">
        <v>12</v>
      </c>
      <c r="C15" s="257">
        <v>0</v>
      </c>
      <c r="D15" s="258">
        <v>0</v>
      </c>
      <c r="E15" s="259">
        <v>0</v>
      </c>
      <c r="F15" s="260">
        <v>0</v>
      </c>
      <c r="G15" s="261">
        <v>0</v>
      </c>
      <c r="H15" s="261">
        <v>0</v>
      </c>
      <c r="I15" s="261">
        <v>0</v>
      </c>
      <c r="J15" s="261">
        <v>0</v>
      </c>
      <c r="K15" s="261">
        <v>0</v>
      </c>
      <c r="L15" s="262">
        <v>0</v>
      </c>
      <c r="M15" s="263">
        <v>0</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20</v>
      </c>
      <c r="AD15" s="261">
        <v>12</v>
      </c>
      <c r="AE15" s="261">
        <v>7</v>
      </c>
      <c r="AF15" s="261">
        <v>4</v>
      </c>
      <c r="AG15" s="261">
        <v>2</v>
      </c>
      <c r="AH15" s="258">
        <v>45</v>
      </c>
      <c r="AI15" s="263">
        <v>45</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2</v>
      </c>
      <c r="AZ15" s="261">
        <v>2</v>
      </c>
      <c r="BA15" s="261">
        <v>1</v>
      </c>
      <c r="BB15" s="261">
        <v>3</v>
      </c>
      <c r="BC15" s="261">
        <v>0</v>
      </c>
      <c r="BD15" s="258">
        <v>8</v>
      </c>
      <c r="BE15" s="263">
        <v>8</v>
      </c>
      <c r="BF15" s="257">
        <v>0</v>
      </c>
      <c r="BG15" s="261">
        <v>0</v>
      </c>
      <c r="BH15" s="258">
        <v>0</v>
      </c>
      <c r="BI15" s="260">
        <v>0</v>
      </c>
      <c r="BJ15" s="261">
        <v>2</v>
      </c>
      <c r="BK15" s="261">
        <v>1</v>
      </c>
      <c r="BL15" s="261">
        <v>0</v>
      </c>
      <c r="BM15" s="261">
        <v>2</v>
      </c>
      <c r="BN15" s="261">
        <v>1</v>
      </c>
      <c r="BO15" s="262">
        <v>6</v>
      </c>
      <c r="BP15" s="263">
        <v>6</v>
      </c>
      <c r="BQ15" s="257">
        <v>0</v>
      </c>
      <c r="BR15" s="261">
        <v>0</v>
      </c>
      <c r="BS15" s="258">
        <v>0</v>
      </c>
      <c r="BT15" s="260">
        <v>0</v>
      </c>
      <c r="BU15" s="261">
        <v>0</v>
      </c>
      <c r="BV15" s="261">
        <v>1</v>
      </c>
      <c r="BW15" s="261">
        <v>0</v>
      </c>
      <c r="BX15" s="261">
        <v>1</v>
      </c>
      <c r="BY15" s="261">
        <v>0</v>
      </c>
      <c r="BZ15" s="258">
        <v>2</v>
      </c>
      <c r="CA15" s="263">
        <v>2</v>
      </c>
      <c r="CB15" s="257">
        <v>0</v>
      </c>
      <c r="CC15" s="261">
        <v>0</v>
      </c>
      <c r="CD15" s="258">
        <v>0</v>
      </c>
      <c r="CE15" s="260">
        <v>0</v>
      </c>
      <c r="CF15" s="261">
        <v>0</v>
      </c>
      <c r="CG15" s="261">
        <v>0</v>
      </c>
      <c r="CH15" s="261">
        <v>0</v>
      </c>
      <c r="CI15" s="261">
        <v>0</v>
      </c>
      <c r="CJ15" s="261">
        <v>0</v>
      </c>
      <c r="CK15" s="258">
        <v>0</v>
      </c>
      <c r="CL15" s="263">
        <v>0</v>
      </c>
      <c r="CM15" s="257">
        <v>0</v>
      </c>
      <c r="CN15" s="261">
        <v>0</v>
      </c>
      <c r="CO15" s="258">
        <v>0</v>
      </c>
      <c r="CP15" s="260">
        <v>0</v>
      </c>
      <c r="CQ15" s="261">
        <v>0</v>
      </c>
      <c r="CR15" s="261">
        <v>3</v>
      </c>
      <c r="CS15" s="261">
        <v>1</v>
      </c>
      <c r="CT15" s="261">
        <v>2</v>
      </c>
      <c r="CU15" s="261">
        <v>2</v>
      </c>
      <c r="CV15" s="258">
        <v>8</v>
      </c>
      <c r="CW15" s="263">
        <v>8</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0</v>
      </c>
      <c r="AD16" s="261">
        <v>13</v>
      </c>
      <c r="AE16" s="261">
        <v>6</v>
      </c>
      <c r="AF16" s="261">
        <v>2</v>
      </c>
      <c r="AG16" s="261">
        <v>4</v>
      </c>
      <c r="AH16" s="258">
        <v>35</v>
      </c>
      <c r="AI16" s="263">
        <v>35</v>
      </c>
      <c r="AJ16" s="257">
        <v>0</v>
      </c>
      <c r="AK16" s="261">
        <v>0</v>
      </c>
      <c r="AL16" s="258">
        <v>0</v>
      </c>
      <c r="AM16" s="260">
        <v>0</v>
      </c>
      <c r="AN16" s="261">
        <v>1</v>
      </c>
      <c r="AO16" s="261">
        <v>0</v>
      </c>
      <c r="AP16" s="261">
        <v>0</v>
      </c>
      <c r="AQ16" s="261">
        <v>0</v>
      </c>
      <c r="AR16" s="261">
        <v>0</v>
      </c>
      <c r="AS16" s="258">
        <v>1</v>
      </c>
      <c r="AT16" s="263">
        <v>1</v>
      </c>
      <c r="AU16" s="257">
        <v>0</v>
      </c>
      <c r="AV16" s="261">
        <v>0</v>
      </c>
      <c r="AW16" s="258">
        <v>0</v>
      </c>
      <c r="AX16" s="260">
        <v>0</v>
      </c>
      <c r="AY16" s="261">
        <v>0</v>
      </c>
      <c r="AZ16" s="261">
        <v>0</v>
      </c>
      <c r="BA16" s="261">
        <v>1</v>
      </c>
      <c r="BB16" s="261">
        <v>0</v>
      </c>
      <c r="BC16" s="261">
        <v>0</v>
      </c>
      <c r="BD16" s="258">
        <v>1</v>
      </c>
      <c r="BE16" s="263">
        <v>1</v>
      </c>
      <c r="BF16" s="257">
        <v>0</v>
      </c>
      <c r="BG16" s="261">
        <v>0</v>
      </c>
      <c r="BH16" s="258">
        <v>0</v>
      </c>
      <c r="BI16" s="260">
        <v>0</v>
      </c>
      <c r="BJ16" s="261">
        <v>1</v>
      </c>
      <c r="BK16" s="261">
        <v>0</v>
      </c>
      <c r="BL16" s="261">
        <v>0</v>
      </c>
      <c r="BM16" s="261">
        <v>0</v>
      </c>
      <c r="BN16" s="261">
        <v>0</v>
      </c>
      <c r="BO16" s="262">
        <v>1</v>
      </c>
      <c r="BP16" s="263">
        <v>1</v>
      </c>
      <c r="BQ16" s="257">
        <v>0</v>
      </c>
      <c r="BR16" s="261">
        <v>0</v>
      </c>
      <c r="BS16" s="258">
        <v>0</v>
      </c>
      <c r="BT16" s="260">
        <v>0</v>
      </c>
      <c r="BU16" s="261">
        <v>0</v>
      </c>
      <c r="BV16" s="261">
        <v>0</v>
      </c>
      <c r="BW16" s="261">
        <v>0</v>
      </c>
      <c r="BX16" s="261">
        <v>1</v>
      </c>
      <c r="BY16" s="261">
        <v>0</v>
      </c>
      <c r="BZ16" s="258">
        <v>1</v>
      </c>
      <c r="CA16" s="263">
        <v>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0</v>
      </c>
      <c r="H17" s="261">
        <v>0</v>
      </c>
      <c r="I17" s="261">
        <v>1</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4</v>
      </c>
      <c r="AD17" s="261">
        <v>12</v>
      </c>
      <c r="AE17" s="261">
        <v>3</v>
      </c>
      <c r="AF17" s="261">
        <v>0</v>
      </c>
      <c r="AG17" s="261">
        <v>1</v>
      </c>
      <c r="AH17" s="258">
        <v>20</v>
      </c>
      <c r="AI17" s="263">
        <v>20</v>
      </c>
      <c r="AJ17" s="257">
        <v>0</v>
      </c>
      <c r="AK17" s="261">
        <v>0</v>
      </c>
      <c r="AL17" s="258">
        <v>0</v>
      </c>
      <c r="AM17" s="260">
        <v>0</v>
      </c>
      <c r="AN17" s="261">
        <v>0</v>
      </c>
      <c r="AO17" s="261">
        <v>0</v>
      </c>
      <c r="AP17" s="261">
        <v>0</v>
      </c>
      <c r="AQ17" s="261">
        <v>0</v>
      </c>
      <c r="AR17" s="261">
        <v>0</v>
      </c>
      <c r="AS17" s="258">
        <v>0</v>
      </c>
      <c r="AT17" s="263">
        <v>0</v>
      </c>
      <c r="AU17" s="257">
        <v>0</v>
      </c>
      <c r="AV17" s="261">
        <v>0</v>
      </c>
      <c r="AW17" s="258">
        <v>0</v>
      </c>
      <c r="AX17" s="260">
        <v>0</v>
      </c>
      <c r="AY17" s="261">
        <v>0</v>
      </c>
      <c r="AZ17" s="261">
        <v>0</v>
      </c>
      <c r="BA17" s="261">
        <v>0</v>
      </c>
      <c r="BB17" s="261">
        <v>0</v>
      </c>
      <c r="BC17" s="261">
        <v>0</v>
      </c>
      <c r="BD17" s="258">
        <v>0</v>
      </c>
      <c r="BE17" s="263">
        <v>0</v>
      </c>
      <c r="BF17" s="257">
        <v>0</v>
      </c>
      <c r="BG17" s="261">
        <v>0</v>
      </c>
      <c r="BH17" s="258">
        <v>0</v>
      </c>
      <c r="BI17" s="260">
        <v>0</v>
      </c>
      <c r="BJ17" s="261">
        <v>0</v>
      </c>
      <c r="BK17" s="261">
        <v>0</v>
      </c>
      <c r="BL17" s="261">
        <v>0</v>
      </c>
      <c r="BM17" s="261">
        <v>1</v>
      </c>
      <c r="BN17" s="261">
        <v>0</v>
      </c>
      <c r="BO17" s="262">
        <v>1</v>
      </c>
      <c r="BP17" s="263">
        <v>1</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1</v>
      </c>
      <c r="CJ17" s="261">
        <v>0</v>
      </c>
      <c r="CK17" s="258">
        <v>1</v>
      </c>
      <c r="CL17" s="263">
        <v>1</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72" t="s">
        <v>16</v>
      </c>
      <c r="C18" s="257">
        <v>0</v>
      </c>
      <c r="D18" s="258">
        <v>0</v>
      </c>
      <c r="E18" s="259">
        <v>0</v>
      </c>
      <c r="F18" s="260">
        <v>0</v>
      </c>
      <c r="G18" s="261">
        <v>0</v>
      </c>
      <c r="H18" s="261">
        <v>0</v>
      </c>
      <c r="I18" s="261">
        <v>0</v>
      </c>
      <c r="J18" s="261">
        <v>1</v>
      </c>
      <c r="K18" s="261">
        <v>1</v>
      </c>
      <c r="L18" s="262">
        <v>2</v>
      </c>
      <c r="M18" s="263">
        <v>2</v>
      </c>
      <c r="N18" s="257">
        <v>0</v>
      </c>
      <c r="O18" s="261">
        <v>0</v>
      </c>
      <c r="P18" s="258">
        <v>0</v>
      </c>
      <c r="Q18" s="260">
        <v>0</v>
      </c>
      <c r="R18" s="261">
        <v>0</v>
      </c>
      <c r="S18" s="261">
        <v>0</v>
      </c>
      <c r="T18" s="261">
        <v>0</v>
      </c>
      <c r="U18" s="261">
        <v>1</v>
      </c>
      <c r="V18" s="261">
        <v>0</v>
      </c>
      <c r="W18" s="258">
        <v>1</v>
      </c>
      <c r="X18" s="263">
        <v>1</v>
      </c>
      <c r="Y18" s="257">
        <v>0</v>
      </c>
      <c r="Z18" s="261">
        <v>0</v>
      </c>
      <c r="AA18" s="258">
        <v>0</v>
      </c>
      <c r="AB18" s="260">
        <v>0</v>
      </c>
      <c r="AC18" s="261">
        <v>7</v>
      </c>
      <c r="AD18" s="261">
        <v>6</v>
      </c>
      <c r="AE18" s="261">
        <v>5</v>
      </c>
      <c r="AF18" s="261">
        <v>2</v>
      </c>
      <c r="AG18" s="261">
        <v>0</v>
      </c>
      <c r="AH18" s="258">
        <v>20</v>
      </c>
      <c r="AI18" s="263">
        <v>20</v>
      </c>
      <c r="AJ18" s="257">
        <v>0</v>
      </c>
      <c r="AK18" s="261">
        <v>0</v>
      </c>
      <c r="AL18" s="258">
        <v>0</v>
      </c>
      <c r="AM18" s="260">
        <v>0</v>
      </c>
      <c r="AN18" s="261">
        <v>0</v>
      </c>
      <c r="AO18" s="261">
        <v>1</v>
      </c>
      <c r="AP18" s="261">
        <v>0</v>
      </c>
      <c r="AQ18" s="261">
        <v>0</v>
      </c>
      <c r="AR18" s="261">
        <v>0</v>
      </c>
      <c r="AS18" s="258">
        <v>1</v>
      </c>
      <c r="AT18" s="263">
        <v>1</v>
      </c>
      <c r="AU18" s="257">
        <v>0</v>
      </c>
      <c r="AV18" s="261">
        <v>1</v>
      </c>
      <c r="AW18" s="258">
        <v>1</v>
      </c>
      <c r="AX18" s="260">
        <v>0</v>
      </c>
      <c r="AY18" s="261">
        <v>1</v>
      </c>
      <c r="AZ18" s="261">
        <v>1</v>
      </c>
      <c r="BA18" s="261">
        <v>0</v>
      </c>
      <c r="BB18" s="261">
        <v>0</v>
      </c>
      <c r="BC18" s="261">
        <v>1</v>
      </c>
      <c r="BD18" s="258">
        <v>3</v>
      </c>
      <c r="BE18" s="263">
        <v>4</v>
      </c>
      <c r="BF18" s="257">
        <v>0</v>
      </c>
      <c r="BG18" s="261">
        <v>0</v>
      </c>
      <c r="BH18" s="258">
        <v>0</v>
      </c>
      <c r="BI18" s="260">
        <v>0</v>
      </c>
      <c r="BJ18" s="261">
        <v>0</v>
      </c>
      <c r="BK18" s="261">
        <v>3</v>
      </c>
      <c r="BL18" s="261">
        <v>3</v>
      </c>
      <c r="BM18" s="261">
        <v>1</v>
      </c>
      <c r="BN18" s="261">
        <v>2</v>
      </c>
      <c r="BO18" s="262">
        <v>9</v>
      </c>
      <c r="BP18" s="263">
        <v>9</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0</v>
      </c>
      <c r="CS18" s="261">
        <v>0</v>
      </c>
      <c r="CT18" s="261">
        <v>0</v>
      </c>
      <c r="CU18" s="261">
        <v>0</v>
      </c>
      <c r="CV18" s="258">
        <v>0</v>
      </c>
      <c r="CW18" s="263">
        <v>0</v>
      </c>
    </row>
    <row r="19" spans="2:101" ht="21" customHeight="1" x14ac:dyDescent="0.2">
      <c r="B19" s="472" t="s">
        <v>17</v>
      </c>
      <c r="C19" s="257">
        <v>0</v>
      </c>
      <c r="D19" s="258">
        <v>0</v>
      </c>
      <c r="E19" s="259">
        <v>0</v>
      </c>
      <c r="F19" s="260">
        <v>0</v>
      </c>
      <c r="G19" s="261">
        <v>1</v>
      </c>
      <c r="H19" s="261">
        <v>0</v>
      </c>
      <c r="I19" s="261">
        <v>0</v>
      </c>
      <c r="J19" s="261">
        <v>0</v>
      </c>
      <c r="K19" s="261">
        <v>0</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18</v>
      </c>
      <c r="AD19" s="261">
        <v>18</v>
      </c>
      <c r="AE19" s="261">
        <v>9</v>
      </c>
      <c r="AF19" s="261">
        <v>3</v>
      </c>
      <c r="AG19" s="261">
        <v>1</v>
      </c>
      <c r="AH19" s="258">
        <v>49</v>
      </c>
      <c r="AI19" s="263">
        <v>49</v>
      </c>
      <c r="AJ19" s="257">
        <v>0</v>
      </c>
      <c r="AK19" s="261">
        <v>0</v>
      </c>
      <c r="AL19" s="258">
        <v>0</v>
      </c>
      <c r="AM19" s="260">
        <v>0</v>
      </c>
      <c r="AN19" s="261">
        <v>1</v>
      </c>
      <c r="AO19" s="261">
        <v>0</v>
      </c>
      <c r="AP19" s="261">
        <v>1</v>
      </c>
      <c r="AQ19" s="261">
        <v>0</v>
      </c>
      <c r="AR19" s="261">
        <v>0</v>
      </c>
      <c r="AS19" s="258">
        <v>2</v>
      </c>
      <c r="AT19" s="263">
        <v>2</v>
      </c>
      <c r="AU19" s="257">
        <v>0</v>
      </c>
      <c r="AV19" s="261">
        <v>0</v>
      </c>
      <c r="AW19" s="258">
        <v>0</v>
      </c>
      <c r="AX19" s="260">
        <v>0</v>
      </c>
      <c r="AY19" s="261">
        <v>0</v>
      </c>
      <c r="AZ19" s="261">
        <v>1</v>
      </c>
      <c r="BA19" s="261">
        <v>1</v>
      </c>
      <c r="BB19" s="261">
        <v>1</v>
      </c>
      <c r="BC19" s="261">
        <v>1</v>
      </c>
      <c r="BD19" s="258">
        <v>4</v>
      </c>
      <c r="BE19" s="263">
        <v>4</v>
      </c>
      <c r="BF19" s="257">
        <v>0</v>
      </c>
      <c r="BG19" s="261">
        <v>0</v>
      </c>
      <c r="BH19" s="258">
        <v>0</v>
      </c>
      <c r="BI19" s="260">
        <v>0</v>
      </c>
      <c r="BJ19" s="261">
        <v>1</v>
      </c>
      <c r="BK19" s="261">
        <v>5</v>
      </c>
      <c r="BL19" s="261">
        <v>2</v>
      </c>
      <c r="BM19" s="261">
        <v>3</v>
      </c>
      <c r="BN19" s="261">
        <v>4</v>
      </c>
      <c r="BO19" s="262">
        <v>15</v>
      </c>
      <c r="BP19" s="263">
        <v>15</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1</v>
      </c>
      <c r="CI19" s="261">
        <v>2</v>
      </c>
      <c r="CJ19" s="261">
        <v>2</v>
      </c>
      <c r="CK19" s="258">
        <v>5</v>
      </c>
      <c r="CL19" s="263">
        <v>5</v>
      </c>
      <c r="CM19" s="257">
        <v>0</v>
      </c>
      <c r="CN19" s="261">
        <v>0</v>
      </c>
      <c r="CO19" s="258">
        <v>0</v>
      </c>
      <c r="CP19" s="260">
        <v>0</v>
      </c>
      <c r="CQ19" s="261">
        <v>0</v>
      </c>
      <c r="CR19" s="261">
        <v>0</v>
      </c>
      <c r="CS19" s="261">
        <v>0</v>
      </c>
      <c r="CT19" s="261">
        <v>0</v>
      </c>
      <c r="CU19" s="261">
        <v>0</v>
      </c>
      <c r="CV19" s="258">
        <v>0</v>
      </c>
      <c r="CW19" s="263">
        <v>0</v>
      </c>
    </row>
    <row r="20" spans="2:101" ht="21" customHeight="1" x14ac:dyDescent="0.2">
      <c r="B20" s="472" t="s">
        <v>18</v>
      </c>
      <c r="C20" s="257">
        <v>0</v>
      </c>
      <c r="D20" s="258">
        <v>0</v>
      </c>
      <c r="E20" s="259">
        <v>0</v>
      </c>
      <c r="F20" s="260">
        <v>0</v>
      </c>
      <c r="G20" s="261">
        <v>0</v>
      </c>
      <c r="H20" s="261">
        <v>0</v>
      </c>
      <c r="I20" s="261">
        <v>0</v>
      </c>
      <c r="J20" s="261">
        <v>0</v>
      </c>
      <c r="K20" s="261">
        <v>0</v>
      </c>
      <c r="L20" s="262">
        <v>0</v>
      </c>
      <c r="M20" s="263">
        <v>0</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17</v>
      </c>
      <c r="AD20" s="261">
        <v>10</v>
      </c>
      <c r="AE20" s="261">
        <v>8</v>
      </c>
      <c r="AF20" s="261">
        <v>3</v>
      </c>
      <c r="AG20" s="261">
        <v>0</v>
      </c>
      <c r="AH20" s="258">
        <v>38</v>
      </c>
      <c r="AI20" s="263">
        <v>38</v>
      </c>
      <c r="AJ20" s="257">
        <v>0</v>
      </c>
      <c r="AK20" s="261">
        <v>0</v>
      </c>
      <c r="AL20" s="258">
        <v>0</v>
      </c>
      <c r="AM20" s="260">
        <v>0</v>
      </c>
      <c r="AN20" s="261">
        <v>0</v>
      </c>
      <c r="AO20" s="261">
        <v>0</v>
      </c>
      <c r="AP20" s="261">
        <v>2</v>
      </c>
      <c r="AQ20" s="261">
        <v>1</v>
      </c>
      <c r="AR20" s="261">
        <v>0</v>
      </c>
      <c r="AS20" s="258">
        <v>3</v>
      </c>
      <c r="AT20" s="263">
        <v>3</v>
      </c>
      <c r="AU20" s="257">
        <v>0</v>
      </c>
      <c r="AV20" s="261">
        <v>1</v>
      </c>
      <c r="AW20" s="258">
        <v>1</v>
      </c>
      <c r="AX20" s="260">
        <v>0</v>
      </c>
      <c r="AY20" s="261">
        <v>1</v>
      </c>
      <c r="AZ20" s="261">
        <v>0</v>
      </c>
      <c r="BA20" s="261">
        <v>0</v>
      </c>
      <c r="BB20" s="261">
        <v>0</v>
      </c>
      <c r="BC20" s="261">
        <v>0</v>
      </c>
      <c r="BD20" s="258">
        <v>1</v>
      </c>
      <c r="BE20" s="263">
        <v>2</v>
      </c>
      <c r="BF20" s="257">
        <v>0</v>
      </c>
      <c r="BG20" s="261">
        <v>0</v>
      </c>
      <c r="BH20" s="258">
        <v>0</v>
      </c>
      <c r="BI20" s="260">
        <v>0</v>
      </c>
      <c r="BJ20" s="261">
        <v>2</v>
      </c>
      <c r="BK20" s="261">
        <v>4</v>
      </c>
      <c r="BL20" s="261">
        <v>5</v>
      </c>
      <c r="BM20" s="261">
        <v>2</v>
      </c>
      <c r="BN20" s="261">
        <v>0</v>
      </c>
      <c r="BO20" s="262">
        <v>13</v>
      </c>
      <c r="BP20" s="263">
        <v>13</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0</v>
      </c>
      <c r="CI20" s="261">
        <v>1</v>
      </c>
      <c r="CJ20" s="261">
        <v>1</v>
      </c>
      <c r="CK20" s="258">
        <v>2</v>
      </c>
      <c r="CL20" s="263">
        <v>2</v>
      </c>
      <c r="CM20" s="257">
        <v>0</v>
      </c>
      <c r="CN20" s="261">
        <v>0</v>
      </c>
      <c r="CO20" s="258">
        <v>0</v>
      </c>
      <c r="CP20" s="260">
        <v>0</v>
      </c>
      <c r="CQ20" s="261">
        <v>0</v>
      </c>
      <c r="CR20" s="261">
        <v>1</v>
      </c>
      <c r="CS20" s="261">
        <v>1</v>
      </c>
      <c r="CT20" s="261">
        <v>2</v>
      </c>
      <c r="CU20" s="261">
        <v>3</v>
      </c>
      <c r="CV20" s="258">
        <v>7</v>
      </c>
      <c r="CW20" s="263">
        <v>7</v>
      </c>
    </row>
    <row r="21" spans="2:101" ht="21" customHeight="1" x14ac:dyDescent="0.2">
      <c r="B21" s="472" t="s">
        <v>19</v>
      </c>
      <c r="C21" s="257">
        <v>0</v>
      </c>
      <c r="D21" s="258">
        <v>0</v>
      </c>
      <c r="E21" s="259">
        <v>0</v>
      </c>
      <c r="F21" s="260">
        <v>0</v>
      </c>
      <c r="G21" s="261">
        <v>0</v>
      </c>
      <c r="H21" s="261">
        <v>2</v>
      </c>
      <c r="I21" s="261">
        <v>0</v>
      </c>
      <c r="J21" s="261">
        <v>1</v>
      </c>
      <c r="K21" s="261">
        <v>1</v>
      </c>
      <c r="L21" s="262">
        <v>4</v>
      </c>
      <c r="M21" s="263">
        <v>4</v>
      </c>
      <c r="N21" s="257">
        <v>0</v>
      </c>
      <c r="O21" s="261">
        <v>0</v>
      </c>
      <c r="P21" s="258">
        <v>0</v>
      </c>
      <c r="Q21" s="260">
        <v>0</v>
      </c>
      <c r="R21" s="261">
        <v>0</v>
      </c>
      <c r="S21" s="261">
        <v>0</v>
      </c>
      <c r="T21" s="261">
        <v>0</v>
      </c>
      <c r="U21" s="261">
        <v>1</v>
      </c>
      <c r="V21" s="261">
        <v>0</v>
      </c>
      <c r="W21" s="258">
        <v>1</v>
      </c>
      <c r="X21" s="263">
        <v>1</v>
      </c>
      <c r="Y21" s="257">
        <v>0</v>
      </c>
      <c r="Z21" s="261">
        <v>0</v>
      </c>
      <c r="AA21" s="258">
        <v>0</v>
      </c>
      <c r="AB21" s="260">
        <v>0</v>
      </c>
      <c r="AC21" s="261">
        <v>7</v>
      </c>
      <c r="AD21" s="261">
        <v>6</v>
      </c>
      <c r="AE21" s="261">
        <v>2</v>
      </c>
      <c r="AF21" s="261">
        <v>2</v>
      </c>
      <c r="AG21" s="261">
        <v>0</v>
      </c>
      <c r="AH21" s="258">
        <v>17</v>
      </c>
      <c r="AI21" s="263">
        <v>17</v>
      </c>
      <c r="AJ21" s="257">
        <v>0</v>
      </c>
      <c r="AK21" s="261">
        <v>0</v>
      </c>
      <c r="AL21" s="258">
        <v>0</v>
      </c>
      <c r="AM21" s="260">
        <v>0</v>
      </c>
      <c r="AN21" s="261">
        <v>1</v>
      </c>
      <c r="AO21" s="261">
        <v>2</v>
      </c>
      <c r="AP21" s="261">
        <v>0</v>
      </c>
      <c r="AQ21" s="261">
        <v>0</v>
      </c>
      <c r="AR21" s="261">
        <v>0</v>
      </c>
      <c r="AS21" s="258">
        <v>3</v>
      </c>
      <c r="AT21" s="263">
        <v>3</v>
      </c>
      <c r="AU21" s="257">
        <v>0</v>
      </c>
      <c r="AV21" s="261">
        <v>0</v>
      </c>
      <c r="AW21" s="258">
        <v>0</v>
      </c>
      <c r="AX21" s="260">
        <v>0</v>
      </c>
      <c r="AY21" s="261">
        <v>0</v>
      </c>
      <c r="AZ21" s="261">
        <v>0</v>
      </c>
      <c r="BA21" s="261">
        <v>3</v>
      </c>
      <c r="BB21" s="261">
        <v>0</v>
      </c>
      <c r="BC21" s="261">
        <v>0</v>
      </c>
      <c r="BD21" s="258">
        <v>3</v>
      </c>
      <c r="BE21" s="263">
        <v>3</v>
      </c>
      <c r="BF21" s="257">
        <v>0</v>
      </c>
      <c r="BG21" s="261">
        <v>0</v>
      </c>
      <c r="BH21" s="258">
        <v>0</v>
      </c>
      <c r="BI21" s="260">
        <v>0</v>
      </c>
      <c r="BJ21" s="261">
        <v>0</v>
      </c>
      <c r="BK21" s="261">
        <v>0</v>
      </c>
      <c r="BL21" s="261">
        <v>1</v>
      </c>
      <c r="BM21" s="261">
        <v>0</v>
      </c>
      <c r="BN21" s="261">
        <v>1</v>
      </c>
      <c r="BO21" s="262">
        <v>2</v>
      </c>
      <c r="BP21" s="263">
        <v>2</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0</v>
      </c>
      <c r="CS21" s="261">
        <v>1</v>
      </c>
      <c r="CT21" s="261">
        <v>1</v>
      </c>
      <c r="CU21" s="261">
        <v>2</v>
      </c>
      <c r="CV21" s="258">
        <v>4</v>
      </c>
      <c r="CW21" s="263">
        <v>4</v>
      </c>
    </row>
    <row r="22" spans="2:101" ht="21" customHeight="1" x14ac:dyDescent="0.2">
      <c r="B22" s="472" t="s">
        <v>20</v>
      </c>
      <c r="C22" s="257">
        <v>0</v>
      </c>
      <c r="D22" s="258">
        <v>0</v>
      </c>
      <c r="E22" s="259">
        <v>0</v>
      </c>
      <c r="F22" s="260">
        <v>0</v>
      </c>
      <c r="G22" s="261">
        <v>0</v>
      </c>
      <c r="H22" s="261">
        <v>1</v>
      </c>
      <c r="I22" s="261">
        <v>0</v>
      </c>
      <c r="J22" s="261">
        <v>0</v>
      </c>
      <c r="K22" s="261">
        <v>0</v>
      </c>
      <c r="L22" s="262">
        <v>1</v>
      </c>
      <c r="M22" s="263">
        <v>1</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6</v>
      </c>
      <c r="AD22" s="261">
        <v>7</v>
      </c>
      <c r="AE22" s="261">
        <v>2</v>
      </c>
      <c r="AF22" s="261">
        <v>0</v>
      </c>
      <c r="AG22" s="261">
        <v>0</v>
      </c>
      <c r="AH22" s="258">
        <v>15</v>
      </c>
      <c r="AI22" s="263">
        <v>15</v>
      </c>
      <c r="AJ22" s="257">
        <v>0</v>
      </c>
      <c r="AK22" s="261">
        <v>0</v>
      </c>
      <c r="AL22" s="258">
        <v>0</v>
      </c>
      <c r="AM22" s="260">
        <v>0</v>
      </c>
      <c r="AN22" s="261">
        <v>0</v>
      </c>
      <c r="AO22" s="261">
        <v>0</v>
      </c>
      <c r="AP22" s="261">
        <v>0</v>
      </c>
      <c r="AQ22" s="261">
        <v>0</v>
      </c>
      <c r="AR22" s="261">
        <v>0</v>
      </c>
      <c r="AS22" s="258">
        <v>0</v>
      </c>
      <c r="AT22" s="263">
        <v>0</v>
      </c>
      <c r="AU22" s="257">
        <v>0</v>
      </c>
      <c r="AV22" s="261">
        <v>1</v>
      </c>
      <c r="AW22" s="258">
        <v>1</v>
      </c>
      <c r="AX22" s="260">
        <v>0</v>
      </c>
      <c r="AY22" s="261">
        <v>2</v>
      </c>
      <c r="AZ22" s="261">
        <v>0</v>
      </c>
      <c r="BA22" s="261">
        <v>1</v>
      </c>
      <c r="BB22" s="261">
        <v>0</v>
      </c>
      <c r="BC22" s="261">
        <v>0</v>
      </c>
      <c r="BD22" s="258">
        <v>3</v>
      </c>
      <c r="BE22" s="263">
        <v>4</v>
      </c>
      <c r="BF22" s="257">
        <v>0</v>
      </c>
      <c r="BG22" s="261">
        <v>0</v>
      </c>
      <c r="BH22" s="258">
        <v>0</v>
      </c>
      <c r="BI22" s="260">
        <v>0</v>
      </c>
      <c r="BJ22" s="261">
        <v>2</v>
      </c>
      <c r="BK22" s="261">
        <v>2</v>
      </c>
      <c r="BL22" s="261">
        <v>2</v>
      </c>
      <c r="BM22" s="261">
        <v>0</v>
      </c>
      <c r="BN22" s="261">
        <v>1</v>
      </c>
      <c r="BO22" s="262">
        <v>7</v>
      </c>
      <c r="BP22" s="263">
        <v>7</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1</v>
      </c>
      <c r="H23" s="261">
        <v>0</v>
      </c>
      <c r="I23" s="261">
        <v>0</v>
      </c>
      <c r="J23" s="261">
        <v>0</v>
      </c>
      <c r="K23" s="261">
        <v>0</v>
      </c>
      <c r="L23" s="262">
        <v>1</v>
      </c>
      <c r="M23" s="263">
        <v>1</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2</v>
      </c>
      <c r="AD23" s="261">
        <v>6</v>
      </c>
      <c r="AE23" s="261">
        <v>2</v>
      </c>
      <c r="AF23" s="261">
        <v>2</v>
      </c>
      <c r="AG23" s="261">
        <v>0</v>
      </c>
      <c r="AH23" s="258">
        <v>22</v>
      </c>
      <c r="AI23" s="263">
        <v>22</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1</v>
      </c>
      <c r="AZ23" s="261">
        <v>0</v>
      </c>
      <c r="BA23" s="261">
        <v>1</v>
      </c>
      <c r="BB23" s="261">
        <v>1</v>
      </c>
      <c r="BC23" s="261">
        <v>0</v>
      </c>
      <c r="BD23" s="258">
        <v>3</v>
      </c>
      <c r="BE23" s="263">
        <v>3</v>
      </c>
      <c r="BF23" s="257">
        <v>0</v>
      </c>
      <c r="BG23" s="261">
        <v>0</v>
      </c>
      <c r="BH23" s="258">
        <v>0</v>
      </c>
      <c r="BI23" s="260">
        <v>0</v>
      </c>
      <c r="BJ23" s="261">
        <v>0</v>
      </c>
      <c r="BK23" s="261">
        <v>2</v>
      </c>
      <c r="BL23" s="261">
        <v>1</v>
      </c>
      <c r="BM23" s="261">
        <v>2</v>
      </c>
      <c r="BN23" s="261">
        <v>0</v>
      </c>
      <c r="BO23" s="262">
        <v>5</v>
      </c>
      <c r="BP23" s="263">
        <v>5</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0</v>
      </c>
      <c r="H24" s="261">
        <v>0</v>
      </c>
      <c r="I24" s="261">
        <v>1</v>
      </c>
      <c r="J24" s="261">
        <v>1</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8</v>
      </c>
      <c r="AD24" s="261">
        <v>4</v>
      </c>
      <c r="AE24" s="261">
        <v>2</v>
      </c>
      <c r="AF24" s="261">
        <v>0</v>
      </c>
      <c r="AG24" s="261">
        <v>0</v>
      </c>
      <c r="AH24" s="258">
        <v>14</v>
      </c>
      <c r="AI24" s="263">
        <v>14</v>
      </c>
      <c r="AJ24" s="257">
        <v>0</v>
      </c>
      <c r="AK24" s="261">
        <v>0</v>
      </c>
      <c r="AL24" s="258">
        <v>0</v>
      </c>
      <c r="AM24" s="260">
        <v>0</v>
      </c>
      <c r="AN24" s="261">
        <v>0</v>
      </c>
      <c r="AO24" s="261">
        <v>0</v>
      </c>
      <c r="AP24" s="261">
        <v>1</v>
      </c>
      <c r="AQ24" s="261">
        <v>0</v>
      </c>
      <c r="AR24" s="261">
        <v>0</v>
      </c>
      <c r="AS24" s="258">
        <v>1</v>
      </c>
      <c r="AT24" s="263">
        <v>1</v>
      </c>
      <c r="AU24" s="257">
        <v>0</v>
      </c>
      <c r="AV24" s="261">
        <v>0</v>
      </c>
      <c r="AW24" s="258">
        <v>0</v>
      </c>
      <c r="AX24" s="260">
        <v>0</v>
      </c>
      <c r="AY24" s="261">
        <v>0</v>
      </c>
      <c r="AZ24" s="261">
        <v>3</v>
      </c>
      <c r="BA24" s="261">
        <v>1</v>
      </c>
      <c r="BB24" s="261">
        <v>1</v>
      </c>
      <c r="BC24" s="261">
        <v>0</v>
      </c>
      <c r="BD24" s="258">
        <v>5</v>
      </c>
      <c r="BE24" s="263">
        <v>5</v>
      </c>
      <c r="BF24" s="257">
        <v>0</v>
      </c>
      <c r="BG24" s="261">
        <v>0</v>
      </c>
      <c r="BH24" s="258">
        <v>0</v>
      </c>
      <c r="BI24" s="260">
        <v>0</v>
      </c>
      <c r="BJ24" s="261">
        <v>0</v>
      </c>
      <c r="BK24" s="261">
        <v>0</v>
      </c>
      <c r="BL24" s="261">
        <v>0</v>
      </c>
      <c r="BM24" s="261">
        <v>0</v>
      </c>
      <c r="BN24" s="261">
        <v>0</v>
      </c>
      <c r="BO24" s="262">
        <v>0</v>
      </c>
      <c r="BP24" s="263">
        <v>0</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1</v>
      </c>
      <c r="L25" s="262">
        <v>1</v>
      </c>
      <c r="M25" s="263">
        <v>1</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1</v>
      </c>
      <c r="AD25" s="261">
        <v>1</v>
      </c>
      <c r="AE25" s="261">
        <v>1</v>
      </c>
      <c r="AF25" s="261">
        <v>0</v>
      </c>
      <c r="AG25" s="261">
        <v>1</v>
      </c>
      <c r="AH25" s="258">
        <v>4</v>
      </c>
      <c r="AI25" s="263">
        <v>4</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0</v>
      </c>
      <c r="BA25" s="261">
        <v>0</v>
      </c>
      <c r="BB25" s="261">
        <v>0</v>
      </c>
      <c r="BC25" s="261">
        <v>0</v>
      </c>
      <c r="BD25" s="258">
        <v>0</v>
      </c>
      <c r="BE25" s="263">
        <v>0</v>
      </c>
      <c r="BF25" s="257">
        <v>0</v>
      </c>
      <c r="BG25" s="261">
        <v>0</v>
      </c>
      <c r="BH25" s="258">
        <v>0</v>
      </c>
      <c r="BI25" s="260">
        <v>0</v>
      </c>
      <c r="BJ25" s="261">
        <v>1</v>
      </c>
      <c r="BK25" s="261">
        <v>1</v>
      </c>
      <c r="BL25" s="261">
        <v>3</v>
      </c>
      <c r="BM25" s="261">
        <v>1</v>
      </c>
      <c r="BN25" s="261">
        <v>0</v>
      </c>
      <c r="BO25" s="262">
        <v>6</v>
      </c>
      <c r="BP25" s="263">
        <v>6</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1</v>
      </c>
      <c r="J26" s="261">
        <v>1</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1</v>
      </c>
      <c r="AD26" s="261">
        <v>0</v>
      </c>
      <c r="AE26" s="261">
        <v>0</v>
      </c>
      <c r="AF26" s="261">
        <v>1</v>
      </c>
      <c r="AG26" s="261">
        <v>0</v>
      </c>
      <c r="AH26" s="258">
        <v>2</v>
      </c>
      <c r="AI26" s="263">
        <v>2</v>
      </c>
      <c r="AJ26" s="257">
        <v>0</v>
      </c>
      <c r="AK26" s="261">
        <v>0</v>
      </c>
      <c r="AL26" s="258">
        <v>0</v>
      </c>
      <c r="AM26" s="260">
        <v>0</v>
      </c>
      <c r="AN26" s="261">
        <v>0</v>
      </c>
      <c r="AO26" s="261">
        <v>1</v>
      </c>
      <c r="AP26" s="261">
        <v>2</v>
      </c>
      <c r="AQ26" s="261">
        <v>0</v>
      </c>
      <c r="AR26" s="261">
        <v>1</v>
      </c>
      <c r="AS26" s="258">
        <v>4</v>
      </c>
      <c r="AT26" s="263">
        <v>4</v>
      </c>
      <c r="AU26" s="257">
        <v>0</v>
      </c>
      <c r="AV26" s="261">
        <v>0</v>
      </c>
      <c r="AW26" s="258">
        <v>0</v>
      </c>
      <c r="AX26" s="260">
        <v>0</v>
      </c>
      <c r="AY26" s="261">
        <v>3</v>
      </c>
      <c r="AZ26" s="261">
        <v>0</v>
      </c>
      <c r="BA26" s="261">
        <v>2</v>
      </c>
      <c r="BB26" s="261">
        <v>0</v>
      </c>
      <c r="BC26" s="261">
        <v>0</v>
      </c>
      <c r="BD26" s="258">
        <v>5</v>
      </c>
      <c r="BE26" s="263">
        <v>5</v>
      </c>
      <c r="BF26" s="257">
        <v>0</v>
      </c>
      <c r="BG26" s="261">
        <v>0</v>
      </c>
      <c r="BH26" s="258">
        <v>0</v>
      </c>
      <c r="BI26" s="260">
        <v>0</v>
      </c>
      <c r="BJ26" s="261">
        <v>0</v>
      </c>
      <c r="BK26" s="261">
        <v>0</v>
      </c>
      <c r="BL26" s="261">
        <v>1</v>
      </c>
      <c r="BM26" s="261">
        <v>0</v>
      </c>
      <c r="BN26" s="261">
        <v>1</v>
      </c>
      <c r="BO26" s="262">
        <v>2</v>
      </c>
      <c r="BP26" s="263">
        <v>2</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4</v>
      </c>
      <c r="AD27" s="261">
        <v>3</v>
      </c>
      <c r="AE27" s="261">
        <v>0</v>
      </c>
      <c r="AF27" s="261">
        <v>0</v>
      </c>
      <c r="AG27" s="261">
        <v>0</v>
      </c>
      <c r="AH27" s="258">
        <v>7</v>
      </c>
      <c r="AI27" s="263">
        <v>7</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0</v>
      </c>
      <c r="AZ27" s="261">
        <v>0</v>
      </c>
      <c r="BA27" s="261">
        <v>0</v>
      </c>
      <c r="BB27" s="261">
        <v>0</v>
      </c>
      <c r="BC27" s="261">
        <v>0</v>
      </c>
      <c r="BD27" s="258">
        <v>0</v>
      </c>
      <c r="BE27" s="263">
        <v>0</v>
      </c>
      <c r="BF27" s="257">
        <v>0</v>
      </c>
      <c r="BG27" s="261">
        <v>0</v>
      </c>
      <c r="BH27" s="258">
        <v>0</v>
      </c>
      <c r="BI27" s="260">
        <v>0</v>
      </c>
      <c r="BJ27" s="261">
        <v>1</v>
      </c>
      <c r="BK27" s="261">
        <v>0</v>
      </c>
      <c r="BL27" s="261">
        <v>0</v>
      </c>
      <c r="BM27" s="261">
        <v>0</v>
      </c>
      <c r="BN27" s="261">
        <v>0</v>
      </c>
      <c r="BO27" s="262">
        <v>1</v>
      </c>
      <c r="BP27" s="263">
        <v>1</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1</v>
      </c>
      <c r="AE28" s="261">
        <v>2</v>
      </c>
      <c r="AF28" s="261">
        <v>0</v>
      </c>
      <c r="AG28" s="261">
        <v>1</v>
      </c>
      <c r="AH28" s="258">
        <v>7</v>
      </c>
      <c r="AI28" s="263">
        <v>7</v>
      </c>
      <c r="AJ28" s="257">
        <v>0</v>
      </c>
      <c r="AK28" s="261">
        <v>0</v>
      </c>
      <c r="AL28" s="258">
        <v>0</v>
      </c>
      <c r="AM28" s="260">
        <v>0</v>
      </c>
      <c r="AN28" s="261">
        <v>0</v>
      </c>
      <c r="AO28" s="261">
        <v>0</v>
      </c>
      <c r="AP28" s="261">
        <v>0</v>
      </c>
      <c r="AQ28" s="261">
        <v>0</v>
      </c>
      <c r="AR28" s="261">
        <v>0</v>
      </c>
      <c r="AS28" s="258">
        <v>0</v>
      </c>
      <c r="AT28" s="263">
        <v>0</v>
      </c>
      <c r="AU28" s="257">
        <v>0</v>
      </c>
      <c r="AV28" s="261">
        <v>0</v>
      </c>
      <c r="AW28" s="258">
        <v>0</v>
      </c>
      <c r="AX28" s="260">
        <v>0</v>
      </c>
      <c r="AY28" s="261">
        <v>1</v>
      </c>
      <c r="AZ28" s="261">
        <v>0</v>
      </c>
      <c r="BA28" s="261">
        <v>0</v>
      </c>
      <c r="BB28" s="261">
        <v>0</v>
      </c>
      <c r="BC28" s="261">
        <v>0</v>
      </c>
      <c r="BD28" s="258">
        <v>1</v>
      </c>
      <c r="BE28" s="263">
        <v>1</v>
      </c>
      <c r="BF28" s="257">
        <v>0</v>
      </c>
      <c r="BG28" s="261">
        <v>0</v>
      </c>
      <c r="BH28" s="258">
        <v>0</v>
      </c>
      <c r="BI28" s="260">
        <v>0</v>
      </c>
      <c r="BJ28" s="261">
        <v>0</v>
      </c>
      <c r="BK28" s="261">
        <v>1</v>
      </c>
      <c r="BL28" s="261">
        <v>2</v>
      </c>
      <c r="BM28" s="261">
        <v>1</v>
      </c>
      <c r="BN28" s="261">
        <v>0</v>
      </c>
      <c r="BO28" s="262">
        <v>4</v>
      </c>
      <c r="BP28" s="263">
        <v>4</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0</v>
      </c>
      <c r="J29" s="261">
        <v>0</v>
      </c>
      <c r="K29" s="261">
        <v>0</v>
      </c>
      <c r="L29" s="262">
        <v>0</v>
      </c>
      <c r="M29" s="263">
        <v>0</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v>
      </c>
      <c r="AD29" s="261">
        <v>1</v>
      </c>
      <c r="AE29" s="261">
        <v>0</v>
      </c>
      <c r="AF29" s="261">
        <v>0</v>
      </c>
      <c r="AG29" s="261">
        <v>0</v>
      </c>
      <c r="AH29" s="258">
        <v>4</v>
      </c>
      <c r="AI29" s="263">
        <v>4</v>
      </c>
      <c r="AJ29" s="257">
        <v>0</v>
      </c>
      <c r="AK29" s="261">
        <v>0</v>
      </c>
      <c r="AL29" s="258">
        <v>0</v>
      </c>
      <c r="AM29" s="260">
        <v>0</v>
      </c>
      <c r="AN29" s="261">
        <v>0</v>
      </c>
      <c r="AO29" s="261">
        <v>1</v>
      </c>
      <c r="AP29" s="261">
        <v>1</v>
      </c>
      <c r="AQ29" s="261">
        <v>0</v>
      </c>
      <c r="AR29" s="261">
        <v>0</v>
      </c>
      <c r="AS29" s="258">
        <v>2</v>
      </c>
      <c r="AT29" s="263">
        <v>2</v>
      </c>
      <c r="AU29" s="257">
        <v>0</v>
      </c>
      <c r="AV29" s="261">
        <v>0</v>
      </c>
      <c r="AW29" s="258">
        <v>0</v>
      </c>
      <c r="AX29" s="260">
        <v>0</v>
      </c>
      <c r="AY29" s="261">
        <v>0</v>
      </c>
      <c r="AZ29" s="261">
        <v>0</v>
      </c>
      <c r="BA29" s="261">
        <v>0</v>
      </c>
      <c r="BB29" s="261">
        <v>0</v>
      </c>
      <c r="BC29" s="261">
        <v>0</v>
      </c>
      <c r="BD29" s="258">
        <v>0</v>
      </c>
      <c r="BE29" s="263">
        <v>0</v>
      </c>
      <c r="BF29" s="257">
        <v>0</v>
      </c>
      <c r="BG29" s="261">
        <v>0</v>
      </c>
      <c r="BH29" s="258">
        <v>0</v>
      </c>
      <c r="BI29" s="260">
        <v>0</v>
      </c>
      <c r="BJ29" s="261">
        <v>0</v>
      </c>
      <c r="BK29" s="261">
        <v>0</v>
      </c>
      <c r="BL29" s="261">
        <v>0</v>
      </c>
      <c r="BM29" s="261">
        <v>0</v>
      </c>
      <c r="BN29" s="261">
        <v>0</v>
      </c>
      <c r="BO29" s="262">
        <v>0</v>
      </c>
      <c r="BP29" s="263">
        <v>0</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3</v>
      </c>
      <c r="AD30" s="261">
        <v>1</v>
      </c>
      <c r="AE30" s="261">
        <v>0</v>
      </c>
      <c r="AF30" s="261">
        <v>0</v>
      </c>
      <c r="AG30" s="261">
        <v>0</v>
      </c>
      <c r="AH30" s="258">
        <v>4</v>
      </c>
      <c r="AI30" s="263">
        <v>4</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1</v>
      </c>
      <c r="BL30" s="261">
        <v>0</v>
      </c>
      <c r="BM30" s="261">
        <v>0</v>
      </c>
      <c r="BN30" s="261">
        <v>0</v>
      </c>
      <c r="BO30" s="262">
        <v>1</v>
      </c>
      <c r="BP30" s="263">
        <v>1</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1</v>
      </c>
      <c r="H31" s="261">
        <v>0</v>
      </c>
      <c r="I31" s="261">
        <v>0</v>
      </c>
      <c r="J31" s="261">
        <v>0</v>
      </c>
      <c r="K31" s="261">
        <v>0</v>
      </c>
      <c r="L31" s="262">
        <v>1</v>
      </c>
      <c r="M31" s="263">
        <v>1</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v>
      </c>
      <c r="AD31" s="261">
        <v>0</v>
      </c>
      <c r="AE31" s="261">
        <v>0</v>
      </c>
      <c r="AF31" s="261">
        <v>1</v>
      </c>
      <c r="AG31" s="261">
        <v>0</v>
      </c>
      <c r="AH31" s="258">
        <v>3</v>
      </c>
      <c r="AI31" s="263">
        <v>3</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3</v>
      </c>
      <c r="AZ31" s="261">
        <v>1</v>
      </c>
      <c r="BA31" s="261">
        <v>0</v>
      </c>
      <c r="BB31" s="261">
        <v>0</v>
      </c>
      <c r="BC31" s="261">
        <v>0</v>
      </c>
      <c r="BD31" s="258">
        <v>4</v>
      </c>
      <c r="BE31" s="263">
        <v>4</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0</v>
      </c>
      <c r="CI31" s="261">
        <v>1</v>
      </c>
      <c r="CJ31" s="261">
        <v>0</v>
      </c>
      <c r="CK31" s="258">
        <v>1</v>
      </c>
      <c r="CL31" s="263">
        <v>1</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1</v>
      </c>
      <c r="AD32" s="261">
        <v>0</v>
      </c>
      <c r="AE32" s="261">
        <v>0</v>
      </c>
      <c r="AF32" s="261">
        <v>0</v>
      </c>
      <c r="AG32" s="261">
        <v>0</v>
      </c>
      <c r="AH32" s="258">
        <v>1</v>
      </c>
      <c r="AI32" s="263">
        <v>1</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0</v>
      </c>
      <c r="BN32" s="261">
        <v>0</v>
      </c>
      <c r="BO32" s="262">
        <v>0</v>
      </c>
      <c r="BP32" s="263">
        <v>0</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1</v>
      </c>
      <c r="I33" s="261">
        <v>0</v>
      </c>
      <c r="J33" s="261">
        <v>0</v>
      </c>
      <c r="K33" s="261">
        <v>0</v>
      </c>
      <c r="L33" s="262">
        <v>1</v>
      </c>
      <c r="M33" s="263">
        <v>1</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3</v>
      </c>
      <c r="AD33" s="261">
        <v>1</v>
      </c>
      <c r="AE33" s="261">
        <v>1</v>
      </c>
      <c r="AF33" s="261">
        <v>1</v>
      </c>
      <c r="AG33" s="261">
        <v>0</v>
      </c>
      <c r="AH33" s="258">
        <v>6</v>
      </c>
      <c r="AI33" s="263">
        <v>6</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0</v>
      </c>
      <c r="BC33" s="261">
        <v>0</v>
      </c>
      <c r="BD33" s="258">
        <v>1</v>
      </c>
      <c r="BE33" s="263">
        <v>1</v>
      </c>
      <c r="BF33" s="257">
        <v>0</v>
      </c>
      <c r="BG33" s="261">
        <v>0</v>
      </c>
      <c r="BH33" s="258">
        <v>0</v>
      </c>
      <c r="BI33" s="260">
        <v>0</v>
      </c>
      <c r="BJ33" s="261">
        <v>0</v>
      </c>
      <c r="BK33" s="261">
        <v>0</v>
      </c>
      <c r="BL33" s="261">
        <v>0</v>
      </c>
      <c r="BM33" s="261">
        <v>0</v>
      </c>
      <c r="BN33" s="261">
        <v>0</v>
      </c>
      <c r="BO33" s="262">
        <v>0</v>
      </c>
      <c r="BP33" s="263">
        <v>0</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1</v>
      </c>
      <c r="I34" s="261">
        <v>0</v>
      </c>
      <c r="J34" s="261">
        <v>0</v>
      </c>
      <c r="K34" s="261">
        <v>0</v>
      </c>
      <c r="L34" s="262">
        <v>1</v>
      </c>
      <c r="M34" s="263">
        <v>1</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0</v>
      </c>
      <c r="AD34" s="261">
        <v>0</v>
      </c>
      <c r="AE34" s="261">
        <v>1</v>
      </c>
      <c r="AF34" s="261">
        <v>0</v>
      </c>
      <c r="AG34" s="261">
        <v>0</v>
      </c>
      <c r="AH34" s="258">
        <v>1</v>
      </c>
      <c r="AI34" s="263">
        <v>1</v>
      </c>
      <c r="AJ34" s="257">
        <v>0</v>
      </c>
      <c r="AK34" s="261">
        <v>0</v>
      </c>
      <c r="AL34" s="258">
        <v>0</v>
      </c>
      <c r="AM34" s="260">
        <v>0</v>
      </c>
      <c r="AN34" s="261">
        <v>2</v>
      </c>
      <c r="AO34" s="261">
        <v>0</v>
      </c>
      <c r="AP34" s="261">
        <v>0</v>
      </c>
      <c r="AQ34" s="261">
        <v>0</v>
      </c>
      <c r="AR34" s="261">
        <v>0</v>
      </c>
      <c r="AS34" s="258">
        <v>2</v>
      </c>
      <c r="AT34" s="263">
        <v>2</v>
      </c>
      <c r="AU34" s="257">
        <v>0</v>
      </c>
      <c r="AV34" s="261">
        <v>0</v>
      </c>
      <c r="AW34" s="258">
        <v>0</v>
      </c>
      <c r="AX34" s="260">
        <v>0</v>
      </c>
      <c r="AY34" s="261">
        <v>0</v>
      </c>
      <c r="AZ34" s="261">
        <v>1</v>
      </c>
      <c r="BA34" s="261">
        <v>0</v>
      </c>
      <c r="BB34" s="261">
        <v>0</v>
      </c>
      <c r="BC34" s="261">
        <v>0</v>
      </c>
      <c r="BD34" s="258">
        <v>1</v>
      </c>
      <c r="BE34" s="263">
        <v>1</v>
      </c>
      <c r="BF34" s="257">
        <v>0</v>
      </c>
      <c r="BG34" s="261">
        <v>0</v>
      </c>
      <c r="BH34" s="258">
        <v>0</v>
      </c>
      <c r="BI34" s="260">
        <v>0</v>
      </c>
      <c r="BJ34" s="261">
        <v>0</v>
      </c>
      <c r="BK34" s="261">
        <v>0</v>
      </c>
      <c r="BL34" s="261">
        <v>0</v>
      </c>
      <c r="BM34" s="261">
        <v>0</v>
      </c>
      <c r="BN34" s="261">
        <v>1</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0</v>
      </c>
      <c r="CJ34" s="261">
        <v>1</v>
      </c>
      <c r="CK34" s="258">
        <v>2</v>
      </c>
      <c r="CL34" s="263">
        <v>2</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1</v>
      </c>
      <c r="AG35" s="261">
        <v>0</v>
      </c>
      <c r="AH35" s="258">
        <v>3</v>
      </c>
      <c r="AI35" s="263">
        <v>3</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1</v>
      </c>
      <c r="CV35" s="258">
        <v>1</v>
      </c>
      <c r="CW35" s="263">
        <v>1</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0</v>
      </c>
      <c r="AE36" s="261">
        <v>0</v>
      </c>
      <c r="AF36" s="261">
        <v>0</v>
      </c>
      <c r="AG36" s="261">
        <v>0</v>
      </c>
      <c r="AH36" s="258">
        <v>0</v>
      </c>
      <c r="AI36" s="263">
        <v>0</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1</v>
      </c>
      <c r="AZ36" s="261">
        <v>0</v>
      </c>
      <c r="BA36" s="261">
        <v>0</v>
      </c>
      <c r="BB36" s="261">
        <v>0</v>
      </c>
      <c r="BC36" s="261">
        <v>0</v>
      </c>
      <c r="BD36" s="258">
        <v>1</v>
      </c>
      <c r="BE36" s="263">
        <v>1</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1</v>
      </c>
      <c r="CV36" s="258">
        <v>1</v>
      </c>
      <c r="CW36" s="263">
        <v>1</v>
      </c>
    </row>
    <row r="37" spans="2:101" ht="21" customHeight="1" x14ac:dyDescent="0.2">
      <c r="B37" s="472" t="s">
        <v>35</v>
      </c>
      <c r="C37" s="257">
        <v>0</v>
      </c>
      <c r="D37" s="258">
        <v>0</v>
      </c>
      <c r="E37" s="259">
        <v>0</v>
      </c>
      <c r="F37" s="260">
        <v>0</v>
      </c>
      <c r="G37" s="261">
        <v>0</v>
      </c>
      <c r="H37" s="261">
        <v>0</v>
      </c>
      <c r="I37" s="261">
        <v>0</v>
      </c>
      <c r="J37" s="261">
        <v>0</v>
      </c>
      <c r="K37" s="261">
        <v>0</v>
      </c>
      <c r="L37" s="262">
        <v>0</v>
      </c>
      <c r="M37" s="263">
        <v>0</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1</v>
      </c>
      <c r="AZ37" s="261">
        <v>0</v>
      </c>
      <c r="BA37" s="261">
        <v>0</v>
      </c>
      <c r="BB37" s="261">
        <v>0</v>
      </c>
      <c r="BC37" s="261">
        <v>1</v>
      </c>
      <c r="BD37" s="258">
        <v>2</v>
      </c>
      <c r="BE37" s="263">
        <v>2</v>
      </c>
      <c r="BF37" s="257">
        <v>0</v>
      </c>
      <c r="BG37" s="261">
        <v>0</v>
      </c>
      <c r="BH37" s="258">
        <v>0</v>
      </c>
      <c r="BI37" s="260">
        <v>0</v>
      </c>
      <c r="BJ37" s="261">
        <v>1</v>
      </c>
      <c r="BK37" s="261">
        <v>0</v>
      </c>
      <c r="BL37" s="261">
        <v>0</v>
      </c>
      <c r="BM37" s="261">
        <v>0</v>
      </c>
      <c r="BN37" s="261">
        <v>0</v>
      </c>
      <c r="BO37" s="262">
        <v>1</v>
      </c>
      <c r="BP37" s="263">
        <v>1</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1</v>
      </c>
      <c r="AD38" s="261">
        <v>0</v>
      </c>
      <c r="AE38" s="261">
        <v>0</v>
      </c>
      <c r="AF38" s="261">
        <v>0</v>
      </c>
      <c r="AG38" s="261">
        <v>0</v>
      </c>
      <c r="AH38" s="258">
        <v>1</v>
      </c>
      <c r="AI38" s="263">
        <v>1</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1</v>
      </c>
      <c r="BB38" s="261">
        <v>0</v>
      </c>
      <c r="BC38" s="261">
        <v>0</v>
      </c>
      <c r="BD38" s="258">
        <v>1</v>
      </c>
      <c r="BE38" s="263">
        <v>1</v>
      </c>
      <c r="BF38" s="257">
        <v>0</v>
      </c>
      <c r="BG38" s="261">
        <v>0</v>
      </c>
      <c r="BH38" s="258">
        <v>0</v>
      </c>
      <c r="BI38" s="260">
        <v>0</v>
      </c>
      <c r="BJ38" s="261">
        <v>0</v>
      </c>
      <c r="BK38" s="261">
        <v>1</v>
      </c>
      <c r="BL38" s="261">
        <v>1</v>
      </c>
      <c r="BM38" s="261">
        <v>0</v>
      </c>
      <c r="BN38" s="261">
        <v>1</v>
      </c>
      <c r="BO38" s="262">
        <v>3</v>
      </c>
      <c r="BP38" s="263">
        <v>3</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8" style="242" customWidth="1"/>
    <col min="18" max="16384" width="9" style="242"/>
  </cols>
  <sheetData>
    <row r="1" spans="2:24" ht="24" customHeight="1" x14ac:dyDescent="0.2">
      <c r="B1" s="271" t="s">
        <v>125</v>
      </c>
      <c r="H1" s="500">
        <f>第１表!F2</f>
        <v>5</v>
      </c>
      <c r="I1" s="500"/>
      <c r="J1" s="235">
        <f>第１表!G2</f>
        <v>11</v>
      </c>
      <c r="K1" s="505">
        <f>IF(J1&lt;3,J1+12-2,J1-2)</f>
        <v>9</v>
      </c>
      <c r="L1" s="505"/>
    </row>
    <row r="2" spans="2:24" ht="24" customHeight="1" thickBot="1" x14ac:dyDescent="0.25">
      <c r="B2" s="271" t="s">
        <v>132</v>
      </c>
    </row>
    <row r="3" spans="2:24" ht="21" customHeight="1" x14ac:dyDescent="0.2">
      <c r="B3" s="508"/>
      <c r="C3" s="509" t="s">
        <v>142</v>
      </c>
      <c r="D3" s="509"/>
      <c r="E3" s="509"/>
      <c r="F3" s="509"/>
      <c r="G3" s="509"/>
      <c r="H3" s="509"/>
      <c r="I3" s="509"/>
      <c r="J3" s="509"/>
      <c r="K3" s="509"/>
      <c r="L3" s="509"/>
      <c r="M3" s="541"/>
      <c r="N3" s="509" t="s">
        <v>113</v>
      </c>
      <c r="O3" s="509"/>
      <c r="P3" s="509"/>
      <c r="Q3" s="509"/>
      <c r="R3" s="509"/>
      <c r="S3" s="509"/>
      <c r="T3" s="509"/>
      <c r="U3" s="509"/>
      <c r="V3" s="509"/>
      <c r="W3" s="509"/>
      <c r="X3" s="541"/>
    </row>
    <row r="4" spans="2:24" ht="21" customHeight="1" x14ac:dyDescent="0.2">
      <c r="B4" s="547"/>
      <c r="C4" s="542" t="s">
        <v>61</v>
      </c>
      <c r="D4" s="542"/>
      <c r="E4" s="543"/>
      <c r="F4" s="544" t="s">
        <v>62</v>
      </c>
      <c r="G4" s="542"/>
      <c r="H4" s="542"/>
      <c r="I4" s="542"/>
      <c r="J4" s="542"/>
      <c r="K4" s="542"/>
      <c r="L4" s="545"/>
      <c r="M4" s="546" t="s">
        <v>52</v>
      </c>
      <c r="N4" s="542" t="s">
        <v>61</v>
      </c>
      <c r="O4" s="542"/>
      <c r="P4" s="543"/>
      <c r="Q4" s="544" t="s">
        <v>62</v>
      </c>
      <c r="R4" s="542"/>
      <c r="S4" s="542"/>
      <c r="T4" s="542"/>
      <c r="U4" s="542"/>
      <c r="V4" s="542"/>
      <c r="W4" s="545"/>
      <c r="X4" s="546" t="s">
        <v>52</v>
      </c>
    </row>
    <row r="5" spans="2:24" ht="30" customHeight="1" thickBot="1" x14ac:dyDescent="0.25">
      <c r="B5" s="548"/>
      <c r="C5" s="243" t="s">
        <v>43</v>
      </c>
      <c r="D5" s="243" t="s">
        <v>44</v>
      </c>
      <c r="E5" s="246" t="s">
        <v>45</v>
      </c>
      <c r="F5" s="248" t="s">
        <v>83</v>
      </c>
      <c r="G5" s="243" t="s">
        <v>47</v>
      </c>
      <c r="H5" s="243" t="s">
        <v>48</v>
      </c>
      <c r="I5" s="243" t="s">
        <v>49</v>
      </c>
      <c r="J5" s="243" t="s">
        <v>50</v>
      </c>
      <c r="K5" s="243" t="s">
        <v>51</v>
      </c>
      <c r="L5" s="246" t="s">
        <v>45</v>
      </c>
      <c r="M5" s="507"/>
      <c r="N5" s="243" t="s">
        <v>43</v>
      </c>
      <c r="O5" s="243" t="s">
        <v>44</v>
      </c>
      <c r="P5" s="246" t="s">
        <v>45</v>
      </c>
      <c r="Q5" s="248" t="s">
        <v>83</v>
      </c>
      <c r="R5" s="243" t="s">
        <v>47</v>
      </c>
      <c r="S5" s="243" t="s">
        <v>48</v>
      </c>
      <c r="T5" s="243" t="s">
        <v>49</v>
      </c>
      <c r="U5" s="243" t="s">
        <v>50</v>
      </c>
      <c r="V5" s="243" t="s">
        <v>51</v>
      </c>
      <c r="W5" s="246" t="s">
        <v>45</v>
      </c>
      <c r="X5" s="507"/>
    </row>
    <row r="6" spans="2:24" ht="21" customHeight="1" x14ac:dyDescent="0.2">
      <c r="B6" s="470" t="s">
        <v>4</v>
      </c>
      <c r="C6" s="254">
        <v>0</v>
      </c>
      <c r="D6" s="254">
        <v>0</v>
      </c>
      <c r="E6" s="251">
        <v>0</v>
      </c>
      <c r="F6" s="253">
        <v>0</v>
      </c>
      <c r="G6" s="254">
        <v>100242</v>
      </c>
      <c r="H6" s="254">
        <v>102668</v>
      </c>
      <c r="I6" s="254">
        <v>61606</v>
      </c>
      <c r="J6" s="254">
        <v>31705</v>
      </c>
      <c r="K6" s="254">
        <v>14151</v>
      </c>
      <c r="L6" s="251">
        <v>310372</v>
      </c>
      <c r="M6" s="256">
        <v>310372</v>
      </c>
      <c r="N6" s="254">
        <v>24</v>
      </c>
      <c r="O6" s="254">
        <v>53</v>
      </c>
      <c r="P6" s="251">
        <v>77</v>
      </c>
      <c r="Q6" s="253">
        <v>0</v>
      </c>
      <c r="R6" s="254">
        <v>6371</v>
      </c>
      <c r="S6" s="254">
        <v>9092</v>
      </c>
      <c r="T6" s="254">
        <v>11696</v>
      </c>
      <c r="U6" s="254">
        <v>6647</v>
      </c>
      <c r="V6" s="254">
        <v>4726</v>
      </c>
      <c r="W6" s="251">
        <v>38532</v>
      </c>
      <c r="X6" s="256">
        <v>38609</v>
      </c>
    </row>
    <row r="7" spans="2:24" ht="21" customHeight="1" x14ac:dyDescent="0.2">
      <c r="B7" s="471" t="s">
        <v>5</v>
      </c>
      <c r="C7" s="261">
        <v>0</v>
      </c>
      <c r="D7" s="261">
        <v>0</v>
      </c>
      <c r="E7" s="258">
        <v>0</v>
      </c>
      <c r="F7" s="260">
        <v>0</v>
      </c>
      <c r="G7" s="261">
        <v>35222</v>
      </c>
      <c r="H7" s="261">
        <v>49063</v>
      </c>
      <c r="I7" s="261">
        <v>28711</v>
      </c>
      <c r="J7" s="261">
        <v>14861</v>
      </c>
      <c r="K7" s="261">
        <v>6415</v>
      </c>
      <c r="L7" s="258">
        <v>134272</v>
      </c>
      <c r="M7" s="263">
        <v>134272</v>
      </c>
      <c r="N7" s="261">
        <v>12</v>
      </c>
      <c r="O7" s="261">
        <v>21</v>
      </c>
      <c r="P7" s="258">
        <v>33</v>
      </c>
      <c r="Q7" s="260">
        <v>0</v>
      </c>
      <c r="R7" s="261">
        <v>3188</v>
      </c>
      <c r="S7" s="261">
        <v>4673</v>
      </c>
      <c r="T7" s="261">
        <v>5982</v>
      </c>
      <c r="U7" s="261">
        <v>3787</v>
      </c>
      <c r="V7" s="261">
        <v>2614</v>
      </c>
      <c r="W7" s="258">
        <v>20244</v>
      </c>
      <c r="X7" s="263">
        <v>20277</v>
      </c>
    </row>
    <row r="8" spans="2:24" ht="21" customHeight="1" x14ac:dyDescent="0.2">
      <c r="B8" s="472" t="s">
        <v>6</v>
      </c>
      <c r="C8" s="261">
        <v>0</v>
      </c>
      <c r="D8" s="261">
        <v>0</v>
      </c>
      <c r="E8" s="258">
        <v>0</v>
      </c>
      <c r="F8" s="260">
        <v>0</v>
      </c>
      <c r="G8" s="261">
        <v>13874</v>
      </c>
      <c r="H8" s="261">
        <v>10979</v>
      </c>
      <c r="I8" s="261">
        <v>7718</v>
      </c>
      <c r="J8" s="261">
        <v>4367</v>
      </c>
      <c r="K8" s="261">
        <v>1926</v>
      </c>
      <c r="L8" s="258">
        <v>38864</v>
      </c>
      <c r="M8" s="263">
        <v>38864</v>
      </c>
      <c r="N8" s="261">
        <v>8</v>
      </c>
      <c r="O8" s="261">
        <v>9</v>
      </c>
      <c r="P8" s="258">
        <v>17</v>
      </c>
      <c r="Q8" s="260">
        <v>0</v>
      </c>
      <c r="R8" s="261">
        <v>1503</v>
      </c>
      <c r="S8" s="261">
        <v>1998</v>
      </c>
      <c r="T8" s="261">
        <v>2613</v>
      </c>
      <c r="U8" s="261">
        <v>1388</v>
      </c>
      <c r="V8" s="261">
        <v>997</v>
      </c>
      <c r="W8" s="258">
        <v>8499</v>
      </c>
      <c r="X8" s="263">
        <v>8516</v>
      </c>
    </row>
    <row r="9" spans="2:24" ht="21" customHeight="1" x14ac:dyDescent="0.2">
      <c r="B9" s="472" t="s">
        <v>14</v>
      </c>
      <c r="C9" s="261">
        <v>0</v>
      </c>
      <c r="D9" s="261">
        <v>0</v>
      </c>
      <c r="E9" s="258">
        <v>0</v>
      </c>
      <c r="F9" s="260">
        <v>0</v>
      </c>
      <c r="G9" s="261">
        <v>7519</v>
      </c>
      <c r="H9" s="261">
        <v>9049</v>
      </c>
      <c r="I9" s="261">
        <v>5343</v>
      </c>
      <c r="J9" s="261">
        <v>2704</v>
      </c>
      <c r="K9" s="261">
        <v>1272</v>
      </c>
      <c r="L9" s="258">
        <v>25887</v>
      </c>
      <c r="M9" s="263">
        <v>25887</v>
      </c>
      <c r="N9" s="261">
        <v>0</v>
      </c>
      <c r="O9" s="261">
        <v>0</v>
      </c>
      <c r="P9" s="258">
        <v>0</v>
      </c>
      <c r="Q9" s="260">
        <v>0</v>
      </c>
      <c r="R9" s="261">
        <v>123</v>
      </c>
      <c r="S9" s="261">
        <v>221</v>
      </c>
      <c r="T9" s="261">
        <v>568</v>
      </c>
      <c r="U9" s="261">
        <v>260</v>
      </c>
      <c r="V9" s="261">
        <v>221</v>
      </c>
      <c r="W9" s="258">
        <v>1393</v>
      </c>
      <c r="X9" s="263">
        <v>1393</v>
      </c>
    </row>
    <row r="10" spans="2:24" ht="21" customHeight="1" x14ac:dyDescent="0.2">
      <c r="B10" s="472" t="s">
        <v>7</v>
      </c>
      <c r="C10" s="261">
        <v>0</v>
      </c>
      <c r="D10" s="261">
        <v>0</v>
      </c>
      <c r="E10" s="258">
        <v>0</v>
      </c>
      <c r="F10" s="260">
        <v>0</v>
      </c>
      <c r="G10" s="261">
        <v>8170</v>
      </c>
      <c r="H10" s="261">
        <v>5361</v>
      </c>
      <c r="I10" s="261">
        <v>2495</v>
      </c>
      <c r="J10" s="261">
        <v>991</v>
      </c>
      <c r="K10" s="261">
        <v>561</v>
      </c>
      <c r="L10" s="258">
        <v>17578</v>
      </c>
      <c r="M10" s="263">
        <v>17578</v>
      </c>
      <c r="N10" s="261">
        <v>0</v>
      </c>
      <c r="O10" s="261">
        <v>0</v>
      </c>
      <c r="P10" s="258">
        <v>0</v>
      </c>
      <c r="Q10" s="260">
        <v>0</v>
      </c>
      <c r="R10" s="261">
        <v>654</v>
      </c>
      <c r="S10" s="261">
        <v>995</v>
      </c>
      <c r="T10" s="261">
        <v>1012</v>
      </c>
      <c r="U10" s="261">
        <v>462</v>
      </c>
      <c r="V10" s="261">
        <v>154</v>
      </c>
      <c r="W10" s="258">
        <v>3277</v>
      </c>
      <c r="X10" s="263">
        <v>3277</v>
      </c>
    </row>
    <row r="11" spans="2:24" ht="21" customHeight="1" x14ac:dyDescent="0.2">
      <c r="B11" s="472" t="s">
        <v>8</v>
      </c>
      <c r="C11" s="261">
        <v>0</v>
      </c>
      <c r="D11" s="261">
        <v>0</v>
      </c>
      <c r="E11" s="258">
        <v>0</v>
      </c>
      <c r="F11" s="260">
        <v>0</v>
      </c>
      <c r="G11" s="261">
        <v>4763</v>
      </c>
      <c r="H11" s="261">
        <v>4526</v>
      </c>
      <c r="I11" s="261">
        <v>2354</v>
      </c>
      <c r="J11" s="261">
        <v>1131</v>
      </c>
      <c r="K11" s="261">
        <v>499</v>
      </c>
      <c r="L11" s="258">
        <v>13273</v>
      </c>
      <c r="M11" s="263">
        <v>13273</v>
      </c>
      <c r="N11" s="261">
        <v>0</v>
      </c>
      <c r="O11" s="261">
        <v>0</v>
      </c>
      <c r="P11" s="258">
        <v>0</v>
      </c>
      <c r="Q11" s="260">
        <v>0</v>
      </c>
      <c r="R11" s="261">
        <v>68</v>
      </c>
      <c r="S11" s="261">
        <v>92</v>
      </c>
      <c r="T11" s="261">
        <v>84</v>
      </c>
      <c r="U11" s="261">
        <v>110</v>
      </c>
      <c r="V11" s="261">
        <v>84</v>
      </c>
      <c r="W11" s="258">
        <v>438</v>
      </c>
      <c r="X11" s="263">
        <v>438</v>
      </c>
    </row>
    <row r="12" spans="2:24" ht="21" customHeight="1" x14ac:dyDescent="0.2">
      <c r="B12" s="472" t="s">
        <v>9</v>
      </c>
      <c r="C12" s="261">
        <v>0</v>
      </c>
      <c r="D12" s="261">
        <v>0</v>
      </c>
      <c r="E12" s="258">
        <v>0</v>
      </c>
      <c r="F12" s="260">
        <v>0</v>
      </c>
      <c r="G12" s="261">
        <v>3135</v>
      </c>
      <c r="H12" s="261">
        <v>1936</v>
      </c>
      <c r="I12" s="261">
        <v>1738</v>
      </c>
      <c r="J12" s="261">
        <v>831</v>
      </c>
      <c r="K12" s="261">
        <v>339</v>
      </c>
      <c r="L12" s="258">
        <v>7979</v>
      </c>
      <c r="M12" s="263">
        <v>7979</v>
      </c>
      <c r="N12" s="261">
        <v>0</v>
      </c>
      <c r="O12" s="261">
        <v>0</v>
      </c>
      <c r="P12" s="258">
        <v>0</v>
      </c>
      <c r="Q12" s="260">
        <v>0</v>
      </c>
      <c r="R12" s="261">
        <v>31</v>
      </c>
      <c r="S12" s="261">
        <v>42</v>
      </c>
      <c r="T12" s="261">
        <v>49</v>
      </c>
      <c r="U12" s="261">
        <v>3</v>
      </c>
      <c r="V12" s="261">
        <v>59</v>
      </c>
      <c r="W12" s="258">
        <v>184</v>
      </c>
      <c r="X12" s="263">
        <v>184</v>
      </c>
    </row>
    <row r="13" spans="2:24" ht="21" customHeight="1" x14ac:dyDescent="0.2">
      <c r="B13" s="472" t="s">
        <v>10</v>
      </c>
      <c r="C13" s="261">
        <v>0</v>
      </c>
      <c r="D13" s="261">
        <v>0</v>
      </c>
      <c r="E13" s="258">
        <v>0</v>
      </c>
      <c r="F13" s="260">
        <v>0</v>
      </c>
      <c r="G13" s="261">
        <v>3944</v>
      </c>
      <c r="H13" s="261">
        <v>2306</v>
      </c>
      <c r="I13" s="261">
        <v>1037</v>
      </c>
      <c r="J13" s="261">
        <v>645</v>
      </c>
      <c r="K13" s="261">
        <v>307</v>
      </c>
      <c r="L13" s="258">
        <v>8239</v>
      </c>
      <c r="M13" s="263">
        <v>8239</v>
      </c>
      <c r="N13" s="261">
        <v>0</v>
      </c>
      <c r="O13" s="261">
        <v>4</v>
      </c>
      <c r="P13" s="258">
        <v>4</v>
      </c>
      <c r="Q13" s="260">
        <v>0</v>
      </c>
      <c r="R13" s="261">
        <v>55</v>
      </c>
      <c r="S13" s="261">
        <v>105</v>
      </c>
      <c r="T13" s="261">
        <v>247</v>
      </c>
      <c r="U13" s="261">
        <v>112</v>
      </c>
      <c r="V13" s="261">
        <v>117</v>
      </c>
      <c r="W13" s="258">
        <v>636</v>
      </c>
      <c r="X13" s="263">
        <v>640</v>
      </c>
    </row>
    <row r="14" spans="2:24" ht="21" customHeight="1" x14ac:dyDescent="0.2">
      <c r="B14" s="472" t="s">
        <v>11</v>
      </c>
      <c r="C14" s="261">
        <v>0</v>
      </c>
      <c r="D14" s="261">
        <v>0</v>
      </c>
      <c r="E14" s="258">
        <v>0</v>
      </c>
      <c r="F14" s="260">
        <v>0</v>
      </c>
      <c r="G14" s="261">
        <v>4227</v>
      </c>
      <c r="H14" s="261">
        <v>2567</v>
      </c>
      <c r="I14" s="261">
        <v>1596</v>
      </c>
      <c r="J14" s="261">
        <v>818</v>
      </c>
      <c r="K14" s="261">
        <v>315</v>
      </c>
      <c r="L14" s="258">
        <v>9523</v>
      </c>
      <c r="M14" s="263">
        <v>9523</v>
      </c>
      <c r="N14" s="261">
        <v>0</v>
      </c>
      <c r="O14" s="261">
        <v>0</v>
      </c>
      <c r="P14" s="258">
        <v>0</v>
      </c>
      <c r="Q14" s="260">
        <v>0</v>
      </c>
      <c r="R14" s="261">
        <v>115</v>
      </c>
      <c r="S14" s="261">
        <v>162</v>
      </c>
      <c r="T14" s="261">
        <v>114</v>
      </c>
      <c r="U14" s="261">
        <v>7</v>
      </c>
      <c r="V14" s="261">
        <v>9</v>
      </c>
      <c r="W14" s="258">
        <v>407</v>
      </c>
      <c r="X14" s="263">
        <v>407</v>
      </c>
    </row>
    <row r="15" spans="2:24" ht="21" customHeight="1" x14ac:dyDescent="0.2">
      <c r="B15" s="472" t="s">
        <v>12</v>
      </c>
      <c r="C15" s="261">
        <v>0</v>
      </c>
      <c r="D15" s="261">
        <v>0</v>
      </c>
      <c r="E15" s="258">
        <v>0</v>
      </c>
      <c r="F15" s="260">
        <v>0</v>
      </c>
      <c r="G15" s="261">
        <v>3060</v>
      </c>
      <c r="H15" s="261">
        <v>1989</v>
      </c>
      <c r="I15" s="261">
        <v>1293</v>
      </c>
      <c r="J15" s="261">
        <v>619</v>
      </c>
      <c r="K15" s="261">
        <v>270</v>
      </c>
      <c r="L15" s="258">
        <v>7231</v>
      </c>
      <c r="M15" s="263">
        <v>7231</v>
      </c>
      <c r="N15" s="261">
        <v>0</v>
      </c>
      <c r="O15" s="261">
        <v>0</v>
      </c>
      <c r="P15" s="258">
        <v>0</v>
      </c>
      <c r="Q15" s="260">
        <v>0</v>
      </c>
      <c r="R15" s="261">
        <v>33</v>
      </c>
      <c r="S15" s="261">
        <v>7</v>
      </c>
      <c r="T15" s="261">
        <v>7</v>
      </c>
      <c r="U15" s="261">
        <v>13</v>
      </c>
      <c r="V15" s="261">
        <v>17</v>
      </c>
      <c r="W15" s="258">
        <v>77</v>
      </c>
      <c r="X15" s="263">
        <v>77</v>
      </c>
    </row>
    <row r="16" spans="2:24" ht="21" customHeight="1" x14ac:dyDescent="0.2">
      <c r="B16" s="472" t="s">
        <v>13</v>
      </c>
      <c r="C16" s="261">
        <v>0</v>
      </c>
      <c r="D16" s="261">
        <v>0</v>
      </c>
      <c r="E16" s="258">
        <v>0</v>
      </c>
      <c r="F16" s="260">
        <v>0</v>
      </c>
      <c r="G16" s="261">
        <v>1065</v>
      </c>
      <c r="H16" s="261">
        <v>1079</v>
      </c>
      <c r="I16" s="261">
        <v>704</v>
      </c>
      <c r="J16" s="261">
        <v>357</v>
      </c>
      <c r="K16" s="261">
        <v>201</v>
      </c>
      <c r="L16" s="258">
        <v>3406</v>
      </c>
      <c r="M16" s="263">
        <v>3406</v>
      </c>
      <c r="N16" s="261">
        <v>0</v>
      </c>
      <c r="O16" s="261">
        <v>0</v>
      </c>
      <c r="P16" s="258">
        <v>0</v>
      </c>
      <c r="Q16" s="260">
        <v>0</v>
      </c>
      <c r="R16" s="261">
        <v>23</v>
      </c>
      <c r="S16" s="261">
        <v>60</v>
      </c>
      <c r="T16" s="261">
        <v>55</v>
      </c>
      <c r="U16" s="261">
        <v>43</v>
      </c>
      <c r="V16" s="261">
        <v>56</v>
      </c>
      <c r="W16" s="258">
        <v>237</v>
      </c>
      <c r="X16" s="263">
        <v>237</v>
      </c>
    </row>
    <row r="17" spans="2:24" ht="21" customHeight="1" x14ac:dyDescent="0.2">
      <c r="B17" s="472" t="s">
        <v>15</v>
      </c>
      <c r="C17" s="261">
        <v>0</v>
      </c>
      <c r="D17" s="261">
        <v>0</v>
      </c>
      <c r="E17" s="258">
        <v>0</v>
      </c>
      <c r="F17" s="260">
        <v>0</v>
      </c>
      <c r="G17" s="261">
        <v>1192</v>
      </c>
      <c r="H17" s="261">
        <v>1374</v>
      </c>
      <c r="I17" s="261">
        <v>734</v>
      </c>
      <c r="J17" s="261">
        <v>265</v>
      </c>
      <c r="K17" s="261">
        <v>126</v>
      </c>
      <c r="L17" s="258">
        <v>3691</v>
      </c>
      <c r="M17" s="263">
        <v>3691</v>
      </c>
      <c r="N17" s="261">
        <v>0</v>
      </c>
      <c r="O17" s="261">
        <v>0</v>
      </c>
      <c r="P17" s="258">
        <v>0</v>
      </c>
      <c r="Q17" s="260">
        <v>0</v>
      </c>
      <c r="R17" s="261">
        <v>44</v>
      </c>
      <c r="S17" s="261">
        <v>26</v>
      </c>
      <c r="T17" s="261">
        <v>67</v>
      </c>
      <c r="U17" s="261">
        <v>13</v>
      </c>
      <c r="V17" s="261">
        <v>30</v>
      </c>
      <c r="W17" s="258">
        <v>180</v>
      </c>
      <c r="X17" s="263">
        <v>180</v>
      </c>
    </row>
    <row r="18" spans="2:24" ht="21" customHeight="1" x14ac:dyDescent="0.2">
      <c r="B18" s="472" t="s">
        <v>16</v>
      </c>
      <c r="C18" s="261">
        <v>0</v>
      </c>
      <c r="D18" s="261">
        <v>0</v>
      </c>
      <c r="E18" s="258">
        <v>0</v>
      </c>
      <c r="F18" s="260">
        <v>0</v>
      </c>
      <c r="G18" s="261">
        <v>1363</v>
      </c>
      <c r="H18" s="261">
        <v>1523</v>
      </c>
      <c r="I18" s="261">
        <v>890</v>
      </c>
      <c r="J18" s="261">
        <v>487</v>
      </c>
      <c r="K18" s="261">
        <v>221</v>
      </c>
      <c r="L18" s="258">
        <v>4484</v>
      </c>
      <c r="M18" s="263">
        <v>4484</v>
      </c>
      <c r="N18" s="261">
        <v>0</v>
      </c>
      <c r="O18" s="261">
        <v>0</v>
      </c>
      <c r="P18" s="258">
        <v>0</v>
      </c>
      <c r="Q18" s="260">
        <v>0</v>
      </c>
      <c r="R18" s="261">
        <v>45</v>
      </c>
      <c r="S18" s="261">
        <v>149</v>
      </c>
      <c r="T18" s="261">
        <v>87</v>
      </c>
      <c r="U18" s="261">
        <v>77</v>
      </c>
      <c r="V18" s="261">
        <v>48</v>
      </c>
      <c r="W18" s="258">
        <v>406</v>
      </c>
      <c r="X18" s="263">
        <v>406</v>
      </c>
    </row>
    <row r="19" spans="2:24" ht="21" customHeight="1" x14ac:dyDescent="0.2">
      <c r="B19" s="472" t="s">
        <v>17</v>
      </c>
      <c r="C19" s="261">
        <v>0</v>
      </c>
      <c r="D19" s="261">
        <v>0</v>
      </c>
      <c r="E19" s="258">
        <v>0</v>
      </c>
      <c r="F19" s="260">
        <v>0</v>
      </c>
      <c r="G19" s="261">
        <v>2053</v>
      </c>
      <c r="H19" s="261">
        <v>2648</v>
      </c>
      <c r="I19" s="261">
        <v>1602</v>
      </c>
      <c r="J19" s="261">
        <v>1182</v>
      </c>
      <c r="K19" s="261">
        <v>655</v>
      </c>
      <c r="L19" s="258">
        <v>8140</v>
      </c>
      <c r="M19" s="263">
        <v>8140</v>
      </c>
      <c r="N19" s="261">
        <v>4</v>
      </c>
      <c r="O19" s="261">
        <v>19</v>
      </c>
      <c r="P19" s="258">
        <v>23</v>
      </c>
      <c r="Q19" s="260">
        <v>0</v>
      </c>
      <c r="R19" s="261">
        <v>118</v>
      </c>
      <c r="S19" s="261">
        <v>145</v>
      </c>
      <c r="T19" s="261">
        <v>66</v>
      </c>
      <c r="U19" s="261">
        <v>85</v>
      </c>
      <c r="V19" s="261">
        <v>43</v>
      </c>
      <c r="W19" s="258">
        <v>457</v>
      </c>
      <c r="X19" s="263">
        <v>480</v>
      </c>
    </row>
    <row r="20" spans="2:24" ht="21" customHeight="1" x14ac:dyDescent="0.2">
      <c r="B20" s="472" t="s">
        <v>18</v>
      </c>
      <c r="C20" s="261">
        <v>0</v>
      </c>
      <c r="D20" s="261">
        <v>0</v>
      </c>
      <c r="E20" s="258">
        <v>0</v>
      </c>
      <c r="F20" s="260">
        <v>0</v>
      </c>
      <c r="G20" s="261">
        <v>2245</v>
      </c>
      <c r="H20" s="261">
        <v>1576</v>
      </c>
      <c r="I20" s="261">
        <v>996</v>
      </c>
      <c r="J20" s="261">
        <v>419</v>
      </c>
      <c r="K20" s="261">
        <v>157</v>
      </c>
      <c r="L20" s="258">
        <v>5393</v>
      </c>
      <c r="M20" s="263">
        <v>5393</v>
      </c>
      <c r="N20" s="261">
        <v>0</v>
      </c>
      <c r="O20" s="261">
        <v>0</v>
      </c>
      <c r="P20" s="258">
        <v>0</v>
      </c>
      <c r="Q20" s="260">
        <v>0</v>
      </c>
      <c r="R20" s="261">
        <v>70</v>
      </c>
      <c r="S20" s="261">
        <v>74</v>
      </c>
      <c r="T20" s="261">
        <v>277</v>
      </c>
      <c r="U20" s="261">
        <v>79</v>
      </c>
      <c r="V20" s="261">
        <v>77</v>
      </c>
      <c r="W20" s="258">
        <v>577</v>
      </c>
      <c r="X20" s="263">
        <v>577</v>
      </c>
    </row>
    <row r="21" spans="2:24" ht="21" customHeight="1" x14ac:dyDescent="0.2">
      <c r="B21" s="472" t="s">
        <v>19</v>
      </c>
      <c r="C21" s="261">
        <v>0</v>
      </c>
      <c r="D21" s="261">
        <v>0</v>
      </c>
      <c r="E21" s="258">
        <v>0</v>
      </c>
      <c r="F21" s="260">
        <v>0</v>
      </c>
      <c r="G21" s="261">
        <v>952</v>
      </c>
      <c r="H21" s="261">
        <v>934</v>
      </c>
      <c r="I21" s="261">
        <v>520</v>
      </c>
      <c r="J21" s="261">
        <v>327</v>
      </c>
      <c r="K21" s="261">
        <v>124</v>
      </c>
      <c r="L21" s="258">
        <v>2857</v>
      </c>
      <c r="M21" s="263">
        <v>2857</v>
      </c>
      <c r="N21" s="261">
        <v>0</v>
      </c>
      <c r="O21" s="261">
        <v>0</v>
      </c>
      <c r="P21" s="258">
        <v>0</v>
      </c>
      <c r="Q21" s="260">
        <v>0</v>
      </c>
      <c r="R21" s="261">
        <v>100</v>
      </c>
      <c r="S21" s="261">
        <v>169</v>
      </c>
      <c r="T21" s="261">
        <v>238</v>
      </c>
      <c r="U21" s="261">
        <v>30</v>
      </c>
      <c r="V21" s="261">
        <v>42</v>
      </c>
      <c r="W21" s="258">
        <v>579</v>
      </c>
      <c r="X21" s="263">
        <v>579</v>
      </c>
    </row>
    <row r="22" spans="2:24" ht="21" customHeight="1" x14ac:dyDescent="0.2">
      <c r="B22" s="472" t="s">
        <v>20</v>
      </c>
      <c r="C22" s="261">
        <v>0</v>
      </c>
      <c r="D22" s="261">
        <v>0</v>
      </c>
      <c r="E22" s="258">
        <v>0</v>
      </c>
      <c r="F22" s="260">
        <v>0</v>
      </c>
      <c r="G22" s="261">
        <v>1189</v>
      </c>
      <c r="H22" s="261">
        <v>780</v>
      </c>
      <c r="I22" s="261">
        <v>601</v>
      </c>
      <c r="J22" s="261">
        <v>162</v>
      </c>
      <c r="K22" s="261">
        <v>61</v>
      </c>
      <c r="L22" s="258">
        <v>2793</v>
      </c>
      <c r="M22" s="263">
        <v>2793</v>
      </c>
      <c r="N22" s="261">
        <v>0</v>
      </c>
      <c r="O22" s="261">
        <v>0</v>
      </c>
      <c r="P22" s="258">
        <v>0</v>
      </c>
      <c r="Q22" s="260">
        <v>0</v>
      </c>
      <c r="R22" s="261">
        <v>22</v>
      </c>
      <c r="S22" s="261">
        <v>5</v>
      </c>
      <c r="T22" s="261">
        <v>46</v>
      </c>
      <c r="U22" s="261">
        <v>0</v>
      </c>
      <c r="V22" s="261">
        <v>23</v>
      </c>
      <c r="W22" s="258">
        <v>96</v>
      </c>
      <c r="X22" s="263">
        <v>96</v>
      </c>
    </row>
    <row r="23" spans="2:24" ht="21" customHeight="1" x14ac:dyDescent="0.2">
      <c r="B23" s="472" t="s">
        <v>21</v>
      </c>
      <c r="C23" s="261">
        <v>0</v>
      </c>
      <c r="D23" s="261">
        <v>0</v>
      </c>
      <c r="E23" s="258">
        <v>0</v>
      </c>
      <c r="F23" s="260">
        <v>0</v>
      </c>
      <c r="G23" s="261">
        <v>1288</v>
      </c>
      <c r="H23" s="261">
        <v>1372</v>
      </c>
      <c r="I23" s="261">
        <v>680</v>
      </c>
      <c r="J23" s="261">
        <v>346</v>
      </c>
      <c r="K23" s="261">
        <v>82</v>
      </c>
      <c r="L23" s="258">
        <v>3768</v>
      </c>
      <c r="M23" s="263">
        <v>3768</v>
      </c>
      <c r="N23" s="261">
        <v>0</v>
      </c>
      <c r="O23" s="261">
        <v>0</v>
      </c>
      <c r="P23" s="258">
        <v>0</v>
      </c>
      <c r="Q23" s="260">
        <v>0</v>
      </c>
      <c r="R23" s="261">
        <v>0</v>
      </c>
      <c r="S23" s="261">
        <v>0</v>
      </c>
      <c r="T23" s="261">
        <v>0</v>
      </c>
      <c r="U23" s="261">
        <v>8</v>
      </c>
      <c r="V23" s="261">
        <v>0</v>
      </c>
      <c r="W23" s="258">
        <v>8</v>
      </c>
      <c r="X23" s="263">
        <v>8</v>
      </c>
    </row>
    <row r="24" spans="2:24" ht="21" customHeight="1" x14ac:dyDescent="0.2">
      <c r="B24" s="472" t="s">
        <v>22</v>
      </c>
      <c r="C24" s="261">
        <v>0</v>
      </c>
      <c r="D24" s="261">
        <v>0</v>
      </c>
      <c r="E24" s="258">
        <v>0</v>
      </c>
      <c r="F24" s="260">
        <v>0</v>
      </c>
      <c r="G24" s="261">
        <v>973</v>
      </c>
      <c r="H24" s="261">
        <v>874</v>
      </c>
      <c r="I24" s="261">
        <v>600</v>
      </c>
      <c r="J24" s="261">
        <v>259</v>
      </c>
      <c r="K24" s="261">
        <v>85</v>
      </c>
      <c r="L24" s="258">
        <v>2791</v>
      </c>
      <c r="M24" s="263">
        <v>2791</v>
      </c>
      <c r="N24" s="261">
        <v>0</v>
      </c>
      <c r="O24" s="261">
        <v>0</v>
      </c>
      <c r="P24" s="258">
        <v>0</v>
      </c>
      <c r="Q24" s="260">
        <v>0</v>
      </c>
      <c r="R24" s="261">
        <v>20</v>
      </c>
      <c r="S24" s="261">
        <v>45</v>
      </c>
      <c r="T24" s="261">
        <v>48</v>
      </c>
      <c r="U24" s="261">
        <v>16</v>
      </c>
      <c r="V24" s="261">
        <v>38</v>
      </c>
      <c r="W24" s="258">
        <v>167</v>
      </c>
      <c r="X24" s="263">
        <v>167</v>
      </c>
    </row>
    <row r="25" spans="2:24" ht="21" customHeight="1" x14ac:dyDescent="0.2">
      <c r="B25" s="472" t="s">
        <v>23</v>
      </c>
      <c r="C25" s="261">
        <v>0</v>
      </c>
      <c r="D25" s="261">
        <v>0</v>
      </c>
      <c r="E25" s="258">
        <v>0</v>
      </c>
      <c r="F25" s="260">
        <v>0</v>
      </c>
      <c r="G25" s="261">
        <v>488</v>
      </c>
      <c r="H25" s="261">
        <v>386</v>
      </c>
      <c r="I25" s="261">
        <v>297</v>
      </c>
      <c r="J25" s="261">
        <v>190</v>
      </c>
      <c r="K25" s="261">
        <v>72</v>
      </c>
      <c r="L25" s="258">
        <v>1433</v>
      </c>
      <c r="M25" s="263">
        <v>1433</v>
      </c>
      <c r="N25" s="261">
        <v>0</v>
      </c>
      <c r="O25" s="261">
        <v>0</v>
      </c>
      <c r="P25" s="258">
        <v>0</v>
      </c>
      <c r="Q25" s="260">
        <v>0</v>
      </c>
      <c r="R25" s="261">
        <v>0</v>
      </c>
      <c r="S25" s="261">
        <v>0</v>
      </c>
      <c r="T25" s="261">
        <v>28</v>
      </c>
      <c r="U25" s="261">
        <v>21</v>
      </c>
      <c r="V25" s="261">
        <v>0</v>
      </c>
      <c r="W25" s="258">
        <v>49</v>
      </c>
      <c r="X25" s="263">
        <v>49</v>
      </c>
    </row>
    <row r="26" spans="2:24" ht="21" customHeight="1" x14ac:dyDescent="0.2">
      <c r="B26" s="472" t="s">
        <v>24</v>
      </c>
      <c r="C26" s="261">
        <v>0</v>
      </c>
      <c r="D26" s="261">
        <v>0</v>
      </c>
      <c r="E26" s="258">
        <v>0</v>
      </c>
      <c r="F26" s="260">
        <v>0</v>
      </c>
      <c r="G26" s="261">
        <v>249</v>
      </c>
      <c r="H26" s="261">
        <v>134</v>
      </c>
      <c r="I26" s="261">
        <v>192</v>
      </c>
      <c r="J26" s="261">
        <v>34</v>
      </c>
      <c r="K26" s="261">
        <v>19</v>
      </c>
      <c r="L26" s="258">
        <v>628</v>
      </c>
      <c r="M26" s="263">
        <v>628</v>
      </c>
      <c r="N26" s="261">
        <v>0</v>
      </c>
      <c r="O26" s="261">
        <v>0</v>
      </c>
      <c r="P26" s="258">
        <v>0</v>
      </c>
      <c r="Q26" s="260">
        <v>0</v>
      </c>
      <c r="R26" s="261">
        <v>49</v>
      </c>
      <c r="S26" s="261">
        <v>52</v>
      </c>
      <c r="T26" s="261">
        <v>44</v>
      </c>
      <c r="U26" s="261">
        <v>34</v>
      </c>
      <c r="V26" s="261">
        <v>10</v>
      </c>
      <c r="W26" s="258">
        <v>189</v>
      </c>
      <c r="X26" s="263">
        <v>189</v>
      </c>
    </row>
    <row r="27" spans="2:24" ht="21" customHeight="1" x14ac:dyDescent="0.2">
      <c r="B27" s="472" t="s">
        <v>25</v>
      </c>
      <c r="C27" s="261">
        <v>0</v>
      </c>
      <c r="D27" s="261">
        <v>0</v>
      </c>
      <c r="E27" s="258">
        <v>0</v>
      </c>
      <c r="F27" s="260">
        <v>0</v>
      </c>
      <c r="G27" s="261">
        <v>697</v>
      </c>
      <c r="H27" s="261">
        <v>274</v>
      </c>
      <c r="I27" s="261">
        <v>119</v>
      </c>
      <c r="J27" s="261">
        <v>32</v>
      </c>
      <c r="K27" s="261">
        <v>5</v>
      </c>
      <c r="L27" s="258">
        <v>1127</v>
      </c>
      <c r="M27" s="263">
        <v>1127</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299</v>
      </c>
      <c r="H28" s="261">
        <v>388</v>
      </c>
      <c r="I28" s="261">
        <v>252</v>
      </c>
      <c r="J28" s="261">
        <v>83</v>
      </c>
      <c r="K28" s="261">
        <v>89</v>
      </c>
      <c r="L28" s="258">
        <v>1111</v>
      </c>
      <c r="M28" s="263">
        <v>1111</v>
      </c>
      <c r="N28" s="261">
        <v>0</v>
      </c>
      <c r="O28" s="261">
        <v>0</v>
      </c>
      <c r="P28" s="258">
        <v>0</v>
      </c>
      <c r="Q28" s="260">
        <v>0</v>
      </c>
      <c r="R28" s="261">
        <v>0</v>
      </c>
      <c r="S28" s="261">
        <v>29</v>
      </c>
      <c r="T28" s="261">
        <v>35</v>
      </c>
      <c r="U28" s="261">
        <v>27</v>
      </c>
      <c r="V28" s="261">
        <v>11</v>
      </c>
      <c r="W28" s="258">
        <v>102</v>
      </c>
      <c r="X28" s="263">
        <v>102</v>
      </c>
    </row>
    <row r="29" spans="2:24" ht="21" customHeight="1" x14ac:dyDescent="0.2">
      <c r="B29" s="472" t="s">
        <v>27</v>
      </c>
      <c r="C29" s="261">
        <v>0</v>
      </c>
      <c r="D29" s="261">
        <v>0</v>
      </c>
      <c r="E29" s="258">
        <v>0</v>
      </c>
      <c r="F29" s="260">
        <v>0</v>
      </c>
      <c r="G29" s="261">
        <v>232</v>
      </c>
      <c r="H29" s="261">
        <v>118</v>
      </c>
      <c r="I29" s="261">
        <v>59</v>
      </c>
      <c r="J29" s="261">
        <v>24</v>
      </c>
      <c r="K29" s="261">
        <v>0</v>
      </c>
      <c r="L29" s="258">
        <v>433</v>
      </c>
      <c r="M29" s="263">
        <v>433</v>
      </c>
      <c r="N29" s="261">
        <v>0</v>
      </c>
      <c r="O29" s="261">
        <v>0</v>
      </c>
      <c r="P29" s="258">
        <v>0</v>
      </c>
      <c r="Q29" s="260">
        <v>0</v>
      </c>
      <c r="R29" s="261">
        <v>20</v>
      </c>
      <c r="S29" s="261">
        <v>4</v>
      </c>
      <c r="T29" s="261">
        <v>9</v>
      </c>
      <c r="U29" s="261">
        <v>21</v>
      </c>
      <c r="V29" s="261">
        <v>23</v>
      </c>
      <c r="W29" s="258">
        <v>77</v>
      </c>
      <c r="X29" s="263">
        <v>77</v>
      </c>
    </row>
    <row r="30" spans="2:24" ht="21" customHeight="1" x14ac:dyDescent="0.2">
      <c r="B30" s="472" t="s">
        <v>28</v>
      </c>
      <c r="C30" s="261">
        <v>0</v>
      </c>
      <c r="D30" s="261">
        <v>0</v>
      </c>
      <c r="E30" s="258">
        <v>0</v>
      </c>
      <c r="F30" s="260">
        <v>0</v>
      </c>
      <c r="G30" s="261">
        <v>168</v>
      </c>
      <c r="H30" s="261">
        <v>109</v>
      </c>
      <c r="I30" s="261">
        <v>33</v>
      </c>
      <c r="J30" s="261">
        <v>24</v>
      </c>
      <c r="K30" s="261">
        <v>5</v>
      </c>
      <c r="L30" s="258">
        <v>339</v>
      </c>
      <c r="M30" s="263">
        <v>339</v>
      </c>
      <c r="N30" s="261">
        <v>0</v>
      </c>
      <c r="O30" s="261">
        <v>0</v>
      </c>
      <c r="P30" s="258">
        <v>0</v>
      </c>
      <c r="Q30" s="260">
        <v>0</v>
      </c>
      <c r="R30" s="261">
        <v>8</v>
      </c>
      <c r="S30" s="261">
        <v>8</v>
      </c>
      <c r="T30" s="261">
        <v>4</v>
      </c>
      <c r="U30" s="261">
        <v>23</v>
      </c>
      <c r="V30" s="261">
        <v>0</v>
      </c>
      <c r="W30" s="258">
        <v>43</v>
      </c>
      <c r="X30" s="263">
        <v>43</v>
      </c>
    </row>
    <row r="31" spans="2:24" ht="21" customHeight="1" x14ac:dyDescent="0.2">
      <c r="B31" s="472" t="s">
        <v>29</v>
      </c>
      <c r="C31" s="261">
        <v>0</v>
      </c>
      <c r="D31" s="261">
        <v>0</v>
      </c>
      <c r="E31" s="258">
        <v>0</v>
      </c>
      <c r="F31" s="260">
        <v>0</v>
      </c>
      <c r="G31" s="261">
        <v>146</v>
      </c>
      <c r="H31" s="261">
        <v>147</v>
      </c>
      <c r="I31" s="261">
        <v>46</v>
      </c>
      <c r="J31" s="261">
        <v>27</v>
      </c>
      <c r="K31" s="261">
        <v>0</v>
      </c>
      <c r="L31" s="258">
        <v>366</v>
      </c>
      <c r="M31" s="263">
        <v>366</v>
      </c>
      <c r="N31" s="261">
        <v>0</v>
      </c>
      <c r="O31" s="261">
        <v>0</v>
      </c>
      <c r="P31" s="258">
        <v>0</v>
      </c>
      <c r="Q31" s="260">
        <v>0</v>
      </c>
      <c r="R31" s="261">
        <v>6</v>
      </c>
      <c r="S31" s="261">
        <v>0</v>
      </c>
      <c r="T31" s="261">
        <v>0</v>
      </c>
      <c r="U31" s="261">
        <v>0</v>
      </c>
      <c r="V31" s="261">
        <v>0</v>
      </c>
      <c r="W31" s="258">
        <v>6</v>
      </c>
      <c r="X31" s="263">
        <v>6</v>
      </c>
    </row>
    <row r="32" spans="2:24" ht="21" customHeight="1" x14ac:dyDescent="0.2">
      <c r="B32" s="472" t="s">
        <v>30</v>
      </c>
      <c r="C32" s="261">
        <v>0</v>
      </c>
      <c r="D32" s="261">
        <v>0</v>
      </c>
      <c r="E32" s="258">
        <v>0</v>
      </c>
      <c r="F32" s="260">
        <v>0</v>
      </c>
      <c r="G32" s="261">
        <v>235</v>
      </c>
      <c r="H32" s="261">
        <v>64</v>
      </c>
      <c r="I32" s="261">
        <v>93</v>
      </c>
      <c r="J32" s="261">
        <v>61</v>
      </c>
      <c r="K32" s="261">
        <v>0</v>
      </c>
      <c r="L32" s="258">
        <v>453</v>
      </c>
      <c r="M32" s="263">
        <v>453</v>
      </c>
      <c r="N32" s="261">
        <v>0</v>
      </c>
      <c r="O32" s="261">
        <v>0</v>
      </c>
      <c r="P32" s="258">
        <v>0</v>
      </c>
      <c r="Q32" s="260">
        <v>0</v>
      </c>
      <c r="R32" s="261">
        <v>16</v>
      </c>
      <c r="S32" s="261">
        <v>23</v>
      </c>
      <c r="T32" s="261">
        <v>13</v>
      </c>
      <c r="U32" s="261">
        <v>0</v>
      </c>
      <c r="V32" s="261">
        <v>0</v>
      </c>
      <c r="W32" s="258">
        <v>52</v>
      </c>
      <c r="X32" s="263">
        <v>52</v>
      </c>
    </row>
    <row r="33" spans="2:24" ht="21" customHeight="1" x14ac:dyDescent="0.2">
      <c r="B33" s="472" t="s">
        <v>31</v>
      </c>
      <c r="C33" s="261">
        <v>0</v>
      </c>
      <c r="D33" s="261">
        <v>0</v>
      </c>
      <c r="E33" s="258">
        <v>0</v>
      </c>
      <c r="F33" s="260">
        <v>0</v>
      </c>
      <c r="G33" s="261">
        <v>203</v>
      </c>
      <c r="H33" s="261">
        <v>80</v>
      </c>
      <c r="I33" s="261">
        <v>72</v>
      </c>
      <c r="J33" s="261">
        <v>44</v>
      </c>
      <c r="K33" s="261">
        <v>0</v>
      </c>
      <c r="L33" s="258">
        <v>399</v>
      </c>
      <c r="M33" s="263">
        <v>399</v>
      </c>
      <c r="N33" s="261">
        <v>0</v>
      </c>
      <c r="O33" s="261">
        <v>0</v>
      </c>
      <c r="P33" s="258">
        <v>0</v>
      </c>
      <c r="Q33" s="260">
        <v>0</v>
      </c>
      <c r="R33" s="261">
        <v>0</v>
      </c>
      <c r="S33" s="261">
        <v>0</v>
      </c>
      <c r="T33" s="261">
        <v>3</v>
      </c>
      <c r="U33" s="261">
        <v>18</v>
      </c>
      <c r="V33" s="261">
        <v>18</v>
      </c>
      <c r="W33" s="258">
        <v>39</v>
      </c>
      <c r="X33" s="263">
        <v>39</v>
      </c>
    </row>
    <row r="34" spans="2:24" ht="21" customHeight="1" x14ac:dyDescent="0.2">
      <c r="B34" s="472" t="s">
        <v>32</v>
      </c>
      <c r="C34" s="261">
        <v>0</v>
      </c>
      <c r="D34" s="261">
        <v>0</v>
      </c>
      <c r="E34" s="258">
        <v>0</v>
      </c>
      <c r="F34" s="260">
        <v>0</v>
      </c>
      <c r="G34" s="261">
        <v>288</v>
      </c>
      <c r="H34" s="261">
        <v>228</v>
      </c>
      <c r="I34" s="261">
        <v>105</v>
      </c>
      <c r="J34" s="261">
        <v>48</v>
      </c>
      <c r="K34" s="261">
        <v>20</v>
      </c>
      <c r="L34" s="258">
        <v>689</v>
      </c>
      <c r="M34" s="263">
        <v>689</v>
      </c>
      <c r="N34" s="261">
        <v>0</v>
      </c>
      <c r="O34" s="261">
        <v>0</v>
      </c>
      <c r="P34" s="258">
        <v>0</v>
      </c>
      <c r="Q34" s="260">
        <v>0</v>
      </c>
      <c r="R34" s="261">
        <v>47</v>
      </c>
      <c r="S34" s="261">
        <v>8</v>
      </c>
      <c r="T34" s="261">
        <v>0</v>
      </c>
      <c r="U34" s="261">
        <v>0</v>
      </c>
      <c r="V34" s="261">
        <v>12</v>
      </c>
      <c r="W34" s="258">
        <v>67</v>
      </c>
      <c r="X34" s="263">
        <v>67</v>
      </c>
    </row>
    <row r="35" spans="2:24" ht="21" customHeight="1" x14ac:dyDescent="0.2">
      <c r="B35" s="472" t="s">
        <v>33</v>
      </c>
      <c r="C35" s="261">
        <v>0</v>
      </c>
      <c r="D35" s="261">
        <v>0</v>
      </c>
      <c r="E35" s="258">
        <v>0</v>
      </c>
      <c r="F35" s="260">
        <v>0</v>
      </c>
      <c r="G35" s="261">
        <v>144</v>
      </c>
      <c r="H35" s="261">
        <v>131</v>
      </c>
      <c r="I35" s="261">
        <v>108</v>
      </c>
      <c r="J35" s="261">
        <v>8</v>
      </c>
      <c r="K35" s="261">
        <v>13</v>
      </c>
      <c r="L35" s="258">
        <v>404</v>
      </c>
      <c r="M35" s="263">
        <v>404</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108</v>
      </c>
      <c r="H36" s="261">
        <v>53</v>
      </c>
      <c r="I36" s="261">
        <v>26</v>
      </c>
      <c r="J36" s="261">
        <v>17</v>
      </c>
      <c r="K36" s="261">
        <v>3</v>
      </c>
      <c r="L36" s="258">
        <v>207</v>
      </c>
      <c r="M36" s="263">
        <v>207</v>
      </c>
      <c r="N36" s="261">
        <v>0</v>
      </c>
      <c r="O36" s="261">
        <v>0</v>
      </c>
      <c r="P36" s="258">
        <v>0</v>
      </c>
      <c r="Q36" s="260">
        <v>0</v>
      </c>
      <c r="R36" s="261">
        <v>0</v>
      </c>
      <c r="S36" s="261">
        <v>0</v>
      </c>
      <c r="T36" s="261">
        <v>0</v>
      </c>
      <c r="U36" s="261">
        <v>0</v>
      </c>
      <c r="V36" s="261">
        <v>7</v>
      </c>
      <c r="W36" s="258">
        <v>7</v>
      </c>
      <c r="X36" s="263">
        <v>7</v>
      </c>
    </row>
    <row r="37" spans="2:24" ht="21" customHeight="1" x14ac:dyDescent="0.2">
      <c r="B37" s="472" t="s">
        <v>35</v>
      </c>
      <c r="C37" s="261">
        <v>0</v>
      </c>
      <c r="D37" s="261">
        <v>0</v>
      </c>
      <c r="E37" s="258">
        <v>0</v>
      </c>
      <c r="F37" s="260">
        <v>0</v>
      </c>
      <c r="G37" s="261">
        <v>118</v>
      </c>
      <c r="H37" s="261">
        <v>155</v>
      </c>
      <c r="I37" s="261">
        <v>103</v>
      </c>
      <c r="J37" s="261">
        <v>133</v>
      </c>
      <c r="K37" s="261">
        <v>47</v>
      </c>
      <c r="L37" s="258">
        <v>556</v>
      </c>
      <c r="M37" s="263">
        <v>556</v>
      </c>
      <c r="N37" s="261">
        <v>0</v>
      </c>
      <c r="O37" s="261">
        <v>0</v>
      </c>
      <c r="P37" s="258">
        <v>0</v>
      </c>
      <c r="Q37" s="260">
        <v>0</v>
      </c>
      <c r="R37" s="261">
        <v>9</v>
      </c>
      <c r="S37" s="261">
        <v>0</v>
      </c>
      <c r="T37" s="261">
        <v>0</v>
      </c>
      <c r="U37" s="261">
        <v>0</v>
      </c>
      <c r="V37" s="261">
        <v>0</v>
      </c>
      <c r="W37" s="258">
        <v>9</v>
      </c>
      <c r="X37" s="263">
        <v>9</v>
      </c>
    </row>
    <row r="38" spans="2:24" ht="21" customHeight="1" x14ac:dyDescent="0.2">
      <c r="B38" s="472" t="s">
        <v>36</v>
      </c>
      <c r="C38" s="261">
        <v>0</v>
      </c>
      <c r="D38" s="261">
        <v>0</v>
      </c>
      <c r="E38" s="258">
        <v>0</v>
      </c>
      <c r="F38" s="260">
        <v>0</v>
      </c>
      <c r="G38" s="261">
        <v>537</v>
      </c>
      <c r="H38" s="261">
        <v>399</v>
      </c>
      <c r="I38" s="261">
        <v>400</v>
      </c>
      <c r="J38" s="261">
        <v>189</v>
      </c>
      <c r="K38" s="261">
        <v>234</v>
      </c>
      <c r="L38" s="258">
        <v>1759</v>
      </c>
      <c r="M38" s="263">
        <v>1759</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96</v>
      </c>
      <c r="H39" s="268">
        <v>66</v>
      </c>
      <c r="I39" s="268">
        <v>89</v>
      </c>
      <c r="J39" s="268">
        <v>20</v>
      </c>
      <c r="K39" s="268">
        <v>28</v>
      </c>
      <c r="L39" s="265">
        <v>299</v>
      </c>
      <c r="M39" s="270">
        <v>299</v>
      </c>
      <c r="N39" s="268">
        <v>0</v>
      </c>
      <c r="O39" s="268">
        <v>0</v>
      </c>
      <c r="P39" s="265">
        <v>0</v>
      </c>
      <c r="Q39" s="267">
        <v>0</v>
      </c>
      <c r="R39" s="268">
        <v>4</v>
      </c>
      <c r="S39" s="268">
        <v>0</v>
      </c>
      <c r="T39" s="268">
        <v>0</v>
      </c>
      <c r="U39" s="268">
        <v>10</v>
      </c>
      <c r="V39" s="268">
        <v>16</v>
      </c>
      <c r="W39" s="265">
        <v>30</v>
      </c>
      <c r="X39" s="270">
        <v>3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5</v>
      </c>
      <c r="H1" s="500">
        <f>第１表!F2</f>
        <v>5</v>
      </c>
      <c r="I1" s="500"/>
      <c r="J1" s="235">
        <f>第１表!G2</f>
        <v>11</v>
      </c>
      <c r="K1" s="505">
        <f>IF(J1&lt;3,J1+12-2,J1-2)</f>
        <v>9</v>
      </c>
      <c r="L1" s="505"/>
    </row>
    <row r="2" spans="2:24" ht="24" customHeight="1" thickBot="1" x14ac:dyDescent="0.25">
      <c r="B2" s="271" t="s">
        <v>134</v>
      </c>
    </row>
    <row r="3" spans="2:24" ht="21" customHeight="1" x14ac:dyDescent="0.2">
      <c r="B3" s="508"/>
      <c r="C3" s="509" t="s">
        <v>142</v>
      </c>
      <c r="D3" s="509"/>
      <c r="E3" s="509"/>
      <c r="F3" s="509"/>
      <c r="G3" s="509"/>
      <c r="H3" s="509"/>
      <c r="I3" s="509"/>
      <c r="J3" s="509"/>
      <c r="K3" s="509"/>
      <c r="L3" s="509"/>
      <c r="M3" s="541"/>
      <c r="N3" s="509" t="s">
        <v>113</v>
      </c>
      <c r="O3" s="509"/>
      <c r="P3" s="509"/>
      <c r="Q3" s="509"/>
      <c r="R3" s="509"/>
      <c r="S3" s="509"/>
      <c r="T3" s="509"/>
      <c r="U3" s="509"/>
      <c r="V3" s="509"/>
      <c r="W3" s="509"/>
      <c r="X3" s="541"/>
    </row>
    <row r="4" spans="2:24" ht="21" customHeight="1" x14ac:dyDescent="0.2">
      <c r="B4" s="547"/>
      <c r="C4" s="542" t="s">
        <v>61</v>
      </c>
      <c r="D4" s="542"/>
      <c r="E4" s="543"/>
      <c r="F4" s="544" t="s">
        <v>62</v>
      </c>
      <c r="G4" s="542"/>
      <c r="H4" s="542"/>
      <c r="I4" s="542"/>
      <c r="J4" s="542"/>
      <c r="K4" s="542"/>
      <c r="L4" s="545"/>
      <c r="M4" s="546" t="s">
        <v>52</v>
      </c>
      <c r="N4" s="542" t="s">
        <v>61</v>
      </c>
      <c r="O4" s="542"/>
      <c r="P4" s="543"/>
      <c r="Q4" s="544" t="s">
        <v>62</v>
      </c>
      <c r="R4" s="542"/>
      <c r="S4" s="542"/>
      <c r="T4" s="542"/>
      <c r="U4" s="542"/>
      <c r="V4" s="542"/>
      <c r="W4" s="545"/>
      <c r="X4" s="546" t="s">
        <v>52</v>
      </c>
    </row>
    <row r="5" spans="2:24" ht="30" customHeight="1" thickBot="1" x14ac:dyDescent="0.25">
      <c r="B5" s="548"/>
      <c r="C5" s="243" t="s">
        <v>43</v>
      </c>
      <c r="D5" s="243" t="s">
        <v>44</v>
      </c>
      <c r="E5" s="246" t="s">
        <v>45</v>
      </c>
      <c r="F5" s="248" t="s">
        <v>83</v>
      </c>
      <c r="G5" s="243" t="s">
        <v>47</v>
      </c>
      <c r="H5" s="243" t="s">
        <v>48</v>
      </c>
      <c r="I5" s="243" t="s">
        <v>49</v>
      </c>
      <c r="J5" s="243" t="s">
        <v>50</v>
      </c>
      <c r="K5" s="243" t="s">
        <v>51</v>
      </c>
      <c r="L5" s="246" t="s">
        <v>45</v>
      </c>
      <c r="M5" s="507"/>
      <c r="N5" s="243" t="s">
        <v>43</v>
      </c>
      <c r="O5" s="243" t="s">
        <v>44</v>
      </c>
      <c r="P5" s="246" t="s">
        <v>45</v>
      </c>
      <c r="Q5" s="248" t="s">
        <v>83</v>
      </c>
      <c r="R5" s="243" t="s">
        <v>47</v>
      </c>
      <c r="S5" s="243" t="s">
        <v>48</v>
      </c>
      <c r="T5" s="243" t="s">
        <v>49</v>
      </c>
      <c r="U5" s="243" t="s">
        <v>50</v>
      </c>
      <c r="V5" s="243" t="s">
        <v>51</v>
      </c>
      <c r="W5" s="246" t="s">
        <v>45</v>
      </c>
      <c r="X5" s="507"/>
    </row>
    <row r="6" spans="2:24" ht="21" customHeight="1" x14ac:dyDescent="0.2">
      <c r="B6" s="470" t="s">
        <v>4</v>
      </c>
      <c r="C6" s="254">
        <v>0</v>
      </c>
      <c r="D6" s="254">
        <v>0</v>
      </c>
      <c r="E6" s="251">
        <v>0</v>
      </c>
      <c r="F6" s="253">
        <v>0</v>
      </c>
      <c r="G6" s="254">
        <v>6550</v>
      </c>
      <c r="H6" s="254">
        <v>6124</v>
      </c>
      <c r="I6" s="254">
        <v>3401</v>
      </c>
      <c r="J6" s="254">
        <v>1485</v>
      </c>
      <c r="K6" s="254">
        <v>607</v>
      </c>
      <c r="L6" s="251">
        <v>18167</v>
      </c>
      <c r="M6" s="256">
        <v>18167</v>
      </c>
      <c r="N6" s="254">
        <v>0</v>
      </c>
      <c r="O6" s="254">
        <v>0</v>
      </c>
      <c r="P6" s="251">
        <v>0</v>
      </c>
      <c r="Q6" s="253">
        <v>0</v>
      </c>
      <c r="R6" s="254">
        <v>587</v>
      </c>
      <c r="S6" s="254">
        <v>622</v>
      </c>
      <c r="T6" s="254">
        <v>936</v>
      </c>
      <c r="U6" s="254">
        <v>344</v>
      </c>
      <c r="V6" s="254">
        <v>188</v>
      </c>
      <c r="W6" s="251">
        <v>2677</v>
      </c>
      <c r="X6" s="256">
        <v>2677</v>
      </c>
    </row>
    <row r="7" spans="2:24" ht="21" customHeight="1" x14ac:dyDescent="0.2">
      <c r="B7" s="471" t="s">
        <v>5</v>
      </c>
      <c r="C7" s="261">
        <v>0</v>
      </c>
      <c r="D7" s="261">
        <v>0</v>
      </c>
      <c r="E7" s="258">
        <v>0</v>
      </c>
      <c r="F7" s="260">
        <v>0</v>
      </c>
      <c r="G7" s="261">
        <v>2660</v>
      </c>
      <c r="H7" s="261">
        <v>2979</v>
      </c>
      <c r="I7" s="261">
        <v>1564</v>
      </c>
      <c r="J7" s="261">
        <v>739</v>
      </c>
      <c r="K7" s="261">
        <v>264</v>
      </c>
      <c r="L7" s="258">
        <v>8206</v>
      </c>
      <c r="M7" s="263">
        <v>8206</v>
      </c>
      <c r="N7" s="261">
        <v>0</v>
      </c>
      <c r="O7" s="261">
        <v>0</v>
      </c>
      <c r="P7" s="258">
        <v>0</v>
      </c>
      <c r="Q7" s="260">
        <v>0</v>
      </c>
      <c r="R7" s="261">
        <v>297</v>
      </c>
      <c r="S7" s="261">
        <v>256</v>
      </c>
      <c r="T7" s="261">
        <v>489</v>
      </c>
      <c r="U7" s="261">
        <v>179</v>
      </c>
      <c r="V7" s="261">
        <v>103</v>
      </c>
      <c r="W7" s="258">
        <v>1324</v>
      </c>
      <c r="X7" s="263">
        <v>1324</v>
      </c>
    </row>
    <row r="8" spans="2:24" ht="21" customHeight="1" x14ac:dyDescent="0.2">
      <c r="B8" s="472" t="s">
        <v>6</v>
      </c>
      <c r="C8" s="261">
        <v>0</v>
      </c>
      <c r="D8" s="261">
        <v>0</v>
      </c>
      <c r="E8" s="258">
        <v>0</v>
      </c>
      <c r="F8" s="260">
        <v>0</v>
      </c>
      <c r="G8" s="261">
        <v>758</v>
      </c>
      <c r="H8" s="261">
        <v>468</v>
      </c>
      <c r="I8" s="261">
        <v>305</v>
      </c>
      <c r="J8" s="261">
        <v>286</v>
      </c>
      <c r="K8" s="261">
        <v>41</v>
      </c>
      <c r="L8" s="258">
        <v>1858</v>
      </c>
      <c r="M8" s="263">
        <v>1858</v>
      </c>
      <c r="N8" s="261">
        <v>0</v>
      </c>
      <c r="O8" s="261">
        <v>0</v>
      </c>
      <c r="P8" s="258">
        <v>0</v>
      </c>
      <c r="Q8" s="260">
        <v>0</v>
      </c>
      <c r="R8" s="261">
        <v>132</v>
      </c>
      <c r="S8" s="261">
        <v>92</v>
      </c>
      <c r="T8" s="261">
        <v>186</v>
      </c>
      <c r="U8" s="261">
        <v>55</v>
      </c>
      <c r="V8" s="261">
        <v>51</v>
      </c>
      <c r="W8" s="258">
        <v>516</v>
      </c>
      <c r="X8" s="263">
        <v>516</v>
      </c>
    </row>
    <row r="9" spans="2:24" ht="21" customHeight="1" x14ac:dyDescent="0.2">
      <c r="B9" s="472" t="s">
        <v>14</v>
      </c>
      <c r="C9" s="261">
        <v>0</v>
      </c>
      <c r="D9" s="261">
        <v>0</v>
      </c>
      <c r="E9" s="258">
        <v>0</v>
      </c>
      <c r="F9" s="260">
        <v>0</v>
      </c>
      <c r="G9" s="261">
        <v>557</v>
      </c>
      <c r="H9" s="261">
        <v>611</v>
      </c>
      <c r="I9" s="261">
        <v>415</v>
      </c>
      <c r="J9" s="261">
        <v>103</v>
      </c>
      <c r="K9" s="261">
        <v>58</v>
      </c>
      <c r="L9" s="258">
        <v>1744</v>
      </c>
      <c r="M9" s="263">
        <v>1744</v>
      </c>
      <c r="N9" s="261">
        <v>0</v>
      </c>
      <c r="O9" s="261">
        <v>0</v>
      </c>
      <c r="P9" s="258">
        <v>0</v>
      </c>
      <c r="Q9" s="260">
        <v>0</v>
      </c>
      <c r="R9" s="261">
        <v>0</v>
      </c>
      <c r="S9" s="261">
        <v>31</v>
      </c>
      <c r="T9" s="261">
        <v>17</v>
      </c>
      <c r="U9" s="261">
        <v>0</v>
      </c>
      <c r="V9" s="261">
        <v>0</v>
      </c>
      <c r="W9" s="258">
        <v>48</v>
      </c>
      <c r="X9" s="263">
        <v>48</v>
      </c>
    </row>
    <row r="10" spans="2:24" ht="21" customHeight="1" x14ac:dyDescent="0.2">
      <c r="B10" s="472" t="s">
        <v>7</v>
      </c>
      <c r="C10" s="261">
        <v>0</v>
      </c>
      <c r="D10" s="261">
        <v>0</v>
      </c>
      <c r="E10" s="258">
        <v>0</v>
      </c>
      <c r="F10" s="260">
        <v>0</v>
      </c>
      <c r="G10" s="261">
        <v>563</v>
      </c>
      <c r="H10" s="261">
        <v>383</v>
      </c>
      <c r="I10" s="261">
        <v>165</v>
      </c>
      <c r="J10" s="261">
        <v>52</v>
      </c>
      <c r="K10" s="261">
        <v>39</v>
      </c>
      <c r="L10" s="258">
        <v>1202</v>
      </c>
      <c r="M10" s="263">
        <v>1202</v>
      </c>
      <c r="N10" s="261">
        <v>0</v>
      </c>
      <c r="O10" s="261">
        <v>0</v>
      </c>
      <c r="P10" s="258">
        <v>0</v>
      </c>
      <c r="Q10" s="260">
        <v>0</v>
      </c>
      <c r="R10" s="261">
        <v>71</v>
      </c>
      <c r="S10" s="261">
        <v>107</v>
      </c>
      <c r="T10" s="261">
        <v>97</v>
      </c>
      <c r="U10" s="261">
        <v>26</v>
      </c>
      <c r="V10" s="261">
        <v>16</v>
      </c>
      <c r="W10" s="258">
        <v>317</v>
      </c>
      <c r="X10" s="263">
        <v>317</v>
      </c>
    </row>
    <row r="11" spans="2:24" ht="21" customHeight="1" x14ac:dyDescent="0.2">
      <c r="B11" s="472" t="s">
        <v>8</v>
      </c>
      <c r="C11" s="261">
        <v>0</v>
      </c>
      <c r="D11" s="261">
        <v>0</v>
      </c>
      <c r="E11" s="258">
        <v>0</v>
      </c>
      <c r="F11" s="260">
        <v>0</v>
      </c>
      <c r="G11" s="261">
        <v>247</v>
      </c>
      <c r="H11" s="261">
        <v>235</v>
      </c>
      <c r="I11" s="261">
        <v>151</v>
      </c>
      <c r="J11" s="261">
        <v>10</v>
      </c>
      <c r="K11" s="261">
        <v>18</v>
      </c>
      <c r="L11" s="258">
        <v>661</v>
      </c>
      <c r="M11" s="263">
        <v>661</v>
      </c>
      <c r="N11" s="261">
        <v>0</v>
      </c>
      <c r="O11" s="261">
        <v>0</v>
      </c>
      <c r="P11" s="258">
        <v>0</v>
      </c>
      <c r="Q11" s="260">
        <v>0</v>
      </c>
      <c r="R11" s="261">
        <v>11</v>
      </c>
      <c r="S11" s="261">
        <v>0</v>
      </c>
      <c r="T11" s="261">
        <v>0</v>
      </c>
      <c r="U11" s="261">
        <v>8</v>
      </c>
      <c r="V11" s="261">
        <v>0</v>
      </c>
      <c r="W11" s="258">
        <v>19</v>
      </c>
      <c r="X11" s="263">
        <v>19</v>
      </c>
    </row>
    <row r="12" spans="2:24" ht="21" customHeight="1" x14ac:dyDescent="0.2">
      <c r="B12" s="472" t="s">
        <v>9</v>
      </c>
      <c r="C12" s="261">
        <v>0</v>
      </c>
      <c r="D12" s="261">
        <v>0</v>
      </c>
      <c r="E12" s="258">
        <v>0</v>
      </c>
      <c r="F12" s="260">
        <v>0</v>
      </c>
      <c r="G12" s="261">
        <v>260</v>
      </c>
      <c r="H12" s="261">
        <v>170</v>
      </c>
      <c r="I12" s="261">
        <v>102</v>
      </c>
      <c r="J12" s="261">
        <v>57</v>
      </c>
      <c r="K12" s="261">
        <v>36</v>
      </c>
      <c r="L12" s="258">
        <v>625</v>
      </c>
      <c r="M12" s="263">
        <v>625</v>
      </c>
      <c r="N12" s="261">
        <v>0</v>
      </c>
      <c r="O12" s="261">
        <v>0</v>
      </c>
      <c r="P12" s="258">
        <v>0</v>
      </c>
      <c r="Q12" s="260">
        <v>0</v>
      </c>
      <c r="R12" s="261">
        <v>0</v>
      </c>
      <c r="S12" s="261">
        <v>0</v>
      </c>
      <c r="T12" s="261">
        <v>0</v>
      </c>
      <c r="U12" s="261">
        <v>0</v>
      </c>
      <c r="V12" s="261">
        <v>11</v>
      </c>
      <c r="W12" s="258">
        <v>11</v>
      </c>
      <c r="X12" s="263">
        <v>11</v>
      </c>
    </row>
    <row r="13" spans="2:24" ht="21" customHeight="1" x14ac:dyDescent="0.2">
      <c r="B13" s="472" t="s">
        <v>10</v>
      </c>
      <c r="C13" s="261">
        <v>0</v>
      </c>
      <c r="D13" s="261">
        <v>0</v>
      </c>
      <c r="E13" s="258">
        <v>0</v>
      </c>
      <c r="F13" s="260">
        <v>0</v>
      </c>
      <c r="G13" s="261">
        <v>224</v>
      </c>
      <c r="H13" s="261">
        <v>203</v>
      </c>
      <c r="I13" s="261">
        <v>33</v>
      </c>
      <c r="J13" s="261">
        <v>54</v>
      </c>
      <c r="K13" s="261">
        <v>47</v>
      </c>
      <c r="L13" s="258">
        <v>561</v>
      </c>
      <c r="M13" s="263">
        <v>561</v>
      </c>
      <c r="N13" s="261">
        <v>0</v>
      </c>
      <c r="O13" s="261">
        <v>0</v>
      </c>
      <c r="P13" s="258">
        <v>0</v>
      </c>
      <c r="Q13" s="260">
        <v>0</v>
      </c>
      <c r="R13" s="261">
        <v>22</v>
      </c>
      <c r="S13" s="261">
        <v>6</v>
      </c>
      <c r="T13" s="261">
        <v>23</v>
      </c>
      <c r="U13" s="261">
        <v>0</v>
      </c>
      <c r="V13" s="261">
        <v>3</v>
      </c>
      <c r="W13" s="258">
        <v>54</v>
      </c>
      <c r="X13" s="263">
        <v>54</v>
      </c>
    </row>
    <row r="14" spans="2:24" ht="21" customHeight="1" x14ac:dyDescent="0.2">
      <c r="B14" s="472" t="s">
        <v>11</v>
      </c>
      <c r="C14" s="261">
        <v>0</v>
      </c>
      <c r="D14" s="261">
        <v>0</v>
      </c>
      <c r="E14" s="258">
        <v>0</v>
      </c>
      <c r="F14" s="260">
        <v>0</v>
      </c>
      <c r="G14" s="261">
        <v>109</v>
      </c>
      <c r="H14" s="261">
        <v>56</v>
      </c>
      <c r="I14" s="261">
        <v>58</v>
      </c>
      <c r="J14" s="261">
        <v>19</v>
      </c>
      <c r="K14" s="261">
        <v>13</v>
      </c>
      <c r="L14" s="258">
        <v>255</v>
      </c>
      <c r="M14" s="263">
        <v>255</v>
      </c>
      <c r="N14" s="261">
        <v>0</v>
      </c>
      <c r="O14" s="261">
        <v>0</v>
      </c>
      <c r="P14" s="258">
        <v>0</v>
      </c>
      <c r="Q14" s="260">
        <v>0</v>
      </c>
      <c r="R14" s="261">
        <v>19</v>
      </c>
      <c r="S14" s="261">
        <v>44</v>
      </c>
      <c r="T14" s="261">
        <v>14</v>
      </c>
      <c r="U14" s="261">
        <v>0</v>
      </c>
      <c r="V14" s="261">
        <v>0</v>
      </c>
      <c r="W14" s="258">
        <v>77</v>
      </c>
      <c r="X14" s="263">
        <v>77</v>
      </c>
    </row>
    <row r="15" spans="2:24" ht="21" customHeight="1" x14ac:dyDescent="0.2">
      <c r="B15" s="472" t="s">
        <v>12</v>
      </c>
      <c r="C15" s="261">
        <v>0</v>
      </c>
      <c r="D15" s="261">
        <v>0</v>
      </c>
      <c r="E15" s="258">
        <v>0</v>
      </c>
      <c r="F15" s="260">
        <v>0</v>
      </c>
      <c r="G15" s="261">
        <v>203</v>
      </c>
      <c r="H15" s="261">
        <v>146</v>
      </c>
      <c r="I15" s="261">
        <v>108</v>
      </c>
      <c r="J15" s="261">
        <v>45</v>
      </c>
      <c r="K15" s="261">
        <v>9</v>
      </c>
      <c r="L15" s="258">
        <v>511</v>
      </c>
      <c r="M15" s="263">
        <v>511</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108</v>
      </c>
      <c r="H16" s="261">
        <v>76</v>
      </c>
      <c r="I16" s="261">
        <v>45</v>
      </c>
      <c r="J16" s="261">
        <v>35</v>
      </c>
      <c r="K16" s="261">
        <v>0</v>
      </c>
      <c r="L16" s="258">
        <v>264</v>
      </c>
      <c r="M16" s="263">
        <v>264</v>
      </c>
      <c r="N16" s="261">
        <v>0</v>
      </c>
      <c r="O16" s="261">
        <v>0</v>
      </c>
      <c r="P16" s="258">
        <v>0</v>
      </c>
      <c r="Q16" s="260">
        <v>0</v>
      </c>
      <c r="R16" s="261">
        <v>0</v>
      </c>
      <c r="S16" s="261">
        <v>31</v>
      </c>
      <c r="T16" s="261">
        <v>0</v>
      </c>
      <c r="U16" s="261">
        <v>7</v>
      </c>
      <c r="V16" s="261">
        <v>4</v>
      </c>
      <c r="W16" s="258">
        <v>42</v>
      </c>
      <c r="X16" s="263">
        <v>42</v>
      </c>
    </row>
    <row r="17" spans="2:24" ht="21" customHeight="1" x14ac:dyDescent="0.2">
      <c r="B17" s="472" t="s">
        <v>15</v>
      </c>
      <c r="C17" s="261">
        <v>0</v>
      </c>
      <c r="D17" s="261">
        <v>0</v>
      </c>
      <c r="E17" s="258">
        <v>0</v>
      </c>
      <c r="F17" s="260">
        <v>0</v>
      </c>
      <c r="G17" s="261">
        <v>59</v>
      </c>
      <c r="H17" s="261">
        <v>40</v>
      </c>
      <c r="I17" s="261">
        <v>27</v>
      </c>
      <c r="J17" s="261">
        <v>11</v>
      </c>
      <c r="K17" s="261">
        <v>0</v>
      </c>
      <c r="L17" s="258">
        <v>137</v>
      </c>
      <c r="M17" s="263">
        <v>137</v>
      </c>
      <c r="N17" s="261">
        <v>0</v>
      </c>
      <c r="O17" s="261">
        <v>0</v>
      </c>
      <c r="P17" s="258">
        <v>0</v>
      </c>
      <c r="Q17" s="260">
        <v>0</v>
      </c>
      <c r="R17" s="261">
        <v>11</v>
      </c>
      <c r="S17" s="261">
        <v>0</v>
      </c>
      <c r="T17" s="261">
        <v>0</v>
      </c>
      <c r="U17" s="261">
        <v>9</v>
      </c>
      <c r="V17" s="261">
        <v>0</v>
      </c>
      <c r="W17" s="258">
        <v>20</v>
      </c>
      <c r="X17" s="263">
        <v>20</v>
      </c>
    </row>
    <row r="18" spans="2:24" ht="21" customHeight="1" x14ac:dyDescent="0.2">
      <c r="B18" s="472" t="s">
        <v>16</v>
      </c>
      <c r="C18" s="261">
        <v>0</v>
      </c>
      <c r="D18" s="261">
        <v>0</v>
      </c>
      <c r="E18" s="258">
        <v>0</v>
      </c>
      <c r="F18" s="260">
        <v>0</v>
      </c>
      <c r="G18" s="261">
        <v>61</v>
      </c>
      <c r="H18" s="261">
        <v>75</v>
      </c>
      <c r="I18" s="261">
        <v>62</v>
      </c>
      <c r="J18" s="261">
        <v>11</v>
      </c>
      <c r="K18" s="261">
        <v>11</v>
      </c>
      <c r="L18" s="258">
        <v>220</v>
      </c>
      <c r="M18" s="263">
        <v>220</v>
      </c>
      <c r="N18" s="261">
        <v>0</v>
      </c>
      <c r="O18" s="261">
        <v>0</v>
      </c>
      <c r="P18" s="258">
        <v>0</v>
      </c>
      <c r="Q18" s="260">
        <v>0</v>
      </c>
      <c r="R18" s="261">
        <v>0</v>
      </c>
      <c r="S18" s="261">
        <v>27</v>
      </c>
      <c r="T18" s="261">
        <v>18</v>
      </c>
      <c r="U18" s="261">
        <v>0</v>
      </c>
      <c r="V18" s="261">
        <v>0</v>
      </c>
      <c r="W18" s="258">
        <v>45</v>
      </c>
      <c r="X18" s="263">
        <v>45</v>
      </c>
    </row>
    <row r="19" spans="2:24" ht="21" customHeight="1" x14ac:dyDescent="0.2">
      <c r="B19" s="472" t="s">
        <v>17</v>
      </c>
      <c r="C19" s="261">
        <v>0</v>
      </c>
      <c r="D19" s="261">
        <v>0</v>
      </c>
      <c r="E19" s="258">
        <v>0</v>
      </c>
      <c r="F19" s="260">
        <v>0</v>
      </c>
      <c r="G19" s="261">
        <v>147</v>
      </c>
      <c r="H19" s="261">
        <v>175</v>
      </c>
      <c r="I19" s="261">
        <v>91</v>
      </c>
      <c r="J19" s="261">
        <v>10</v>
      </c>
      <c r="K19" s="261">
        <v>45</v>
      </c>
      <c r="L19" s="258">
        <v>468</v>
      </c>
      <c r="M19" s="263">
        <v>468</v>
      </c>
      <c r="N19" s="261">
        <v>0</v>
      </c>
      <c r="O19" s="261">
        <v>0</v>
      </c>
      <c r="P19" s="258">
        <v>0</v>
      </c>
      <c r="Q19" s="260">
        <v>0</v>
      </c>
      <c r="R19" s="261">
        <v>12</v>
      </c>
      <c r="S19" s="261">
        <v>6</v>
      </c>
      <c r="T19" s="261">
        <v>0</v>
      </c>
      <c r="U19" s="261">
        <v>0</v>
      </c>
      <c r="V19" s="261">
        <v>0</v>
      </c>
      <c r="W19" s="258">
        <v>18</v>
      </c>
      <c r="X19" s="263">
        <v>18</v>
      </c>
    </row>
    <row r="20" spans="2:24" ht="21" customHeight="1" x14ac:dyDescent="0.2">
      <c r="B20" s="472" t="s">
        <v>18</v>
      </c>
      <c r="C20" s="261">
        <v>0</v>
      </c>
      <c r="D20" s="261">
        <v>0</v>
      </c>
      <c r="E20" s="258">
        <v>0</v>
      </c>
      <c r="F20" s="260">
        <v>0</v>
      </c>
      <c r="G20" s="261">
        <v>180</v>
      </c>
      <c r="H20" s="261">
        <v>132</v>
      </c>
      <c r="I20" s="261">
        <v>80</v>
      </c>
      <c r="J20" s="261">
        <v>0</v>
      </c>
      <c r="K20" s="261">
        <v>0</v>
      </c>
      <c r="L20" s="258">
        <v>392</v>
      </c>
      <c r="M20" s="263">
        <v>392</v>
      </c>
      <c r="N20" s="261">
        <v>0</v>
      </c>
      <c r="O20" s="261">
        <v>0</v>
      </c>
      <c r="P20" s="258">
        <v>0</v>
      </c>
      <c r="Q20" s="260">
        <v>0</v>
      </c>
      <c r="R20" s="261">
        <v>0</v>
      </c>
      <c r="S20" s="261">
        <v>0</v>
      </c>
      <c r="T20" s="261">
        <v>34</v>
      </c>
      <c r="U20" s="261">
        <v>21</v>
      </c>
      <c r="V20" s="261">
        <v>0</v>
      </c>
      <c r="W20" s="258">
        <v>55</v>
      </c>
      <c r="X20" s="263">
        <v>55</v>
      </c>
    </row>
    <row r="21" spans="2:24" ht="21" customHeight="1" x14ac:dyDescent="0.2">
      <c r="B21" s="472" t="s">
        <v>19</v>
      </c>
      <c r="C21" s="261">
        <v>0</v>
      </c>
      <c r="D21" s="261">
        <v>0</v>
      </c>
      <c r="E21" s="258">
        <v>0</v>
      </c>
      <c r="F21" s="260">
        <v>0</v>
      </c>
      <c r="G21" s="261">
        <v>53</v>
      </c>
      <c r="H21" s="261">
        <v>44</v>
      </c>
      <c r="I21" s="261">
        <v>29</v>
      </c>
      <c r="J21" s="261">
        <v>0</v>
      </c>
      <c r="K21" s="261">
        <v>0</v>
      </c>
      <c r="L21" s="258">
        <v>126</v>
      </c>
      <c r="M21" s="263">
        <v>126</v>
      </c>
      <c r="N21" s="261">
        <v>0</v>
      </c>
      <c r="O21" s="261">
        <v>0</v>
      </c>
      <c r="P21" s="258">
        <v>0</v>
      </c>
      <c r="Q21" s="260">
        <v>0</v>
      </c>
      <c r="R21" s="261">
        <v>12</v>
      </c>
      <c r="S21" s="261">
        <v>12</v>
      </c>
      <c r="T21" s="261">
        <v>25</v>
      </c>
      <c r="U21" s="261">
        <v>0</v>
      </c>
      <c r="V21" s="261">
        <v>0</v>
      </c>
      <c r="W21" s="258">
        <v>49</v>
      </c>
      <c r="X21" s="263">
        <v>49</v>
      </c>
    </row>
    <row r="22" spans="2:24" ht="21" customHeight="1" x14ac:dyDescent="0.2">
      <c r="B22" s="472" t="s">
        <v>20</v>
      </c>
      <c r="C22" s="261">
        <v>0</v>
      </c>
      <c r="D22" s="261">
        <v>0</v>
      </c>
      <c r="E22" s="258">
        <v>0</v>
      </c>
      <c r="F22" s="260">
        <v>0</v>
      </c>
      <c r="G22" s="261">
        <v>87</v>
      </c>
      <c r="H22" s="261">
        <v>82</v>
      </c>
      <c r="I22" s="261">
        <v>43</v>
      </c>
      <c r="J22" s="261">
        <v>12</v>
      </c>
      <c r="K22" s="261">
        <v>18</v>
      </c>
      <c r="L22" s="258">
        <v>242</v>
      </c>
      <c r="M22" s="263">
        <v>242</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64</v>
      </c>
      <c r="H23" s="261">
        <v>92</v>
      </c>
      <c r="I23" s="261">
        <v>19</v>
      </c>
      <c r="J23" s="261">
        <v>17</v>
      </c>
      <c r="K23" s="261">
        <v>0</v>
      </c>
      <c r="L23" s="258">
        <v>192</v>
      </c>
      <c r="M23" s="263">
        <v>192</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22</v>
      </c>
      <c r="H24" s="261">
        <v>20</v>
      </c>
      <c r="I24" s="261">
        <v>6</v>
      </c>
      <c r="J24" s="261">
        <v>12</v>
      </c>
      <c r="K24" s="261">
        <v>0</v>
      </c>
      <c r="L24" s="258">
        <v>60</v>
      </c>
      <c r="M24" s="263">
        <v>60</v>
      </c>
      <c r="N24" s="261">
        <v>0</v>
      </c>
      <c r="O24" s="261">
        <v>0</v>
      </c>
      <c r="P24" s="258">
        <v>0</v>
      </c>
      <c r="Q24" s="260">
        <v>0</v>
      </c>
      <c r="R24" s="261">
        <v>0</v>
      </c>
      <c r="S24" s="261">
        <v>0</v>
      </c>
      <c r="T24" s="261">
        <v>9</v>
      </c>
      <c r="U24" s="261">
        <v>0</v>
      </c>
      <c r="V24" s="261">
        <v>0</v>
      </c>
      <c r="W24" s="258">
        <v>9</v>
      </c>
      <c r="X24" s="263">
        <v>9</v>
      </c>
    </row>
    <row r="25" spans="2:24" ht="21" customHeight="1" x14ac:dyDescent="0.2">
      <c r="B25" s="472" t="s">
        <v>23</v>
      </c>
      <c r="C25" s="261">
        <v>0</v>
      </c>
      <c r="D25" s="261">
        <v>0</v>
      </c>
      <c r="E25" s="258">
        <v>0</v>
      </c>
      <c r="F25" s="260">
        <v>0</v>
      </c>
      <c r="G25" s="261">
        <v>26</v>
      </c>
      <c r="H25" s="261">
        <v>18</v>
      </c>
      <c r="I25" s="261">
        <v>42</v>
      </c>
      <c r="J25" s="261">
        <v>0</v>
      </c>
      <c r="K25" s="261">
        <v>0</v>
      </c>
      <c r="L25" s="258">
        <v>86</v>
      </c>
      <c r="M25" s="263">
        <v>86</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2</v>
      </c>
      <c r="H26" s="261">
        <v>23</v>
      </c>
      <c r="I26" s="261">
        <v>10</v>
      </c>
      <c r="J26" s="261">
        <v>0</v>
      </c>
      <c r="K26" s="261">
        <v>0</v>
      </c>
      <c r="L26" s="258">
        <v>35</v>
      </c>
      <c r="M26" s="263">
        <v>35</v>
      </c>
      <c r="N26" s="261">
        <v>0</v>
      </c>
      <c r="O26" s="261">
        <v>0</v>
      </c>
      <c r="P26" s="258">
        <v>0</v>
      </c>
      <c r="Q26" s="260">
        <v>0</v>
      </c>
      <c r="R26" s="261">
        <v>0</v>
      </c>
      <c r="S26" s="261">
        <v>0</v>
      </c>
      <c r="T26" s="261">
        <v>12</v>
      </c>
      <c r="U26" s="261">
        <v>0</v>
      </c>
      <c r="V26" s="261">
        <v>0</v>
      </c>
      <c r="W26" s="258">
        <v>12</v>
      </c>
      <c r="X26" s="263">
        <v>12</v>
      </c>
    </row>
    <row r="27" spans="2:24" ht="21" customHeight="1" x14ac:dyDescent="0.2">
      <c r="B27" s="472" t="s">
        <v>25</v>
      </c>
      <c r="C27" s="261">
        <v>0</v>
      </c>
      <c r="D27" s="261">
        <v>0</v>
      </c>
      <c r="E27" s="258">
        <v>0</v>
      </c>
      <c r="F27" s="260">
        <v>0</v>
      </c>
      <c r="G27" s="261">
        <v>34</v>
      </c>
      <c r="H27" s="261">
        <v>8</v>
      </c>
      <c r="I27" s="261">
        <v>8</v>
      </c>
      <c r="J27" s="261">
        <v>0</v>
      </c>
      <c r="K27" s="261">
        <v>0</v>
      </c>
      <c r="L27" s="258">
        <v>50</v>
      </c>
      <c r="M27" s="263">
        <v>50</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27</v>
      </c>
      <c r="H28" s="261">
        <v>20</v>
      </c>
      <c r="I28" s="261">
        <v>9</v>
      </c>
      <c r="J28" s="261">
        <v>8</v>
      </c>
      <c r="K28" s="261">
        <v>4</v>
      </c>
      <c r="L28" s="258">
        <v>68</v>
      </c>
      <c r="M28" s="263">
        <v>68</v>
      </c>
      <c r="N28" s="261">
        <v>0</v>
      </c>
      <c r="O28" s="261">
        <v>0</v>
      </c>
      <c r="P28" s="258">
        <v>0</v>
      </c>
      <c r="Q28" s="260">
        <v>0</v>
      </c>
      <c r="R28" s="261">
        <v>0</v>
      </c>
      <c r="S28" s="261">
        <v>4</v>
      </c>
      <c r="T28" s="261">
        <v>12</v>
      </c>
      <c r="U28" s="261">
        <v>0</v>
      </c>
      <c r="V28" s="261">
        <v>0</v>
      </c>
      <c r="W28" s="258">
        <v>16</v>
      </c>
      <c r="X28" s="263">
        <v>16</v>
      </c>
    </row>
    <row r="29" spans="2:24" ht="21" customHeight="1" x14ac:dyDescent="0.2">
      <c r="B29" s="472" t="s">
        <v>27</v>
      </c>
      <c r="C29" s="261">
        <v>0</v>
      </c>
      <c r="D29" s="261">
        <v>0</v>
      </c>
      <c r="E29" s="258">
        <v>0</v>
      </c>
      <c r="F29" s="260">
        <v>0</v>
      </c>
      <c r="G29" s="261">
        <v>0</v>
      </c>
      <c r="H29" s="261">
        <v>4</v>
      </c>
      <c r="I29" s="261">
        <v>0</v>
      </c>
      <c r="J29" s="261">
        <v>0</v>
      </c>
      <c r="K29" s="261">
        <v>0</v>
      </c>
      <c r="L29" s="258">
        <v>4</v>
      </c>
      <c r="M29" s="263">
        <v>4</v>
      </c>
      <c r="N29" s="261">
        <v>0</v>
      </c>
      <c r="O29" s="261">
        <v>0</v>
      </c>
      <c r="P29" s="258">
        <v>0</v>
      </c>
      <c r="Q29" s="260">
        <v>0</v>
      </c>
      <c r="R29" s="261">
        <v>0</v>
      </c>
      <c r="S29" s="261">
        <v>0</v>
      </c>
      <c r="T29" s="261">
        <v>0</v>
      </c>
      <c r="U29" s="261">
        <v>21</v>
      </c>
      <c r="V29" s="261">
        <v>0</v>
      </c>
      <c r="W29" s="258">
        <v>21</v>
      </c>
      <c r="X29" s="263">
        <v>21</v>
      </c>
    </row>
    <row r="30" spans="2:24" ht="21" customHeight="1" x14ac:dyDescent="0.2">
      <c r="B30" s="472" t="s">
        <v>28</v>
      </c>
      <c r="C30" s="261">
        <v>0</v>
      </c>
      <c r="D30" s="261">
        <v>0</v>
      </c>
      <c r="E30" s="258">
        <v>0</v>
      </c>
      <c r="F30" s="260">
        <v>0</v>
      </c>
      <c r="G30" s="261">
        <v>19</v>
      </c>
      <c r="H30" s="261">
        <v>9</v>
      </c>
      <c r="I30" s="261">
        <v>0</v>
      </c>
      <c r="J30" s="261">
        <v>0</v>
      </c>
      <c r="K30" s="261">
        <v>0</v>
      </c>
      <c r="L30" s="258">
        <v>28</v>
      </c>
      <c r="M30" s="263">
        <v>28</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5</v>
      </c>
      <c r="H31" s="261">
        <v>9</v>
      </c>
      <c r="I31" s="261">
        <v>9</v>
      </c>
      <c r="J31" s="261">
        <v>0</v>
      </c>
      <c r="K31" s="261">
        <v>0</v>
      </c>
      <c r="L31" s="258">
        <v>23</v>
      </c>
      <c r="M31" s="263">
        <v>23</v>
      </c>
      <c r="N31" s="261">
        <v>0</v>
      </c>
      <c r="O31" s="261">
        <v>0</v>
      </c>
      <c r="P31" s="258">
        <v>0</v>
      </c>
      <c r="Q31" s="260">
        <v>0</v>
      </c>
      <c r="R31" s="261">
        <v>0</v>
      </c>
      <c r="S31" s="261">
        <v>0</v>
      </c>
      <c r="T31" s="261">
        <v>0</v>
      </c>
      <c r="U31" s="261">
        <v>0</v>
      </c>
      <c r="V31" s="261">
        <v>0</v>
      </c>
      <c r="W31" s="258">
        <v>0</v>
      </c>
      <c r="X31" s="263">
        <v>0</v>
      </c>
    </row>
    <row r="32" spans="2:24" ht="21" customHeight="1" x14ac:dyDescent="0.2">
      <c r="B32" s="472" t="s">
        <v>30</v>
      </c>
      <c r="C32" s="261">
        <v>0</v>
      </c>
      <c r="D32" s="261">
        <v>0</v>
      </c>
      <c r="E32" s="258">
        <v>0</v>
      </c>
      <c r="F32" s="260">
        <v>0</v>
      </c>
      <c r="G32" s="261">
        <v>13</v>
      </c>
      <c r="H32" s="261">
        <v>0</v>
      </c>
      <c r="I32" s="261">
        <v>17</v>
      </c>
      <c r="J32" s="261">
        <v>0</v>
      </c>
      <c r="K32" s="261">
        <v>0</v>
      </c>
      <c r="L32" s="258">
        <v>30</v>
      </c>
      <c r="M32" s="263">
        <v>30</v>
      </c>
      <c r="N32" s="261">
        <v>0</v>
      </c>
      <c r="O32" s="261">
        <v>0</v>
      </c>
      <c r="P32" s="258">
        <v>0</v>
      </c>
      <c r="Q32" s="260">
        <v>0</v>
      </c>
      <c r="R32" s="261">
        <v>0</v>
      </c>
      <c r="S32" s="261">
        <v>6</v>
      </c>
      <c r="T32" s="261">
        <v>0</v>
      </c>
      <c r="U32" s="261">
        <v>0</v>
      </c>
      <c r="V32" s="261">
        <v>0</v>
      </c>
      <c r="W32" s="258">
        <v>6</v>
      </c>
      <c r="X32" s="263">
        <v>6</v>
      </c>
    </row>
    <row r="33" spans="2:24" ht="21" customHeight="1" x14ac:dyDescent="0.2">
      <c r="B33" s="472" t="s">
        <v>31</v>
      </c>
      <c r="C33" s="261">
        <v>0</v>
      </c>
      <c r="D33" s="261">
        <v>0</v>
      </c>
      <c r="E33" s="258">
        <v>0</v>
      </c>
      <c r="F33" s="260">
        <v>0</v>
      </c>
      <c r="G33" s="261">
        <v>4</v>
      </c>
      <c r="H33" s="261">
        <v>4</v>
      </c>
      <c r="I33" s="261">
        <v>0</v>
      </c>
      <c r="J33" s="261">
        <v>0</v>
      </c>
      <c r="K33" s="261">
        <v>0</v>
      </c>
      <c r="L33" s="258">
        <v>8</v>
      </c>
      <c r="M33" s="263">
        <v>8</v>
      </c>
      <c r="N33" s="261">
        <v>0</v>
      </c>
      <c r="O33" s="261">
        <v>0</v>
      </c>
      <c r="P33" s="258">
        <v>0</v>
      </c>
      <c r="Q33" s="260">
        <v>0</v>
      </c>
      <c r="R33" s="261">
        <v>0</v>
      </c>
      <c r="S33" s="261">
        <v>0</v>
      </c>
      <c r="T33" s="261">
        <v>0</v>
      </c>
      <c r="U33" s="261">
        <v>18</v>
      </c>
      <c r="V33" s="261">
        <v>0</v>
      </c>
      <c r="W33" s="258">
        <v>18</v>
      </c>
      <c r="X33" s="263">
        <v>18</v>
      </c>
    </row>
    <row r="34" spans="2:24" ht="21" customHeight="1" x14ac:dyDescent="0.2">
      <c r="B34" s="472" t="s">
        <v>32</v>
      </c>
      <c r="C34" s="261">
        <v>0</v>
      </c>
      <c r="D34" s="261">
        <v>0</v>
      </c>
      <c r="E34" s="258">
        <v>0</v>
      </c>
      <c r="F34" s="260">
        <v>0</v>
      </c>
      <c r="G34" s="261">
        <v>21</v>
      </c>
      <c r="H34" s="261">
        <v>21</v>
      </c>
      <c r="I34" s="261">
        <v>3</v>
      </c>
      <c r="J34" s="261">
        <v>0</v>
      </c>
      <c r="K34" s="261">
        <v>4</v>
      </c>
      <c r="L34" s="258">
        <v>49</v>
      </c>
      <c r="M34" s="263">
        <v>49</v>
      </c>
      <c r="N34" s="261">
        <v>0</v>
      </c>
      <c r="O34" s="261">
        <v>0</v>
      </c>
      <c r="P34" s="258">
        <v>0</v>
      </c>
      <c r="Q34" s="260">
        <v>0</v>
      </c>
      <c r="R34" s="261">
        <v>0</v>
      </c>
      <c r="S34" s="261">
        <v>0</v>
      </c>
      <c r="T34" s="261">
        <v>0</v>
      </c>
      <c r="U34" s="261">
        <v>0</v>
      </c>
      <c r="V34" s="261">
        <v>0</v>
      </c>
      <c r="W34" s="258">
        <v>0</v>
      </c>
      <c r="X34" s="263">
        <v>0</v>
      </c>
    </row>
    <row r="35" spans="2:24" ht="21" customHeight="1" x14ac:dyDescent="0.2">
      <c r="B35" s="472" t="s">
        <v>33</v>
      </c>
      <c r="C35" s="261">
        <v>0</v>
      </c>
      <c r="D35" s="261">
        <v>0</v>
      </c>
      <c r="E35" s="258">
        <v>0</v>
      </c>
      <c r="F35" s="260">
        <v>0</v>
      </c>
      <c r="G35" s="261">
        <v>7</v>
      </c>
      <c r="H35" s="261">
        <v>0</v>
      </c>
      <c r="I35" s="261">
        <v>0</v>
      </c>
      <c r="J35" s="261">
        <v>0</v>
      </c>
      <c r="K35" s="261">
        <v>0</v>
      </c>
      <c r="L35" s="258">
        <v>7</v>
      </c>
      <c r="M35" s="263">
        <v>7</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13</v>
      </c>
      <c r="H36" s="261">
        <v>17</v>
      </c>
      <c r="I36" s="261">
        <v>0</v>
      </c>
      <c r="J36" s="261">
        <v>0</v>
      </c>
      <c r="K36" s="261">
        <v>0</v>
      </c>
      <c r="L36" s="258">
        <v>30</v>
      </c>
      <c r="M36" s="263">
        <v>30</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17</v>
      </c>
      <c r="H38" s="261">
        <v>4</v>
      </c>
      <c r="I38" s="261">
        <v>0</v>
      </c>
      <c r="J38" s="261">
        <v>4</v>
      </c>
      <c r="K38" s="261">
        <v>0</v>
      </c>
      <c r="L38" s="258">
        <v>25</v>
      </c>
      <c r="M38" s="263">
        <v>25</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0</v>
      </c>
      <c r="L39" s="265">
        <v>0</v>
      </c>
      <c r="M39" s="270">
        <v>0</v>
      </c>
      <c r="N39" s="268">
        <v>0</v>
      </c>
      <c r="O39" s="268">
        <v>0</v>
      </c>
      <c r="P39" s="265">
        <v>0</v>
      </c>
      <c r="Q39" s="267">
        <v>0</v>
      </c>
      <c r="R39" s="268">
        <v>0</v>
      </c>
      <c r="S39" s="268">
        <v>0</v>
      </c>
      <c r="T39" s="268">
        <v>0</v>
      </c>
      <c r="U39" s="268">
        <v>0</v>
      </c>
      <c r="V39" s="268">
        <v>0</v>
      </c>
      <c r="W39" s="265">
        <v>0</v>
      </c>
      <c r="X39" s="270">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5</v>
      </c>
      <c r="H1" s="500">
        <f>第１表!F2</f>
        <v>5</v>
      </c>
      <c r="I1" s="500"/>
      <c r="J1" s="235">
        <f>第１表!G2</f>
        <v>11</v>
      </c>
      <c r="K1" s="505">
        <f>IF(J1&lt;3,J1+12-2,J1-2)</f>
        <v>9</v>
      </c>
      <c r="L1" s="505"/>
    </row>
    <row r="2" spans="2:24" ht="24" customHeight="1" thickBot="1" x14ac:dyDescent="0.25">
      <c r="B2" s="271" t="s">
        <v>154</v>
      </c>
    </row>
    <row r="3" spans="2:24" ht="21" customHeight="1" x14ac:dyDescent="0.2">
      <c r="B3" s="508"/>
      <c r="C3" s="509" t="s">
        <v>141</v>
      </c>
      <c r="D3" s="509"/>
      <c r="E3" s="509"/>
      <c r="F3" s="509"/>
      <c r="G3" s="509"/>
      <c r="H3" s="509"/>
      <c r="I3" s="509"/>
      <c r="J3" s="509"/>
      <c r="K3" s="509"/>
      <c r="L3" s="509"/>
      <c r="M3" s="541"/>
      <c r="N3" s="509" t="s">
        <v>113</v>
      </c>
      <c r="O3" s="509"/>
      <c r="P3" s="509"/>
      <c r="Q3" s="509"/>
      <c r="R3" s="509"/>
      <c r="S3" s="509"/>
      <c r="T3" s="509"/>
      <c r="U3" s="509"/>
      <c r="V3" s="509"/>
      <c r="W3" s="509"/>
      <c r="X3" s="541"/>
    </row>
    <row r="4" spans="2:24" ht="21" customHeight="1" x14ac:dyDescent="0.2">
      <c r="B4" s="547"/>
      <c r="C4" s="542" t="s">
        <v>61</v>
      </c>
      <c r="D4" s="542"/>
      <c r="E4" s="543"/>
      <c r="F4" s="544" t="s">
        <v>62</v>
      </c>
      <c r="G4" s="542"/>
      <c r="H4" s="542"/>
      <c r="I4" s="542"/>
      <c r="J4" s="542"/>
      <c r="K4" s="542"/>
      <c r="L4" s="545"/>
      <c r="M4" s="546" t="s">
        <v>52</v>
      </c>
      <c r="N4" s="542" t="s">
        <v>61</v>
      </c>
      <c r="O4" s="542"/>
      <c r="P4" s="543"/>
      <c r="Q4" s="544" t="s">
        <v>62</v>
      </c>
      <c r="R4" s="542"/>
      <c r="S4" s="542"/>
      <c r="T4" s="542"/>
      <c r="U4" s="542"/>
      <c r="V4" s="542"/>
      <c r="W4" s="545"/>
      <c r="X4" s="546" t="s">
        <v>52</v>
      </c>
    </row>
    <row r="5" spans="2:24" ht="30" customHeight="1" thickBot="1" x14ac:dyDescent="0.25">
      <c r="B5" s="548"/>
      <c r="C5" s="243" t="s">
        <v>43</v>
      </c>
      <c r="D5" s="243" t="s">
        <v>44</v>
      </c>
      <c r="E5" s="246" t="s">
        <v>45</v>
      </c>
      <c r="F5" s="248" t="s">
        <v>83</v>
      </c>
      <c r="G5" s="243" t="s">
        <v>47</v>
      </c>
      <c r="H5" s="243" t="s">
        <v>48</v>
      </c>
      <c r="I5" s="243" t="s">
        <v>49</v>
      </c>
      <c r="J5" s="243" t="s">
        <v>50</v>
      </c>
      <c r="K5" s="243" t="s">
        <v>51</v>
      </c>
      <c r="L5" s="246" t="s">
        <v>45</v>
      </c>
      <c r="M5" s="507"/>
      <c r="N5" s="243" t="s">
        <v>43</v>
      </c>
      <c r="O5" s="243" t="s">
        <v>44</v>
      </c>
      <c r="P5" s="246" t="s">
        <v>45</v>
      </c>
      <c r="Q5" s="248" t="s">
        <v>83</v>
      </c>
      <c r="R5" s="243" t="s">
        <v>47</v>
      </c>
      <c r="S5" s="243" t="s">
        <v>48</v>
      </c>
      <c r="T5" s="243" t="s">
        <v>49</v>
      </c>
      <c r="U5" s="243" t="s">
        <v>50</v>
      </c>
      <c r="V5" s="243" t="s">
        <v>51</v>
      </c>
      <c r="W5" s="246" t="s">
        <v>45</v>
      </c>
      <c r="X5" s="507"/>
    </row>
    <row r="6" spans="2:24" ht="21" customHeight="1" x14ac:dyDescent="0.2">
      <c r="B6" s="470" t="s">
        <v>4</v>
      </c>
      <c r="C6" s="254">
        <v>0</v>
      </c>
      <c r="D6" s="254">
        <v>0</v>
      </c>
      <c r="E6" s="251">
        <v>0</v>
      </c>
      <c r="F6" s="253">
        <v>0</v>
      </c>
      <c r="G6" s="254">
        <v>5475</v>
      </c>
      <c r="H6" s="254">
        <v>5197</v>
      </c>
      <c r="I6" s="254">
        <v>2624</v>
      </c>
      <c r="J6" s="254">
        <v>1348</v>
      </c>
      <c r="K6" s="254">
        <v>643</v>
      </c>
      <c r="L6" s="251">
        <v>15287</v>
      </c>
      <c r="M6" s="256">
        <v>15287</v>
      </c>
      <c r="N6" s="254">
        <v>0</v>
      </c>
      <c r="O6" s="254">
        <v>0</v>
      </c>
      <c r="P6" s="251">
        <v>0</v>
      </c>
      <c r="Q6" s="253">
        <v>0</v>
      </c>
      <c r="R6" s="254">
        <v>410</v>
      </c>
      <c r="S6" s="254">
        <v>574</v>
      </c>
      <c r="T6" s="254">
        <v>721</v>
      </c>
      <c r="U6" s="254">
        <v>250</v>
      </c>
      <c r="V6" s="254">
        <v>233</v>
      </c>
      <c r="W6" s="251">
        <v>2188</v>
      </c>
      <c r="X6" s="256">
        <v>2188</v>
      </c>
    </row>
    <row r="7" spans="2:24" ht="21" customHeight="1" x14ac:dyDescent="0.2">
      <c r="B7" s="471" t="s">
        <v>5</v>
      </c>
      <c r="C7" s="261">
        <v>0</v>
      </c>
      <c r="D7" s="261">
        <v>0</v>
      </c>
      <c r="E7" s="258">
        <v>0</v>
      </c>
      <c r="F7" s="260">
        <v>0</v>
      </c>
      <c r="G7" s="261">
        <v>2194</v>
      </c>
      <c r="H7" s="261">
        <v>2784</v>
      </c>
      <c r="I7" s="261">
        <v>1297</v>
      </c>
      <c r="J7" s="261">
        <v>639</v>
      </c>
      <c r="K7" s="261">
        <v>314</v>
      </c>
      <c r="L7" s="258">
        <v>7228</v>
      </c>
      <c r="M7" s="263">
        <v>7228</v>
      </c>
      <c r="N7" s="261">
        <v>0</v>
      </c>
      <c r="O7" s="261">
        <v>0</v>
      </c>
      <c r="P7" s="258">
        <v>0</v>
      </c>
      <c r="Q7" s="260">
        <v>0</v>
      </c>
      <c r="R7" s="261">
        <v>212</v>
      </c>
      <c r="S7" s="261">
        <v>268</v>
      </c>
      <c r="T7" s="261">
        <v>348</v>
      </c>
      <c r="U7" s="261">
        <v>141</v>
      </c>
      <c r="V7" s="261">
        <v>187</v>
      </c>
      <c r="W7" s="258">
        <v>1156</v>
      </c>
      <c r="X7" s="263">
        <v>1156</v>
      </c>
    </row>
    <row r="8" spans="2:24" ht="21" customHeight="1" x14ac:dyDescent="0.2">
      <c r="B8" s="472" t="s">
        <v>6</v>
      </c>
      <c r="C8" s="261">
        <v>0</v>
      </c>
      <c r="D8" s="261">
        <v>0</v>
      </c>
      <c r="E8" s="258">
        <v>0</v>
      </c>
      <c r="F8" s="260">
        <v>0</v>
      </c>
      <c r="G8" s="261">
        <v>917</v>
      </c>
      <c r="H8" s="261">
        <v>598</v>
      </c>
      <c r="I8" s="261">
        <v>372</v>
      </c>
      <c r="J8" s="261">
        <v>153</v>
      </c>
      <c r="K8" s="261">
        <v>70</v>
      </c>
      <c r="L8" s="258">
        <v>2110</v>
      </c>
      <c r="M8" s="263">
        <v>2110</v>
      </c>
      <c r="N8" s="261">
        <v>0</v>
      </c>
      <c r="O8" s="261">
        <v>0</v>
      </c>
      <c r="P8" s="258">
        <v>0</v>
      </c>
      <c r="Q8" s="260">
        <v>0</v>
      </c>
      <c r="R8" s="261">
        <v>111</v>
      </c>
      <c r="S8" s="261">
        <v>205</v>
      </c>
      <c r="T8" s="261">
        <v>247</v>
      </c>
      <c r="U8" s="261">
        <v>41</v>
      </c>
      <c r="V8" s="261">
        <v>30</v>
      </c>
      <c r="W8" s="258">
        <v>634</v>
      </c>
      <c r="X8" s="263">
        <v>634</v>
      </c>
    </row>
    <row r="9" spans="2:24" ht="21" customHeight="1" x14ac:dyDescent="0.2">
      <c r="B9" s="472" t="s">
        <v>14</v>
      </c>
      <c r="C9" s="261">
        <v>0</v>
      </c>
      <c r="D9" s="261">
        <v>0</v>
      </c>
      <c r="E9" s="258">
        <v>0</v>
      </c>
      <c r="F9" s="260">
        <v>0</v>
      </c>
      <c r="G9" s="261">
        <v>198</v>
      </c>
      <c r="H9" s="261">
        <v>327</v>
      </c>
      <c r="I9" s="261">
        <v>180</v>
      </c>
      <c r="J9" s="261">
        <v>80</v>
      </c>
      <c r="K9" s="261">
        <v>43</v>
      </c>
      <c r="L9" s="258">
        <v>828</v>
      </c>
      <c r="M9" s="263">
        <v>828</v>
      </c>
      <c r="N9" s="261">
        <v>0</v>
      </c>
      <c r="O9" s="261">
        <v>0</v>
      </c>
      <c r="P9" s="258">
        <v>0</v>
      </c>
      <c r="Q9" s="260">
        <v>0</v>
      </c>
      <c r="R9" s="261">
        <v>22</v>
      </c>
      <c r="S9" s="261">
        <v>11</v>
      </c>
      <c r="T9" s="261">
        <v>0</v>
      </c>
      <c r="U9" s="261">
        <v>3</v>
      </c>
      <c r="V9" s="261">
        <v>0</v>
      </c>
      <c r="W9" s="258">
        <v>36</v>
      </c>
      <c r="X9" s="263">
        <v>36</v>
      </c>
    </row>
    <row r="10" spans="2:24" ht="21" customHeight="1" x14ac:dyDescent="0.2">
      <c r="B10" s="472" t="s">
        <v>7</v>
      </c>
      <c r="C10" s="261">
        <v>0</v>
      </c>
      <c r="D10" s="261">
        <v>0</v>
      </c>
      <c r="E10" s="258">
        <v>0</v>
      </c>
      <c r="F10" s="260">
        <v>0</v>
      </c>
      <c r="G10" s="261">
        <v>239</v>
      </c>
      <c r="H10" s="261">
        <v>232</v>
      </c>
      <c r="I10" s="261">
        <v>44</v>
      </c>
      <c r="J10" s="261">
        <v>44</v>
      </c>
      <c r="K10" s="261">
        <v>60</v>
      </c>
      <c r="L10" s="258">
        <v>619</v>
      </c>
      <c r="M10" s="263">
        <v>619</v>
      </c>
      <c r="N10" s="261">
        <v>0</v>
      </c>
      <c r="O10" s="261">
        <v>0</v>
      </c>
      <c r="P10" s="258">
        <v>0</v>
      </c>
      <c r="Q10" s="260">
        <v>0</v>
      </c>
      <c r="R10" s="261">
        <v>16</v>
      </c>
      <c r="S10" s="261">
        <v>49</v>
      </c>
      <c r="T10" s="261">
        <v>35</v>
      </c>
      <c r="U10" s="261">
        <v>21</v>
      </c>
      <c r="V10" s="261">
        <v>0</v>
      </c>
      <c r="W10" s="258">
        <v>121</v>
      </c>
      <c r="X10" s="263">
        <v>121</v>
      </c>
    </row>
    <row r="11" spans="2:24" ht="21" customHeight="1" x14ac:dyDescent="0.2">
      <c r="B11" s="472" t="s">
        <v>8</v>
      </c>
      <c r="C11" s="261">
        <v>0</v>
      </c>
      <c r="D11" s="261">
        <v>0</v>
      </c>
      <c r="E11" s="258">
        <v>0</v>
      </c>
      <c r="F11" s="260">
        <v>0</v>
      </c>
      <c r="G11" s="261">
        <v>280</v>
      </c>
      <c r="H11" s="261">
        <v>122</v>
      </c>
      <c r="I11" s="261">
        <v>35</v>
      </c>
      <c r="J11" s="261">
        <v>98</v>
      </c>
      <c r="K11" s="261">
        <v>26</v>
      </c>
      <c r="L11" s="258">
        <v>561</v>
      </c>
      <c r="M11" s="263">
        <v>561</v>
      </c>
      <c r="N11" s="261">
        <v>0</v>
      </c>
      <c r="O11" s="261">
        <v>0</v>
      </c>
      <c r="P11" s="258">
        <v>0</v>
      </c>
      <c r="Q11" s="260">
        <v>0</v>
      </c>
      <c r="R11" s="261">
        <v>0</v>
      </c>
      <c r="S11" s="261">
        <v>5</v>
      </c>
      <c r="T11" s="261">
        <v>0</v>
      </c>
      <c r="U11" s="261">
        <v>0</v>
      </c>
      <c r="V11" s="261">
        <v>0</v>
      </c>
      <c r="W11" s="258">
        <v>5</v>
      </c>
      <c r="X11" s="263">
        <v>5</v>
      </c>
    </row>
    <row r="12" spans="2:24" ht="21" customHeight="1" x14ac:dyDescent="0.2">
      <c r="B12" s="472" t="s">
        <v>9</v>
      </c>
      <c r="C12" s="261">
        <v>0</v>
      </c>
      <c r="D12" s="261">
        <v>0</v>
      </c>
      <c r="E12" s="258">
        <v>0</v>
      </c>
      <c r="F12" s="260">
        <v>0</v>
      </c>
      <c r="G12" s="261">
        <v>315</v>
      </c>
      <c r="H12" s="261">
        <v>147</v>
      </c>
      <c r="I12" s="261">
        <v>236</v>
      </c>
      <c r="J12" s="261">
        <v>32</v>
      </c>
      <c r="K12" s="261">
        <v>23</v>
      </c>
      <c r="L12" s="258">
        <v>753</v>
      </c>
      <c r="M12" s="263">
        <v>753</v>
      </c>
      <c r="N12" s="261">
        <v>0</v>
      </c>
      <c r="O12" s="261">
        <v>0</v>
      </c>
      <c r="P12" s="258">
        <v>0</v>
      </c>
      <c r="Q12" s="260">
        <v>0</v>
      </c>
      <c r="R12" s="261">
        <v>0</v>
      </c>
      <c r="S12" s="261">
        <v>0</v>
      </c>
      <c r="T12" s="261">
        <v>0</v>
      </c>
      <c r="U12" s="261">
        <v>0</v>
      </c>
      <c r="V12" s="261">
        <v>6</v>
      </c>
      <c r="W12" s="258">
        <v>6</v>
      </c>
      <c r="X12" s="263">
        <v>6</v>
      </c>
    </row>
    <row r="13" spans="2:24" ht="21" customHeight="1" x14ac:dyDescent="0.2">
      <c r="B13" s="472" t="s">
        <v>10</v>
      </c>
      <c r="C13" s="261">
        <v>0</v>
      </c>
      <c r="D13" s="261">
        <v>0</v>
      </c>
      <c r="E13" s="258">
        <v>0</v>
      </c>
      <c r="F13" s="260">
        <v>0</v>
      </c>
      <c r="G13" s="261">
        <v>247</v>
      </c>
      <c r="H13" s="261">
        <v>157</v>
      </c>
      <c r="I13" s="261">
        <v>25</v>
      </c>
      <c r="J13" s="261">
        <v>54</v>
      </c>
      <c r="K13" s="261">
        <v>4</v>
      </c>
      <c r="L13" s="258">
        <v>487</v>
      </c>
      <c r="M13" s="263">
        <v>487</v>
      </c>
      <c r="N13" s="261">
        <v>0</v>
      </c>
      <c r="O13" s="261">
        <v>0</v>
      </c>
      <c r="P13" s="258">
        <v>0</v>
      </c>
      <c r="Q13" s="260">
        <v>0</v>
      </c>
      <c r="R13" s="261">
        <v>5</v>
      </c>
      <c r="S13" s="261">
        <v>0</v>
      </c>
      <c r="T13" s="261">
        <v>29</v>
      </c>
      <c r="U13" s="261">
        <v>26</v>
      </c>
      <c r="V13" s="261">
        <v>0</v>
      </c>
      <c r="W13" s="258">
        <v>60</v>
      </c>
      <c r="X13" s="263">
        <v>60</v>
      </c>
    </row>
    <row r="14" spans="2:24" ht="21" customHeight="1" x14ac:dyDescent="0.2">
      <c r="B14" s="472" t="s">
        <v>11</v>
      </c>
      <c r="C14" s="261">
        <v>0</v>
      </c>
      <c r="D14" s="261">
        <v>0</v>
      </c>
      <c r="E14" s="258">
        <v>0</v>
      </c>
      <c r="F14" s="260">
        <v>0</v>
      </c>
      <c r="G14" s="261">
        <v>203</v>
      </c>
      <c r="H14" s="261">
        <v>10</v>
      </c>
      <c r="I14" s="261">
        <v>24</v>
      </c>
      <c r="J14" s="261">
        <v>37</v>
      </c>
      <c r="K14" s="261">
        <v>13</v>
      </c>
      <c r="L14" s="258">
        <v>287</v>
      </c>
      <c r="M14" s="263">
        <v>287</v>
      </c>
      <c r="N14" s="261">
        <v>0</v>
      </c>
      <c r="O14" s="261">
        <v>0</v>
      </c>
      <c r="P14" s="258">
        <v>0</v>
      </c>
      <c r="Q14" s="260">
        <v>0</v>
      </c>
      <c r="R14" s="261">
        <v>13</v>
      </c>
      <c r="S14" s="261">
        <v>0</v>
      </c>
      <c r="T14" s="261">
        <v>0</v>
      </c>
      <c r="U14" s="261">
        <v>0</v>
      </c>
      <c r="V14" s="261">
        <v>0</v>
      </c>
      <c r="W14" s="258">
        <v>13</v>
      </c>
      <c r="X14" s="263">
        <v>13</v>
      </c>
    </row>
    <row r="15" spans="2:24" ht="21" customHeight="1" x14ac:dyDescent="0.2">
      <c r="B15" s="472" t="s">
        <v>12</v>
      </c>
      <c r="C15" s="261">
        <v>0</v>
      </c>
      <c r="D15" s="261">
        <v>0</v>
      </c>
      <c r="E15" s="258">
        <v>0</v>
      </c>
      <c r="F15" s="260">
        <v>0</v>
      </c>
      <c r="G15" s="261">
        <v>150</v>
      </c>
      <c r="H15" s="261">
        <v>120</v>
      </c>
      <c r="I15" s="261">
        <v>60</v>
      </c>
      <c r="J15" s="261">
        <v>42</v>
      </c>
      <c r="K15" s="261">
        <v>14</v>
      </c>
      <c r="L15" s="258">
        <v>386</v>
      </c>
      <c r="M15" s="263">
        <v>386</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66</v>
      </c>
      <c r="H16" s="261">
        <v>114</v>
      </c>
      <c r="I16" s="261">
        <v>60</v>
      </c>
      <c r="J16" s="261">
        <v>21</v>
      </c>
      <c r="K16" s="261">
        <v>33</v>
      </c>
      <c r="L16" s="258">
        <v>294</v>
      </c>
      <c r="M16" s="263">
        <v>294</v>
      </c>
      <c r="N16" s="261">
        <v>0</v>
      </c>
      <c r="O16" s="261">
        <v>0</v>
      </c>
      <c r="P16" s="258">
        <v>0</v>
      </c>
      <c r="Q16" s="260">
        <v>0</v>
      </c>
      <c r="R16" s="261">
        <v>4</v>
      </c>
      <c r="S16" s="261">
        <v>0</v>
      </c>
      <c r="T16" s="261">
        <v>0</v>
      </c>
      <c r="U16" s="261">
        <v>0</v>
      </c>
      <c r="V16" s="261">
        <v>0</v>
      </c>
      <c r="W16" s="258">
        <v>4</v>
      </c>
      <c r="X16" s="263">
        <v>4</v>
      </c>
    </row>
    <row r="17" spans="2:24" ht="21" customHeight="1" x14ac:dyDescent="0.2">
      <c r="B17" s="472" t="s">
        <v>15</v>
      </c>
      <c r="C17" s="261">
        <v>0</v>
      </c>
      <c r="D17" s="261">
        <v>0</v>
      </c>
      <c r="E17" s="258">
        <v>0</v>
      </c>
      <c r="F17" s="260">
        <v>0</v>
      </c>
      <c r="G17" s="261">
        <v>22</v>
      </c>
      <c r="H17" s="261">
        <v>71</v>
      </c>
      <c r="I17" s="261">
        <v>18</v>
      </c>
      <c r="J17" s="261">
        <v>0</v>
      </c>
      <c r="K17" s="261">
        <v>10</v>
      </c>
      <c r="L17" s="258">
        <v>121</v>
      </c>
      <c r="M17" s="263">
        <v>121</v>
      </c>
      <c r="N17" s="261">
        <v>0</v>
      </c>
      <c r="O17" s="261">
        <v>0</v>
      </c>
      <c r="P17" s="258">
        <v>0</v>
      </c>
      <c r="Q17" s="260">
        <v>0</v>
      </c>
      <c r="R17" s="261">
        <v>0</v>
      </c>
      <c r="S17" s="261">
        <v>0</v>
      </c>
      <c r="T17" s="261">
        <v>0</v>
      </c>
      <c r="U17" s="261">
        <v>0</v>
      </c>
      <c r="V17" s="261">
        <v>0</v>
      </c>
      <c r="W17" s="258">
        <v>0</v>
      </c>
      <c r="X17" s="263">
        <v>0</v>
      </c>
    </row>
    <row r="18" spans="2:24" ht="21" customHeight="1" x14ac:dyDescent="0.2">
      <c r="B18" s="472" t="s">
        <v>16</v>
      </c>
      <c r="C18" s="261">
        <v>0</v>
      </c>
      <c r="D18" s="261">
        <v>0</v>
      </c>
      <c r="E18" s="258">
        <v>0</v>
      </c>
      <c r="F18" s="260">
        <v>0</v>
      </c>
      <c r="G18" s="261">
        <v>32</v>
      </c>
      <c r="H18" s="261">
        <v>47</v>
      </c>
      <c r="I18" s="261">
        <v>40</v>
      </c>
      <c r="J18" s="261">
        <v>18</v>
      </c>
      <c r="K18" s="261">
        <v>0</v>
      </c>
      <c r="L18" s="258">
        <v>137</v>
      </c>
      <c r="M18" s="263">
        <v>137</v>
      </c>
      <c r="N18" s="261">
        <v>0</v>
      </c>
      <c r="O18" s="261">
        <v>0</v>
      </c>
      <c r="P18" s="258">
        <v>0</v>
      </c>
      <c r="Q18" s="260">
        <v>0</v>
      </c>
      <c r="R18" s="261">
        <v>0</v>
      </c>
      <c r="S18" s="261">
        <v>12</v>
      </c>
      <c r="T18" s="261">
        <v>0</v>
      </c>
      <c r="U18" s="261">
        <v>0</v>
      </c>
      <c r="V18" s="261">
        <v>0</v>
      </c>
      <c r="W18" s="258">
        <v>12</v>
      </c>
      <c r="X18" s="263">
        <v>12</v>
      </c>
    </row>
    <row r="19" spans="2:24" ht="21" customHeight="1" x14ac:dyDescent="0.2">
      <c r="B19" s="472" t="s">
        <v>17</v>
      </c>
      <c r="C19" s="261">
        <v>0</v>
      </c>
      <c r="D19" s="261">
        <v>0</v>
      </c>
      <c r="E19" s="258">
        <v>0</v>
      </c>
      <c r="F19" s="260">
        <v>0</v>
      </c>
      <c r="G19" s="261">
        <v>118</v>
      </c>
      <c r="H19" s="261">
        <v>145</v>
      </c>
      <c r="I19" s="261">
        <v>47</v>
      </c>
      <c r="J19" s="261">
        <v>18</v>
      </c>
      <c r="K19" s="261">
        <v>4</v>
      </c>
      <c r="L19" s="258">
        <v>332</v>
      </c>
      <c r="M19" s="263">
        <v>332</v>
      </c>
      <c r="N19" s="261">
        <v>0</v>
      </c>
      <c r="O19" s="261">
        <v>0</v>
      </c>
      <c r="P19" s="258">
        <v>0</v>
      </c>
      <c r="Q19" s="260">
        <v>0</v>
      </c>
      <c r="R19" s="261">
        <v>9</v>
      </c>
      <c r="S19" s="261">
        <v>0</v>
      </c>
      <c r="T19" s="261">
        <v>4</v>
      </c>
      <c r="U19" s="261">
        <v>0</v>
      </c>
      <c r="V19" s="261">
        <v>0</v>
      </c>
      <c r="W19" s="258">
        <v>13</v>
      </c>
      <c r="X19" s="263">
        <v>13</v>
      </c>
    </row>
    <row r="20" spans="2:24" ht="21" customHeight="1" x14ac:dyDescent="0.2">
      <c r="B20" s="472" t="s">
        <v>18</v>
      </c>
      <c r="C20" s="261">
        <v>0</v>
      </c>
      <c r="D20" s="261">
        <v>0</v>
      </c>
      <c r="E20" s="258">
        <v>0</v>
      </c>
      <c r="F20" s="260">
        <v>0</v>
      </c>
      <c r="G20" s="261">
        <v>113</v>
      </c>
      <c r="H20" s="261">
        <v>77</v>
      </c>
      <c r="I20" s="261">
        <v>73</v>
      </c>
      <c r="J20" s="261">
        <v>24</v>
      </c>
      <c r="K20" s="261">
        <v>0</v>
      </c>
      <c r="L20" s="258">
        <v>287</v>
      </c>
      <c r="M20" s="263">
        <v>287</v>
      </c>
      <c r="N20" s="261">
        <v>0</v>
      </c>
      <c r="O20" s="261">
        <v>0</v>
      </c>
      <c r="P20" s="258">
        <v>0</v>
      </c>
      <c r="Q20" s="260">
        <v>0</v>
      </c>
      <c r="R20" s="261">
        <v>0</v>
      </c>
      <c r="S20" s="261">
        <v>0</v>
      </c>
      <c r="T20" s="261">
        <v>25</v>
      </c>
      <c r="U20" s="261">
        <v>18</v>
      </c>
      <c r="V20" s="261">
        <v>0</v>
      </c>
      <c r="W20" s="258">
        <v>43</v>
      </c>
      <c r="X20" s="263">
        <v>43</v>
      </c>
    </row>
    <row r="21" spans="2:24" ht="21" customHeight="1" x14ac:dyDescent="0.2">
      <c r="B21" s="472" t="s">
        <v>19</v>
      </c>
      <c r="C21" s="261">
        <v>0</v>
      </c>
      <c r="D21" s="261">
        <v>0</v>
      </c>
      <c r="E21" s="258">
        <v>0</v>
      </c>
      <c r="F21" s="260">
        <v>0</v>
      </c>
      <c r="G21" s="261">
        <v>57</v>
      </c>
      <c r="H21" s="261">
        <v>55</v>
      </c>
      <c r="I21" s="261">
        <v>12</v>
      </c>
      <c r="J21" s="261">
        <v>31</v>
      </c>
      <c r="K21" s="261">
        <v>0</v>
      </c>
      <c r="L21" s="258">
        <v>155</v>
      </c>
      <c r="M21" s="263">
        <v>155</v>
      </c>
      <c r="N21" s="261">
        <v>0</v>
      </c>
      <c r="O21" s="261">
        <v>0</v>
      </c>
      <c r="P21" s="258">
        <v>0</v>
      </c>
      <c r="Q21" s="260">
        <v>0</v>
      </c>
      <c r="R21" s="261">
        <v>4</v>
      </c>
      <c r="S21" s="261">
        <v>12</v>
      </c>
      <c r="T21" s="261">
        <v>0</v>
      </c>
      <c r="U21" s="261">
        <v>0</v>
      </c>
      <c r="V21" s="261">
        <v>0</v>
      </c>
      <c r="W21" s="258">
        <v>16</v>
      </c>
      <c r="X21" s="263">
        <v>16</v>
      </c>
    </row>
    <row r="22" spans="2:24" ht="21" customHeight="1" x14ac:dyDescent="0.2">
      <c r="B22" s="472" t="s">
        <v>20</v>
      </c>
      <c r="C22" s="261">
        <v>0</v>
      </c>
      <c r="D22" s="261">
        <v>0</v>
      </c>
      <c r="E22" s="258">
        <v>0</v>
      </c>
      <c r="F22" s="260">
        <v>0</v>
      </c>
      <c r="G22" s="261">
        <v>28</v>
      </c>
      <c r="H22" s="261">
        <v>38</v>
      </c>
      <c r="I22" s="261">
        <v>13</v>
      </c>
      <c r="J22" s="261">
        <v>0</v>
      </c>
      <c r="K22" s="261">
        <v>0</v>
      </c>
      <c r="L22" s="258">
        <v>79</v>
      </c>
      <c r="M22" s="263">
        <v>79</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75</v>
      </c>
      <c r="H23" s="261">
        <v>25</v>
      </c>
      <c r="I23" s="261">
        <v>12</v>
      </c>
      <c r="J23" s="261">
        <v>13</v>
      </c>
      <c r="K23" s="261">
        <v>0</v>
      </c>
      <c r="L23" s="258">
        <v>125</v>
      </c>
      <c r="M23" s="263">
        <v>125</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70</v>
      </c>
      <c r="H24" s="261">
        <v>69</v>
      </c>
      <c r="I24" s="261">
        <v>30</v>
      </c>
      <c r="J24" s="261">
        <v>0</v>
      </c>
      <c r="K24" s="261">
        <v>0</v>
      </c>
      <c r="L24" s="258">
        <v>169</v>
      </c>
      <c r="M24" s="263">
        <v>169</v>
      </c>
      <c r="N24" s="261">
        <v>0</v>
      </c>
      <c r="O24" s="261">
        <v>0</v>
      </c>
      <c r="P24" s="258">
        <v>0</v>
      </c>
      <c r="Q24" s="260">
        <v>0</v>
      </c>
      <c r="R24" s="261">
        <v>0</v>
      </c>
      <c r="S24" s="261">
        <v>0</v>
      </c>
      <c r="T24" s="261">
        <v>8</v>
      </c>
      <c r="U24" s="261">
        <v>0</v>
      </c>
      <c r="V24" s="261">
        <v>0</v>
      </c>
      <c r="W24" s="258">
        <v>8</v>
      </c>
      <c r="X24" s="263">
        <v>8</v>
      </c>
    </row>
    <row r="25" spans="2:24" ht="21" customHeight="1" x14ac:dyDescent="0.2">
      <c r="B25" s="472" t="s">
        <v>23</v>
      </c>
      <c r="C25" s="261">
        <v>0</v>
      </c>
      <c r="D25" s="261">
        <v>0</v>
      </c>
      <c r="E25" s="258">
        <v>0</v>
      </c>
      <c r="F25" s="260">
        <v>0</v>
      </c>
      <c r="G25" s="261">
        <v>4</v>
      </c>
      <c r="H25" s="261">
        <v>8</v>
      </c>
      <c r="I25" s="261">
        <v>8</v>
      </c>
      <c r="J25" s="261">
        <v>0</v>
      </c>
      <c r="K25" s="261">
        <v>10</v>
      </c>
      <c r="L25" s="258">
        <v>30</v>
      </c>
      <c r="M25" s="263">
        <v>30</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1</v>
      </c>
      <c r="H26" s="261">
        <v>0</v>
      </c>
      <c r="I26" s="261">
        <v>0</v>
      </c>
      <c r="J26" s="261">
        <v>13</v>
      </c>
      <c r="K26" s="261">
        <v>0</v>
      </c>
      <c r="L26" s="258">
        <v>14</v>
      </c>
      <c r="M26" s="263">
        <v>14</v>
      </c>
      <c r="N26" s="261">
        <v>0</v>
      </c>
      <c r="O26" s="261">
        <v>0</v>
      </c>
      <c r="P26" s="258">
        <v>0</v>
      </c>
      <c r="Q26" s="260">
        <v>0</v>
      </c>
      <c r="R26" s="261">
        <v>0</v>
      </c>
      <c r="S26" s="261">
        <v>4</v>
      </c>
      <c r="T26" s="261">
        <v>16</v>
      </c>
      <c r="U26" s="261">
        <v>0</v>
      </c>
      <c r="V26" s="261">
        <v>10</v>
      </c>
      <c r="W26" s="258">
        <v>30</v>
      </c>
      <c r="X26" s="263">
        <v>30</v>
      </c>
    </row>
    <row r="27" spans="2:24" ht="21" customHeight="1" x14ac:dyDescent="0.2">
      <c r="B27" s="472" t="s">
        <v>25</v>
      </c>
      <c r="C27" s="261">
        <v>0</v>
      </c>
      <c r="D27" s="261">
        <v>0</v>
      </c>
      <c r="E27" s="258">
        <v>0</v>
      </c>
      <c r="F27" s="260">
        <v>0</v>
      </c>
      <c r="G27" s="261">
        <v>22</v>
      </c>
      <c r="H27" s="261">
        <v>20</v>
      </c>
      <c r="I27" s="261">
        <v>0</v>
      </c>
      <c r="J27" s="261">
        <v>0</v>
      </c>
      <c r="K27" s="261">
        <v>0</v>
      </c>
      <c r="L27" s="258">
        <v>42</v>
      </c>
      <c r="M27" s="263">
        <v>42</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19</v>
      </c>
      <c r="H28" s="261">
        <v>18</v>
      </c>
      <c r="I28" s="261">
        <v>17</v>
      </c>
      <c r="J28" s="261">
        <v>0</v>
      </c>
      <c r="K28" s="261">
        <v>4</v>
      </c>
      <c r="L28" s="258">
        <v>58</v>
      </c>
      <c r="M28" s="263">
        <v>58</v>
      </c>
      <c r="N28" s="261">
        <v>0</v>
      </c>
      <c r="O28" s="261">
        <v>0</v>
      </c>
      <c r="P28" s="258">
        <v>0</v>
      </c>
      <c r="Q28" s="260">
        <v>0</v>
      </c>
      <c r="R28" s="261">
        <v>0</v>
      </c>
      <c r="S28" s="261">
        <v>0</v>
      </c>
      <c r="T28" s="261">
        <v>0</v>
      </c>
      <c r="U28" s="261">
        <v>0</v>
      </c>
      <c r="V28" s="261">
        <v>0</v>
      </c>
      <c r="W28" s="258">
        <v>0</v>
      </c>
      <c r="X28" s="263">
        <v>0</v>
      </c>
    </row>
    <row r="29" spans="2:24" ht="21" customHeight="1" x14ac:dyDescent="0.2">
      <c r="B29" s="472" t="s">
        <v>27</v>
      </c>
      <c r="C29" s="261">
        <v>0</v>
      </c>
      <c r="D29" s="261">
        <v>0</v>
      </c>
      <c r="E29" s="258">
        <v>0</v>
      </c>
      <c r="F29" s="260">
        <v>0</v>
      </c>
      <c r="G29" s="261">
        <v>27</v>
      </c>
      <c r="H29" s="261">
        <v>7</v>
      </c>
      <c r="I29" s="261">
        <v>0</v>
      </c>
      <c r="J29" s="261">
        <v>0</v>
      </c>
      <c r="K29" s="261">
        <v>0</v>
      </c>
      <c r="L29" s="258">
        <v>34</v>
      </c>
      <c r="M29" s="263">
        <v>34</v>
      </c>
      <c r="N29" s="261">
        <v>0</v>
      </c>
      <c r="O29" s="261">
        <v>0</v>
      </c>
      <c r="P29" s="258">
        <v>0</v>
      </c>
      <c r="Q29" s="260">
        <v>0</v>
      </c>
      <c r="R29" s="261">
        <v>0</v>
      </c>
      <c r="S29" s="261">
        <v>4</v>
      </c>
      <c r="T29" s="261">
        <v>9</v>
      </c>
      <c r="U29" s="261">
        <v>0</v>
      </c>
      <c r="V29" s="261">
        <v>0</v>
      </c>
      <c r="W29" s="258">
        <v>13</v>
      </c>
      <c r="X29" s="263">
        <v>13</v>
      </c>
    </row>
    <row r="30" spans="2:24" ht="21" customHeight="1" x14ac:dyDescent="0.2">
      <c r="B30" s="472" t="s">
        <v>28</v>
      </c>
      <c r="C30" s="261">
        <v>0</v>
      </c>
      <c r="D30" s="261">
        <v>0</v>
      </c>
      <c r="E30" s="258">
        <v>0</v>
      </c>
      <c r="F30" s="260">
        <v>0</v>
      </c>
      <c r="G30" s="261">
        <v>26</v>
      </c>
      <c r="H30" s="261">
        <v>4</v>
      </c>
      <c r="I30" s="261">
        <v>0</v>
      </c>
      <c r="J30" s="261">
        <v>0</v>
      </c>
      <c r="K30" s="261">
        <v>0</v>
      </c>
      <c r="L30" s="258">
        <v>30</v>
      </c>
      <c r="M30" s="263">
        <v>30</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10</v>
      </c>
      <c r="H31" s="261">
        <v>0</v>
      </c>
      <c r="I31" s="261">
        <v>0</v>
      </c>
      <c r="J31" s="261">
        <v>5</v>
      </c>
      <c r="K31" s="261">
        <v>0</v>
      </c>
      <c r="L31" s="258">
        <v>15</v>
      </c>
      <c r="M31" s="263">
        <v>15</v>
      </c>
      <c r="N31" s="261">
        <v>0</v>
      </c>
      <c r="O31" s="261">
        <v>0</v>
      </c>
      <c r="P31" s="258">
        <v>0</v>
      </c>
      <c r="Q31" s="260">
        <v>0</v>
      </c>
      <c r="R31" s="261">
        <v>0</v>
      </c>
      <c r="S31" s="261">
        <v>0</v>
      </c>
      <c r="T31" s="261">
        <v>0</v>
      </c>
      <c r="U31" s="261">
        <v>0</v>
      </c>
      <c r="V31" s="261">
        <v>0</v>
      </c>
      <c r="W31" s="258">
        <v>0</v>
      </c>
      <c r="X31" s="263">
        <v>0</v>
      </c>
    </row>
    <row r="32" spans="2:24" ht="21" customHeight="1" x14ac:dyDescent="0.2">
      <c r="B32" s="472" t="s">
        <v>30</v>
      </c>
      <c r="C32" s="261">
        <v>0</v>
      </c>
      <c r="D32" s="261">
        <v>0</v>
      </c>
      <c r="E32" s="258">
        <v>0</v>
      </c>
      <c r="F32" s="260">
        <v>0</v>
      </c>
      <c r="G32" s="261">
        <v>12</v>
      </c>
      <c r="H32" s="261">
        <v>0</v>
      </c>
      <c r="I32" s="261">
        <v>0</v>
      </c>
      <c r="J32" s="261">
        <v>0</v>
      </c>
      <c r="K32" s="261">
        <v>0</v>
      </c>
      <c r="L32" s="258">
        <v>12</v>
      </c>
      <c r="M32" s="263">
        <v>12</v>
      </c>
      <c r="N32" s="261">
        <v>0</v>
      </c>
      <c r="O32" s="261">
        <v>0</v>
      </c>
      <c r="P32" s="258">
        <v>0</v>
      </c>
      <c r="Q32" s="260">
        <v>0</v>
      </c>
      <c r="R32" s="261">
        <v>0</v>
      </c>
      <c r="S32" s="261">
        <v>4</v>
      </c>
      <c r="T32" s="261">
        <v>0</v>
      </c>
      <c r="U32" s="261">
        <v>0</v>
      </c>
      <c r="V32" s="261">
        <v>0</v>
      </c>
      <c r="W32" s="258">
        <v>4</v>
      </c>
      <c r="X32" s="263">
        <v>4</v>
      </c>
    </row>
    <row r="33" spans="2:24" ht="21" customHeight="1" x14ac:dyDescent="0.2">
      <c r="B33" s="472" t="s">
        <v>31</v>
      </c>
      <c r="C33" s="261">
        <v>0</v>
      </c>
      <c r="D33" s="261">
        <v>0</v>
      </c>
      <c r="E33" s="258">
        <v>0</v>
      </c>
      <c r="F33" s="260">
        <v>0</v>
      </c>
      <c r="G33" s="261">
        <v>14</v>
      </c>
      <c r="H33" s="261">
        <v>2</v>
      </c>
      <c r="I33" s="261">
        <v>9</v>
      </c>
      <c r="J33" s="261">
        <v>18</v>
      </c>
      <c r="K33" s="261">
        <v>0</v>
      </c>
      <c r="L33" s="258">
        <v>43</v>
      </c>
      <c r="M33" s="263">
        <v>43</v>
      </c>
      <c r="N33" s="261">
        <v>0</v>
      </c>
      <c r="O33" s="261">
        <v>0</v>
      </c>
      <c r="P33" s="258">
        <v>0</v>
      </c>
      <c r="Q33" s="260">
        <v>0</v>
      </c>
      <c r="R33" s="261">
        <v>0</v>
      </c>
      <c r="S33" s="261">
        <v>0</v>
      </c>
      <c r="T33" s="261">
        <v>0</v>
      </c>
      <c r="U33" s="261">
        <v>0</v>
      </c>
      <c r="V33" s="261">
        <v>0</v>
      </c>
      <c r="W33" s="258">
        <v>0</v>
      </c>
      <c r="X33" s="263">
        <v>0</v>
      </c>
    </row>
    <row r="34" spans="2:24" ht="21" customHeight="1" x14ac:dyDescent="0.2">
      <c r="B34" s="472" t="s">
        <v>32</v>
      </c>
      <c r="C34" s="261">
        <v>0</v>
      </c>
      <c r="D34" s="261">
        <v>0</v>
      </c>
      <c r="E34" s="258">
        <v>0</v>
      </c>
      <c r="F34" s="260">
        <v>0</v>
      </c>
      <c r="G34" s="261">
        <v>0</v>
      </c>
      <c r="H34" s="261">
        <v>0</v>
      </c>
      <c r="I34" s="261">
        <v>5</v>
      </c>
      <c r="J34" s="261">
        <v>0</v>
      </c>
      <c r="K34" s="261">
        <v>0</v>
      </c>
      <c r="L34" s="258">
        <v>5</v>
      </c>
      <c r="M34" s="263">
        <v>5</v>
      </c>
      <c r="N34" s="261">
        <v>0</v>
      </c>
      <c r="O34" s="261">
        <v>0</v>
      </c>
      <c r="P34" s="258">
        <v>0</v>
      </c>
      <c r="Q34" s="260">
        <v>0</v>
      </c>
      <c r="R34" s="261">
        <v>14</v>
      </c>
      <c r="S34" s="261">
        <v>0</v>
      </c>
      <c r="T34" s="261">
        <v>0</v>
      </c>
      <c r="U34" s="261">
        <v>0</v>
      </c>
      <c r="V34" s="261">
        <v>0</v>
      </c>
      <c r="W34" s="258">
        <v>14</v>
      </c>
      <c r="X34" s="263">
        <v>14</v>
      </c>
    </row>
    <row r="35" spans="2:24" ht="21" customHeight="1" x14ac:dyDescent="0.2">
      <c r="B35" s="472" t="s">
        <v>33</v>
      </c>
      <c r="C35" s="261">
        <v>0</v>
      </c>
      <c r="D35" s="261">
        <v>0</v>
      </c>
      <c r="E35" s="258">
        <v>0</v>
      </c>
      <c r="F35" s="260">
        <v>0</v>
      </c>
      <c r="G35" s="261">
        <v>8</v>
      </c>
      <c r="H35" s="261">
        <v>0</v>
      </c>
      <c r="I35" s="261">
        <v>7</v>
      </c>
      <c r="J35" s="261">
        <v>8</v>
      </c>
      <c r="K35" s="261">
        <v>0</v>
      </c>
      <c r="L35" s="258">
        <v>23</v>
      </c>
      <c r="M35" s="263">
        <v>23</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0</v>
      </c>
      <c r="H36" s="261">
        <v>0</v>
      </c>
      <c r="I36" s="261">
        <v>0</v>
      </c>
      <c r="J36" s="261">
        <v>0</v>
      </c>
      <c r="K36" s="261">
        <v>0</v>
      </c>
      <c r="L36" s="258">
        <v>0</v>
      </c>
      <c r="M36" s="263">
        <v>0</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8</v>
      </c>
      <c r="H38" s="261">
        <v>0</v>
      </c>
      <c r="I38" s="261">
        <v>0</v>
      </c>
      <c r="J38" s="261">
        <v>0</v>
      </c>
      <c r="K38" s="261">
        <v>0</v>
      </c>
      <c r="L38" s="258">
        <v>8</v>
      </c>
      <c r="M38" s="263">
        <v>8</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15</v>
      </c>
      <c r="L39" s="265">
        <v>15</v>
      </c>
      <c r="M39" s="270">
        <v>15</v>
      </c>
      <c r="N39" s="268">
        <v>0</v>
      </c>
      <c r="O39" s="268">
        <v>0</v>
      </c>
      <c r="P39" s="265">
        <v>0</v>
      </c>
      <c r="Q39" s="267">
        <v>0</v>
      </c>
      <c r="R39" s="268">
        <v>0</v>
      </c>
      <c r="S39" s="268">
        <v>0</v>
      </c>
      <c r="T39" s="268">
        <v>0</v>
      </c>
      <c r="U39" s="268">
        <v>0</v>
      </c>
      <c r="V39" s="268">
        <v>0</v>
      </c>
      <c r="W39" s="265">
        <v>0</v>
      </c>
      <c r="X39" s="270">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9" style="1" customWidth="1"/>
    <col min="4" max="4" width="8.109375" style="1" customWidth="1"/>
    <col min="5" max="5" width="10.109375" style="1" bestFit="1" customWidth="1"/>
    <col min="6" max="6" width="9" style="1"/>
    <col min="7" max="8" width="9" style="1" customWidth="1"/>
    <col min="9"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15" t="s">
        <v>56</v>
      </c>
      <c r="F1" s="500">
        <f>第１表!F2</f>
        <v>5</v>
      </c>
      <c r="G1" s="500"/>
      <c r="H1" s="235">
        <f>第１表!G2</f>
        <v>11</v>
      </c>
      <c r="I1" s="531">
        <f>IF(H1&lt;3,H1-2+12,H1-2)</f>
        <v>9</v>
      </c>
      <c r="J1" s="531"/>
    </row>
    <row r="2" spans="2:133" ht="24" customHeight="1" thickBot="1" x14ac:dyDescent="0.25"/>
    <row r="3" spans="2:133" ht="21" customHeight="1" thickBot="1" x14ac:dyDescent="0.25">
      <c r="B3" s="549"/>
      <c r="C3" s="552" t="s">
        <v>57</v>
      </c>
      <c r="D3" s="553"/>
      <c r="E3" s="553"/>
      <c r="F3" s="553"/>
      <c r="G3" s="553"/>
      <c r="H3" s="553"/>
      <c r="I3" s="553"/>
      <c r="J3" s="553"/>
      <c r="K3" s="553"/>
      <c r="L3" s="553"/>
      <c r="M3" s="553"/>
      <c r="N3" s="553"/>
      <c r="O3" s="553"/>
      <c r="P3" s="553"/>
      <c r="Q3" s="553"/>
      <c r="R3" s="553"/>
      <c r="S3" s="553"/>
      <c r="T3" s="553"/>
      <c r="U3" s="553"/>
      <c r="V3" s="553"/>
      <c r="W3" s="553"/>
      <c r="X3" s="553"/>
      <c r="Y3" s="553"/>
      <c r="Z3" s="553"/>
      <c r="AA3" s="553"/>
      <c r="AB3" s="553"/>
      <c r="AC3" s="553"/>
      <c r="AD3" s="553"/>
      <c r="AE3" s="553"/>
      <c r="AF3" s="554"/>
      <c r="AG3" s="552" t="s">
        <v>58</v>
      </c>
      <c r="AH3" s="555"/>
      <c r="AI3" s="555"/>
      <c r="AJ3" s="555"/>
      <c r="AK3" s="555"/>
      <c r="AL3" s="555"/>
      <c r="AM3" s="555"/>
      <c r="AN3" s="555"/>
      <c r="AO3" s="555"/>
      <c r="AP3" s="555"/>
      <c r="AQ3" s="555"/>
      <c r="AR3" s="555"/>
      <c r="AS3" s="555"/>
      <c r="AT3" s="555"/>
      <c r="AU3" s="555"/>
      <c r="AV3" s="555"/>
      <c r="AW3" s="555"/>
      <c r="AX3" s="555"/>
      <c r="AY3" s="555"/>
      <c r="AZ3" s="555"/>
      <c r="BA3" s="555"/>
      <c r="BB3" s="555"/>
      <c r="BC3" s="555"/>
      <c r="BD3" s="555"/>
      <c r="BE3" s="555"/>
      <c r="BF3" s="555"/>
      <c r="BG3" s="555"/>
      <c r="BH3" s="555"/>
      <c r="BI3" s="555"/>
      <c r="BJ3" s="556"/>
      <c r="BK3" s="552" t="s">
        <v>59</v>
      </c>
      <c r="BL3" s="553"/>
      <c r="BM3" s="553"/>
      <c r="BN3" s="553"/>
      <c r="BO3" s="553"/>
      <c r="BP3" s="553"/>
      <c r="BQ3" s="553"/>
      <c r="BR3" s="553"/>
      <c r="BS3" s="553"/>
      <c r="BT3" s="553"/>
      <c r="BU3" s="553"/>
      <c r="BV3" s="553"/>
      <c r="BW3" s="553"/>
      <c r="BX3" s="553"/>
      <c r="BY3" s="553"/>
      <c r="BZ3" s="553"/>
      <c r="CA3" s="553"/>
      <c r="CB3" s="553"/>
      <c r="CC3" s="553"/>
      <c r="CD3" s="553"/>
      <c r="CE3" s="553"/>
      <c r="CF3" s="553"/>
      <c r="CG3" s="553"/>
      <c r="CH3" s="553"/>
      <c r="CI3" s="553"/>
      <c r="CJ3" s="553"/>
      <c r="CK3" s="553"/>
      <c r="CL3" s="553"/>
      <c r="CM3" s="553"/>
      <c r="CN3" s="554"/>
      <c r="CO3" s="581" t="s">
        <v>150</v>
      </c>
      <c r="CP3" s="553"/>
      <c r="CQ3" s="553"/>
      <c r="CR3" s="553"/>
      <c r="CS3" s="553"/>
      <c r="CT3" s="553"/>
      <c r="CU3" s="553"/>
      <c r="CV3" s="553"/>
      <c r="CW3" s="553"/>
      <c r="CX3" s="553"/>
      <c r="CY3" s="553"/>
      <c r="CZ3" s="553"/>
      <c r="DA3" s="553"/>
      <c r="DB3" s="553"/>
      <c r="DC3" s="553"/>
      <c r="DD3" s="553"/>
      <c r="DE3" s="553"/>
      <c r="DF3" s="553"/>
      <c r="DG3" s="553"/>
      <c r="DH3" s="553"/>
      <c r="DI3" s="553"/>
      <c r="DJ3" s="553"/>
      <c r="DK3" s="553"/>
      <c r="DL3" s="553"/>
      <c r="DM3" s="553"/>
      <c r="DN3" s="553"/>
      <c r="DO3" s="553"/>
      <c r="DP3" s="553"/>
      <c r="DQ3" s="553"/>
      <c r="DR3" s="554"/>
      <c r="DS3" s="575" t="s">
        <v>60</v>
      </c>
      <c r="DT3" s="480"/>
      <c r="DU3" s="480"/>
      <c r="DV3" s="480"/>
      <c r="DW3" s="480"/>
      <c r="DX3" s="480"/>
      <c r="DY3" s="480"/>
      <c r="DZ3" s="480"/>
      <c r="EA3" s="480"/>
      <c r="EB3" s="481"/>
    </row>
    <row r="4" spans="2:133" ht="21" customHeight="1" thickBot="1" x14ac:dyDescent="0.25">
      <c r="B4" s="550"/>
      <c r="C4" s="576"/>
      <c r="D4" s="569"/>
      <c r="E4" s="569"/>
      <c r="F4" s="569"/>
      <c r="G4" s="569"/>
      <c r="H4" s="569"/>
      <c r="I4" s="569"/>
      <c r="J4" s="569"/>
      <c r="K4" s="569"/>
      <c r="L4" s="569"/>
      <c r="M4" s="578" t="s">
        <v>39</v>
      </c>
      <c r="N4" s="579"/>
      <c r="O4" s="579"/>
      <c r="P4" s="579"/>
      <c r="Q4" s="579"/>
      <c r="R4" s="579"/>
      <c r="S4" s="579"/>
      <c r="T4" s="579"/>
      <c r="U4" s="579"/>
      <c r="V4" s="580"/>
      <c r="W4" s="578" t="s">
        <v>40</v>
      </c>
      <c r="X4" s="579"/>
      <c r="Y4" s="579"/>
      <c r="Z4" s="579"/>
      <c r="AA4" s="579"/>
      <c r="AB4" s="579"/>
      <c r="AC4" s="579"/>
      <c r="AD4" s="579"/>
      <c r="AE4" s="579"/>
      <c r="AF4" s="580"/>
      <c r="AG4" s="576"/>
      <c r="AH4" s="569"/>
      <c r="AI4" s="569"/>
      <c r="AJ4" s="569"/>
      <c r="AK4" s="569"/>
      <c r="AL4" s="569"/>
      <c r="AM4" s="569"/>
      <c r="AN4" s="569"/>
      <c r="AO4" s="569"/>
      <c r="AP4" s="569"/>
      <c r="AQ4" s="578" t="s">
        <v>39</v>
      </c>
      <c r="AR4" s="579"/>
      <c r="AS4" s="579"/>
      <c r="AT4" s="579"/>
      <c r="AU4" s="579"/>
      <c r="AV4" s="579"/>
      <c r="AW4" s="579"/>
      <c r="AX4" s="579"/>
      <c r="AY4" s="579"/>
      <c r="AZ4" s="580"/>
      <c r="BA4" s="578" t="s">
        <v>40</v>
      </c>
      <c r="BB4" s="579"/>
      <c r="BC4" s="579"/>
      <c r="BD4" s="579"/>
      <c r="BE4" s="579"/>
      <c r="BF4" s="579"/>
      <c r="BG4" s="579"/>
      <c r="BH4" s="579"/>
      <c r="BI4" s="579"/>
      <c r="BJ4" s="580"/>
      <c r="BK4" s="576"/>
      <c r="BL4" s="569"/>
      <c r="BM4" s="569"/>
      <c r="BN4" s="569"/>
      <c r="BO4" s="569"/>
      <c r="BP4" s="569"/>
      <c r="BQ4" s="569"/>
      <c r="BR4" s="569"/>
      <c r="BS4" s="569"/>
      <c r="BT4" s="569"/>
      <c r="BU4" s="578" t="s">
        <v>39</v>
      </c>
      <c r="BV4" s="579"/>
      <c r="BW4" s="579"/>
      <c r="BX4" s="579"/>
      <c r="BY4" s="579"/>
      <c r="BZ4" s="579"/>
      <c r="CA4" s="579"/>
      <c r="CB4" s="579"/>
      <c r="CC4" s="579"/>
      <c r="CD4" s="580"/>
      <c r="CE4" s="578" t="s">
        <v>40</v>
      </c>
      <c r="CF4" s="579"/>
      <c r="CG4" s="579"/>
      <c r="CH4" s="579"/>
      <c r="CI4" s="579"/>
      <c r="CJ4" s="579"/>
      <c r="CK4" s="579"/>
      <c r="CL4" s="579"/>
      <c r="CM4" s="579"/>
      <c r="CN4" s="580"/>
      <c r="CO4" s="576"/>
      <c r="CP4" s="569"/>
      <c r="CQ4" s="569"/>
      <c r="CR4" s="569"/>
      <c r="CS4" s="569"/>
      <c r="CT4" s="569"/>
      <c r="CU4" s="569"/>
      <c r="CV4" s="569"/>
      <c r="CW4" s="569"/>
      <c r="CX4" s="569"/>
      <c r="CY4" s="578" t="s">
        <v>39</v>
      </c>
      <c r="CZ4" s="579"/>
      <c r="DA4" s="579"/>
      <c r="DB4" s="579"/>
      <c r="DC4" s="579"/>
      <c r="DD4" s="579"/>
      <c r="DE4" s="579"/>
      <c r="DF4" s="579"/>
      <c r="DG4" s="579"/>
      <c r="DH4" s="580"/>
      <c r="DI4" s="578" t="s">
        <v>40</v>
      </c>
      <c r="DJ4" s="579"/>
      <c r="DK4" s="579"/>
      <c r="DL4" s="579"/>
      <c r="DM4" s="579"/>
      <c r="DN4" s="579"/>
      <c r="DO4" s="579"/>
      <c r="DP4" s="579"/>
      <c r="DQ4" s="579"/>
      <c r="DR4" s="580"/>
      <c r="DS4" s="576"/>
      <c r="DT4" s="569"/>
      <c r="DU4" s="569"/>
      <c r="DV4" s="569"/>
      <c r="DW4" s="569"/>
      <c r="DX4" s="569"/>
      <c r="DY4" s="569"/>
      <c r="DZ4" s="569"/>
      <c r="EA4" s="569"/>
      <c r="EB4" s="577"/>
    </row>
    <row r="5" spans="2:133" ht="21" customHeight="1" x14ac:dyDescent="0.2">
      <c r="B5" s="551"/>
      <c r="C5" s="557" t="s">
        <v>61</v>
      </c>
      <c r="D5" s="558"/>
      <c r="E5" s="559"/>
      <c r="F5" s="560" t="s">
        <v>62</v>
      </c>
      <c r="G5" s="561"/>
      <c r="H5" s="561"/>
      <c r="I5" s="561"/>
      <c r="J5" s="561"/>
      <c r="K5" s="562"/>
      <c r="L5" s="573" t="s">
        <v>52</v>
      </c>
      <c r="M5" s="565" t="s">
        <v>61</v>
      </c>
      <c r="N5" s="566"/>
      <c r="O5" s="567"/>
      <c r="P5" s="568" t="s">
        <v>62</v>
      </c>
      <c r="Q5" s="569"/>
      <c r="R5" s="569"/>
      <c r="S5" s="569"/>
      <c r="T5" s="569"/>
      <c r="U5" s="570"/>
      <c r="V5" s="574" t="s">
        <v>52</v>
      </c>
      <c r="W5" s="582" t="s">
        <v>61</v>
      </c>
      <c r="X5" s="566"/>
      <c r="Y5" s="567"/>
      <c r="Z5" s="568" t="s">
        <v>62</v>
      </c>
      <c r="AA5" s="569"/>
      <c r="AB5" s="569"/>
      <c r="AC5" s="569"/>
      <c r="AD5" s="569"/>
      <c r="AE5" s="570"/>
      <c r="AF5" s="574" t="s">
        <v>52</v>
      </c>
      <c r="AG5" s="557" t="s">
        <v>61</v>
      </c>
      <c r="AH5" s="558"/>
      <c r="AI5" s="559"/>
      <c r="AJ5" s="560" t="s">
        <v>62</v>
      </c>
      <c r="AK5" s="561"/>
      <c r="AL5" s="561"/>
      <c r="AM5" s="561"/>
      <c r="AN5" s="561"/>
      <c r="AO5" s="562"/>
      <c r="AP5" s="563" t="s">
        <v>52</v>
      </c>
      <c r="AQ5" s="565" t="s">
        <v>61</v>
      </c>
      <c r="AR5" s="566"/>
      <c r="AS5" s="567"/>
      <c r="AT5" s="568" t="s">
        <v>62</v>
      </c>
      <c r="AU5" s="569"/>
      <c r="AV5" s="569"/>
      <c r="AW5" s="569"/>
      <c r="AX5" s="569"/>
      <c r="AY5" s="570"/>
      <c r="AZ5" s="571" t="s">
        <v>52</v>
      </c>
      <c r="BA5" s="565" t="s">
        <v>61</v>
      </c>
      <c r="BB5" s="566"/>
      <c r="BC5" s="567"/>
      <c r="BD5" s="568" t="s">
        <v>62</v>
      </c>
      <c r="BE5" s="569"/>
      <c r="BF5" s="569"/>
      <c r="BG5" s="569"/>
      <c r="BH5" s="569"/>
      <c r="BI5" s="570"/>
      <c r="BJ5" s="574" t="s">
        <v>52</v>
      </c>
      <c r="BK5" s="557" t="s">
        <v>61</v>
      </c>
      <c r="BL5" s="558"/>
      <c r="BM5" s="559"/>
      <c r="BN5" s="560" t="s">
        <v>62</v>
      </c>
      <c r="BO5" s="561"/>
      <c r="BP5" s="561"/>
      <c r="BQ5" s="561"/>
      <c r="BR5" s="561"/>
      <c r="BS5" s="562"/>
      <c r="BT5" s="573" t="s">
        <v>52</v>
      </c>
      <c r="BU5" s="565" t="s">
        <v>61</v>
      </c>
      <c r="BV5" s="566"/>
      <c r="BW5" s="567"/>
      <c r="BX5" s="568" t="s">
        <v>62</v>
      </c>
      <c r="BY5" s="569"/>
      <c r="BZ5" s="569"/>
      <c r="CA5" s="569"/>
      <c r="CB5" s="569"/>
      <c r="CC5" s="570"/>
      <c r="CD5" s="574" t="s">
        <v>52</v>
      </c>
      <c r="CE5" s="582" t="s">
        <v>61</v>
      </c>
      <c r="CF5" s="566"/>
      <c r="CG5" s="567"/>
      <c r="CH5" s="568" t="s">
        <v>62</v>
      </c>
      <c r="CI5" s="569"/>
      <c r="CJ5" s="569"/>
      <c r="CK5" s="569"/>
      <c r="CL5" s="569"/>
      <c r="CM5" s="570"/>
      <c r="CN5" s="574" t="s">
        <v>52</v>
      </c>
      <c r="CO5" s="557" t="s">
        <v>61</v>
      </c>
      <c r="CP5" s="558"/>
      <c r="CQ5" s="559"/>
      <c r="CR5" s="560" t="s">
        <v>62</v>
      </c>
      <c r="CS5" s="561"/>
      <c r="CT5" s="561"/>
      <c r="CU5" s="561"/>
      <c r="CV5" s="561"/>
      <c r="CW5" s="562"/>
      <c r="CX5" s="573" t="s">
        <v>52</v>
      </c>
      <c r="CY5" s="565" t="s">
        <v>61</v>
      </c>
      <c r="CZ5" s="566"/>
      <c r="DA5" s="567"/>
      <c r="DB5" s="568" t="s">
        <v>62</v>
      </c>
      <c r="DC5" s="569"/>
      <c r="DD5" s="569"/>
      <c r="DE5" s="569"/>
      <c r="DF5" s="569"/>
      <c r="DG5" s="570"/>
      <c r="DH5" s="574" t="s">
        <v>52</v>
      </c>
      <c r="DI5" s="582" t="s">
        <v>61</v>
      </c>
      <c r="DJ5" s="566"/>
      <c r="DK5" s="567"/>
      <c r="DL5" s="568" t="s">
        <v>62</v>
      </c>
      <c r="DM5" s="569"/>
      <c r="DN5" s="569"/>
      <c r="DO5" s="569"/>
      <c r="DP5" s="569"/>
      <c r="DQ5" s="570"/>
      <c r="DR5" s="574" t="s">
        <v>52</v>
      </c>
      <c r="DS5" s="557" t="s">
        <v>61</v>
      </c>
      <c r="DT5" s="558"/>
      <c r="DU5" s="559"/>
      <c r="DV5" s="560" t="s">
        <v>62</v>
      </c>
      <c r="DW5" s="561"/>
      <c r="DX5" s="561"/>
      <c r="DY5" s="561"/>
      <c r="DZ5" s="561"/>
      <c r="EA5" s="562"/>
      <c r="EB5" s="563" t="s">
        <v>52</v>
      </c>
    </row>
    <row r="6" spans="2:133" ht="30" customHeight="1" thickBot="1" x14ac:dyDescent="0.25">
      <c r="B6" s="291" t="s">
        <v>42</v>
      </c>
      <c r="C6" s="26" t="s">
        <v>43</v>
      </c>
      <c r="D6" s="27" t="s">
        <v>44</v>
      </c>
      <c r="E6" s="27" t="s">
        <v>45</v>
      </c>
      <c r="F6" s="28" t="s">
        <v>47</v>
      </c>
      <c r="G6" s="29" t="s">
        <v>48</v>
      </c>
      <c r="H6" s="29" t="s">
        <v>49</v>
      </c>
      <c r="I6" s="30" t="s">
        <v>50</v>
      </c>
      <c r="J6" s="27" t="s">
        <v>51</v>
      </c>
      <c r="K6" s="31" t="s">
        <v>95</v>
      </c>
      <c r="L6" s="572"/>
      <c r="M6" s="26" t="s">
        <v>43</v>
      </c>
      <c r="N6" s="27" t="s">
        <v>44</v>
      </c>
      <c r="O6" s="31" t="s">
        <v>45</v>
      </c>
      <c r="P6" s="28" t="s">
        <v>47</v>
      </c>
      <c r="Q6" s="29" t="s">
        <v>48</v>
      </c>
      <c r="R6" s="29" t="s">
        <v>49</v>
      </c>
      <c r="S6" s="30" t="s">
        <v>50</v>
      </c>
      <c r="T6" s="27" t="s">
        <v>51</v>
      </c>
      <c r="U6" s="31" t="s">
        <v>45</v>
      </c>
      <c r="V6" s="564"/>
      <c r="W6" s="12" t="s">
        <v>43</v>
      </c>
      <c r="X6" s="27" t="s">
        <v>44</v>
      </c>
      <c r="Y6" s="31" t="s">
        <v>45</v>
      </c>
      <c r="Z6" s="12" t="s">
        <v>47</v>
      </c>
      <c r="AA6" s="29" t="s">
        <v>48</v>
      </c>
      <c r="AB6" s="29" t="s">
        <v>49</v>
      </c>
      <c r="AC6" s="30" t="s">
        <v>50</v>
      </c>
      <c r="AD6" s="27" t="s">
        <v>51</v>
      </c>
      <c r="AE6" s="31" t="s">
        <v>45</v>
      </c>
      <c r="AF6" s="564"/>
      <c r="AG6" s="26" t="s">
        <v>43</v>
      </c>
      <c r="AH6" s="27" t="s">
        <v>44</v>
      </c>
      <c r="AI6" s="31" t="s">
        <v>45</v>
      </c>
      <c r="AJ6" s="12" t="s">
        <v>47</v>
      </c>
      <c r="AK6" s="29" t="s">
        <v>48</v>
      </c>
      <c r="AL6" s="29" t="s">
        <v>49</v>
      </c>
      <c r="AM6" s="30" t="s">
        <v>50</v>
      </c>
      <c r="AN6" s="27" t="s">
        <v>51</v>
      </c>
      <c r="AO6" s="31" t="s">
        <v>45</v>
      </c>
      <c r="AP6" s="564"/>
      <c r="AQ6" s="26" t="s">
        <v>43</v>
      </c>
      <c r="AR6" s="27" t="s">
        <v>44</v>
      </c>
      <c r="AS6" s="31" t="s">
        <v>45</v>
      </c>
      <c r="AT6" s="28" t="s">
        <v>47</v>
      </c>
      <c r="AU6" s="29" t="s">
        <v>48</v>
      </c>
      <c r="AV6" s="29" t="s">
        <v>49</v>
      </c>
      <c r="AW6" s="30" t="s">
        <v>50</v>
      </c>
      <c r="AX6" s="27" t="s">
        <v>51</v>
      </c>
      <c r="AY6" s="31" t="s">
        <v>45</v>
      </c>
      <c r="AZ6" s="572"/>
      <c r="BA6" s="26" t="s">
        <v>43</v>
      </c>
      <c r="BB6" s="27" t="s">
        <v>44</v>
      </c>
      <c r="BC6" s="27" t="s">
        <v>45</v>
      </c>
      <c r="BD6" s="28" t="s">
        <v>47</v>
      </c>
      <c r="BE6" s="29" t="s">
        <v>48</v>
      </c>
      <c r="BF6" s="29" t="s">
        <v>49</v>
      </c>
      <c r="BG6" s="30" t="s">
        <v>50</v>
      </c>
      <c r="BH6" s="27" t="s">
        <v>51</v>
      </c>
      <c r="BI6" s="31" t="s">
        <v>45</v>
      </c>
      <c r="BJ6" s="564"/>
      <c r="BK6" s="26" t="s">
        <v>43</v>
      </c>
      <c r="BL6" s="27" t="s">
        <v>44</v>
      </c>
      <c r="BM6" s="27" t="s">
        <v>45</v>
      </c>
      <c r="BN6" s="28" t="s">
        <v>47</v>
      </c>
      <c r="BO6" s="29" t="s">
        <v>48</v>
      </c>
      <c r="BP6" s="29" t="s">
        <v>49</v>
      </c>
      <c r="BQ6" s="30" t="s">
        <v>50</v>
      </c>
      <c r="BR6" s="27" t="s">
        <v>51</v>
      </c>
      <c r="BS6" s="31" t="s">
        <v>45</v>
      </c>
      <c r="BT6" s="572"/>
      <c r="BU6" s="26" t="s">
        <v>43</v>
      </c>
      <c r="BV6" s="27" t="s">
        <v>44</v>
      </c>
      <c r="BW6" s="27" t="s">
        <v>45</v>
      </c>
      <c r="BX6" s="28" t="s">
        <v>47</v>
      </c>
      <c r="BY6" s="29" t="s">
        <v>48</v>
      </c>
      <c r="BZ6" s="29" t="s">
        <v>49</v>
      </c>
      <c r="CA6" s="30" t="s">
        <v>50</v>
      </c>
      <c r="CB6" s="27" t="s">
        <v>51</v>
      </c>
      <c r="CC6" s="31" t="s">
        <v>45</v>
      </c>
      <c r="CD6" s="564"/>
      <c r="CE6" s="12" t="s">
        <v>43</v>
      </c>
      <c r="CF6" s="27" t="s">
        <v>44</v>
      </c>
      <c r="CG6" s="27" t="s">
        <v>45</v>
      </c>
      <c r="CH6" s="28" t="s">
        <v>47</v>
      </c>
      <c r="CI6" s="29" t="s">
        <v>48</v>
      </c>
      <c r="CJ6" s="29" t="s">
        <v>49</v>
      </c>
      <c r="CK6" s="30" t="s">
        <v>50</v>
      </c>
      <c r="CL6" s="27" t="s">
        <v>51</v>
      </c>
      <c r="CM6" s="31" t="s">
        <v>45</v>
      </c>
      <c r="CN6" s="564"/>
      <c r="CO6" s="26" t="s">
        <v>43</v>
      </c>
      <c r="CP6" s="27" t="s">
        <v>44</v>
      </c>
      <c r="CQ6" s="27" t="s">
        <v>45</v>
      </c>
      <c r="CR6" s="28" t="s">
        <v>47</v>
      </c>
      <c r="CS6" s="29" t="s">
        <v>48</v>
      </c>
      <c r="CT6" s="29" t="s">
        <v>49</v>
      </c>
      <c r="CU6" s="30" t="s">
        <v>50</v>
      </c>
      <c r="CV6" s="27" t="s">
        <v>51</v>
      </c>
      <c r="CW6" s="31" t="s">
        <v>45</v>
      </c>
      <c r="CX6" s="572"/>
      <c r="CY6" s="26" t="s">
        <v>43</v>
      </c>
      <c r="CZ6" s="27" t="s">
        <v>44</v>
      </c>
      <c r="DA6" s="27" t="s">
        <v>45</v>
      </c>
      <c r="DB6" s="28" t="s">
        <v>47</v>
      </c>
      <c r="DC6" s="29" t="s">
        <v>48</v>
      </c>
      <c r="DD6" s="29" t="s">
        <v>49</v>
      </c>
      <c r="DE6" s="30" t="s">
        <v>50</v>
      </c>
      <c r="DF6" s="27" t="s">
        <v>51</v>
      </c>
      <c r="DG6" s="31" t="s">
        <v>45</v>
      </c>
      <c r="DH6" s="564"/>
      <c r="DI6" s="12" t="s">
        <v>43</v>
      </c>
      <c r="DJ6" s="27" t="s">
        <v>44</v>
      </c>
      <c r="DK6" s="27" t="s">
        <v>45</v>
      </c>
      <c r="DL6" s="28" t="s">
        <v>47</v>
      </c>
      <c r="DM6" s="29" t="s">
        <v>48</v>
      </c>
      <c r="DN6" s="29" t="s">
        <v>49</v>
      </c>
      <c r="DO6" s="30" t="s">
        <v>50</v>
      </c>
      <c r="DP6" s="27" t="s">
        <v>51</v>
      </c>
      <c r="DQ6" s="31" t="s">
        <v>45</v>
      </c>
      <c r="DR6" s="564"/>
      <c r="DS6" s="26" t="s">
        <v>43</v>
      </c>
      <c r="DT6" s="27" t="s">
        <v>44</v>
      </c>
      <c r="DU6" s="27" t="s">
        <v>45</v>
      </c>
      <c r="DV6" s="28" t="s">
        <v>47</v>
      </c>
      <c r="DW6" s="29" t="s">
        <v>48</v>
      </c>
      <c r="DX6" s="29" t="s">
        <v>49</v>
      </c>
      <c r="DY6" s="30" t="s">
        <v>50</v>
      </c>
      <c r="DZ6" s="27" t="s">
        <v>51</v>
      </c>
      <c r="EA6" s="31" t="s">
        <v>45</v>
      </c>
      <c r="EB6" s="564"/>
    </row>
    <row r="7" spans="2:133" ht="21" customHeight="1" x14ac:dyDescent="0.2">
      <c r="B7" s="470" t="s">
        <v>4</v>
      </c>
      <c r="C7" s="172">
        <v>0</v>
      </c>
      <c r="D7" s="173">
        <v>0</v>
      </c>
      <c r="E7" s="173">
        <v>0</v>
      </c>
      <c r="F7" s="174">
        <v>466</v>
      </c>
      <c r="G7" s="175">
        <v>1605</v>
      </c>
      <c r="H7" s="175">
        <v>10046</v>
      </c>
      <c r="I7" s="175">
        <v>14958</v>
      </c>
      <c r="J7" s="173">
        <v>10275</v>
      </c>
      <c r="K7" s="176">
        <v>37350</v>
      </c>
      <c r="L7" s="177">
        <v>37350</v>
      </c>
      <c r="M7" s="172">
        <v>0</v>
      </c>
      <c r="N7" s="173">
        <v>0</v>
      </c>
      <c r="O7" s="176">
        <v>0</v>
      </c>
      <c r="P7" s="174">
        <v>463</v>
      </c>
      <c r="Q7" s="175">
        <v>1591</v>
      </c>
      <c r="R7" s="175">
        <v>9978</v>
      </c>
      <c r="S7" s="175">
        <v>14814</v>
      </c>
      <c r="T7" s="173">
        <v>10130</v>
      </c>
      <c r="U7" s="176">
        <v>36976</v>
      </c>
      <c r="V7" s="178">
        <v>36976</v>
      </c>
      <c r="W7" s="179">
        <v>0</v>
      </c>
      <c r="X7" s="173">
        <v>0</v>
      </c>
      <c r="Y7" s="176">
        <v>0</v>
      </c>
      <c r="Z7" s="179">
        <v>3</v>
      </c>
      <c r="AA7" s="175">
        <v>14</v>
      </c>
      <c r="AB7" s="175">
        <v>68</v>
      </c>
      <c r="AC7" s="175">
        <v>144</v>
      </c>
      <c r="AD7" s="173">
        <v>145</v>
      </c>
      <c r="AE7" s="176">
        <v>374</v>
      </c>
      <c r="AF7" s="180">
        <v>374</v>
      </c>
      <c r="AG7" s="179">
        <v>0</v>
      </c>
      <c r="AH7" s="173">
        <v>0</v>
      </c>
      <c r="AI7" s="176">
        <v>0</v>
      </c>
      <c r="AJ7" s="179">
        <v>1630</v>
      </c>
      <c r="AK7" s="175">
        <v>3506</v>
      </c>
      <c r="AL7" s="175">
        <v>4817</v>
      </c>
      <c r="AM7" s="175">
        <v>5775</v>
      </c>
      <c r="AN7" s="173">
        <v>2985</v>
      </c>
      <c r="AO7" s="176">
        <v>18713</v>
      </c>
      <c r="AP7" s="180">
        <v>18713</v>
      </c>
      <c r="AQ7" s="179">
        <v>0</v>
      </c>
      <c r="AR7" s="173">
        <v>0</v>
      </c>
      <c r="AS7" s="176">
        <v>0</v>
      </c>
      <c r="AT7" s="174">
        <v>1607</v>
      </c>
      <c r="AU7" s="175">
        <v>3469</v>
      </c>
      <c r="AV7" s="175">
        <v>4743</v>
      </c>
      <c r="AW7" s="175">
        <v>5656</v>
      </c>
      <c r="AX7" s="173">
        <v>2909</v>
      </c>
      <c r="AY7" s="176">
        <v>18384</v>
      </c>
      <c r="AZ7" s="177">
        <v>18384</v>
      </c>
      <c r="BA7" s="172">
        <v>0</v>
      </c>
      <c r="BB7" s="173">
        <v>0</v>
      </c>
      <c r="BC7" s="173">
        <v>0</v>
      </c>
      <c r="BD7" s="174">
        <v>23</v>
      </c>
      <c r="BE7" s="175">
        <v>37</v>
      </c>
      <c r="BF7" s="175">
        <v>74</v>
      </c>
      <c r="BG7" s="175">
        <v>119</v>
      </c>
      <c r="BH7" s="173">
        <v>76</v>
      </c>
      <c r="BI7" s="176">
        <v>329</v>
      </c>
      <c r="BJ7" s="178">
        <v>329</v>
      </c>
      <c r="BK7" s="179">
        <v>0</v>
      </c>
      <c r="BL7" s="173">
        <v>0</v>
      </c>
      <c r="BM7" s="173">
        <v>0</v>
      </c>
      <c r="BN7" s="174">
        <v>1</v>
      </c>
      <c r="BO7" s="175">
        <v>0</v>
      </c>
      <c r="BP7" s="175">
        <v>6</v>
      </c>
      <c r="BQ7" s="175">
        <v>117</v>
      </c>
      <c r="BR7" s="173">
        <v>144</v>
      </c>
      <c r="BS7" s="176">
        <v>268</v>
      </c>
      <c r="BT7" s="177">
        <v>268</v>
      </c>
      <c r="BU7" s="172">
        <v>0</v>
      </c>
      <c r="BV7" s="173">
        <v>0</v>
      </c>
      <c r="BW7" s="173">
        <v>0</v>
      </c>
      <c r="BX7" s="174">
        <v>1</v>
      </c>
      <c r="BY7" s="175">
        <v>0</v>
      </c>
      <c r="BZ7" s="175">
        <v>6</v>
      </c>
      <c r="CA7" s="175">
        <v>117</v>
      </c>
      <c r="CB7" s="173">
        <v>141</v>
      </c>
      <c r="CC7" s="176">
        <v>265</v>
      </c>
      <c r="CD7" s="178">
        <v>265</v>
      </c>
      <c r="CE7" s="179">
        <v>0</v>
      </c>
      <c r="CF7" s="173">
        <v>0</v>
      </c>
      <c r="CG7" s="173">
        <v>0</v>
      </c>
      <c r="CH7" s="174">
        <v>0</v>
      </c>
      <c r="CI7" s="175">
        <v>0</v>
      </c>
      <c r="CJ7" s="175">
        <v>0</v>
      </c>
      <c r="CK7" s="175">
        <v>0</v>
      </c>
      <c r="CL7" s="173">
        <v>3</v>
      </c>
      <c r="CM7" s="176">
        <v>3</v>
      </c>
      <c r="CN7" s="178">
        <v>3</v>
      </c>
      <c r="CO7" s="179">
        <v>0</v>
      </c>
      <c r="CP7" s="173">
        <v>0</v>
      </c>
      <c r="CQ7" s="173">
        <v>0</v>
      </c>
      <c r="CR7" s="174">
        <v>16</v>
      </c>
      <c r="CS7" s="175">
        <v>25</v>
      </c>
      <c r="CT7" s="175">
        <v>59</v>
      </c>
      <c r="CU7" s="175">
        <v>351</v>
      </c>
      <c r="CV7" s="173">
        <v>468</v>
      </c>
      <c r="CW7" s="176">
        <v>919</v>
      </c>
      <c r="CX7" s="177">
        <v>919</v>
      </c>
      <c r="CY7" s="172">
        <v>0</v>
      </c>
      <c r="CZ7" s="173">
        <v>0</v>
      </c>
      <c r="DA7" s="173">
        <v>0</v>
      </c>
      <c r="DB7" s="174">
        <v>14</v>
      </c>
      <c r="DC7" s="175">
        <v>25</v>
      </c>
      <c r="DD7" s="175">
        <v>59</v>
      </c>
      <c r="DE7" s="175">
        <v>343</v>
      </c>
      <c r="DF7" s="173">
        <v>454</v>
      </c>
      <c r="DG7" s="176">
        <v>895</v>
      </c>
      <c r="DH7" s="178">
        <v>895</v>
      </c>
      <c r="DI7" s="179">
        <v>0</v>
      </c>
      <c r="DJ7" s="173">
        <v>0</v>
      </c>
      <c r="DK7" s="173">
        <v>0</v>
      </c>
      <c r="DL7" s="174">
        <v>2</v>
      </c>
      <c r="DM7" s="175">
        <v>0</v>
      </c>
      <c r="DN7" s="175">
        <v>0</v>
      </c>
      <c r="DO7" s="175">
        <v>8</v>
      </c>
      <c r="DP7" s="173">
        <v>14</v>
      </c>
      <c r="DQ7" s="176">
        <v>24</v>
      </c>
      <c r="DR7" s="178">
        <v>24</v>
      </c>
      <c r="DS7" s="179">
        <v>0</v>
      </c>
      <c r="DT7" s="173">
        <v>0</v>
      </c>
      <c r="DU7" s="173">
        <v>0</v>
      </c>
      <c r="DV7" s="174">
        <v>2112</v>
      </c>
      <c r="DW7" s="175">
        <v>5136</v>
      </c>
      <c r="DX7" s="175">
        <v>14915</v>
      </c>
      <c r="DY7" s="175">
        <v>21174</v>
      </c>
      <c r="DZ7" s="173">
        <v>13856</v>
      </c>
      <c r="EA7" s="176">
        <v>57193</v>
      </c>
      <c r="EB7" s="178">
        <v>57193</v>
      </c>
      <c r="EC7" s="32"/>
    </row>
    <row r="8" spans="2:133" ht="21" customHeight="1" x14ac:dyDescent="0.2">
      <c r="B8" s="471" t="s">
        <v>5</v>
      </c>
      <c r="C8" s="181">
        <v>0</v>
      </c>
      <c r="D8" s="182">
        <v>0</v>
      </c>
      <c r="E8" s="182">
        <v>0</v>
      </c>
      <c r="F8" s="183">
        <v>265</v>
      </c>
      <c r="G8" s="184">
        <v>1054</v>
      </c>
      <c r="H8" s="184">
        <v>4409</v>
      </c>
      <c r="I8" s="184">
        <v>6168</v>
      </c>
      <c r="J8" s="182">
        <v>4313</v>
      </c>
      <c r="K8" s="185">
        <v>16209</v>
      </c>
      <c r="L8" s="186">
        <v>16209</v>
      </c>
      <c r="M8" s="181">
        <v>0</v>
      </c>
      <c r="N8" s="182">
        <v>0</v>
      </c>
      <c r="O8" s="185">
        <v>0</v>
      </c>
      <c r="P8" s="183">
        <v>264</v>
      </c>
      <c r="Q8" s="184">
        <v>1044</v>
      </c>
      <c r="R8" s="184">
        <v>4376</v>
      </c>
      <c r="S8" s="184">
        <v>6112</v>
      </c>
      <c r="T8" s="182">
        <v>4236</v>
      </c>
      <c r="U8" s="185">
        <v>16032</v>
      </c>
      <c r="V8" s="187">
        <v>16032</v>
      </c>
      <c r="W8" s="188">
        <v>0</v>
      </c>
      <c r="X8" s="182">
        <v>0</v>
      </c>
      <c r="Y8" s="185">
        <v>0</v>
      </c>
      <c r="Z8" s="188">
        <v>1</v>
      </c>
      <c r="AA8" s="184">
        <v>10</v>
      </c>
      <c r="AB8" s="184">
        <v>33</v>
      </c>
      <c r="AC8" s="184">
        <v>56</v>
      </c>
      <c r="AD8" s="182">
        <v>77</v>
      </c>
      <c r="AE8" s="185">
        <v>177</v>
      </c>
      <c r="AF8" s="189">
        <v>177</v>
      </c>
      <c r="AG8" s="188">
        <v>0</v>
      </c>
      <c r="AH8" s="182">
        <v>0</v>
      </c>
      <c r="AI8" s="185">
        <v>0</v>
      </c>
      <c r="AJ8" s="188">
        <v>597</v>
      </c>
      <c r="AK8" s="184">
        <v>1607</v>
      </c>
      <c r="AL8" s="184">
        <v>2044</v>
      </c>
      <c r="AM8" s="184">
        <v>2626</v>
      </c>
      <c r="AN8" s="182">
        <v>1386</v>
      </c>
      <c r="AO8" s="185">
        <v>8260</v>
      </c>
      <c r="AP8" s="189">
        <v>8260</v>
      </c>
      <c r="AQ8" s="188">
        <v>0</v>
      </c>
      <c r="AR8" s="182">
        <v>0</v>
      </c>
      <c r="AS8" s="185">
        <v>0</v>
      </c>
      <c r="AT8" s="183">
        <v>595</v>
      </c>
      <c r="AU8" s="184">
        <v>1588</v>
      </c>
      <c r="AV8" s="184">
        <v>2019</v>
      </c>
      <c r="AW8" s="184">
        <v>2579</v>
      </c>
      <c r="AX8" s="182">
        <v>1357</v>
      </c>
      <c r="AY8" s="185">
        <v>8138</v>
      </c>
      <c r="AZ8" s="186">
        <v>8138</v>
      </c>
      <c r="BA8" s="181">
        <v>0</v>
      </c>
      <c r="BB8" s="182">
        <v>0</v>
      </c>
      <c r="BC8" s="182">
        <v>0</v>
      </c>
      <c r="BD8" s="183">
        <v>2</v>
      </c>
      <c r="BE8" s="184">
        <v>19</v>
      </c>
      <c r="BF8" s="184">
        <v>25</v>
      </c>
      <c r="BG8" s="184">
        <v>47</v>
      </c>
      <c r="BH8" s="182">
        <v>29</v>
      </c>
      <c r="BI8" s="185">
        <v>122</v>
      </c>
      <c r="BJ8" s="187">
        <v>122</v>
      </c>
      <c r="BK8" s="188">
        <v>0</v>
      </c>
      <c r="BL8" s="182">
        <v>0</v>
      </c>
      <c r="BM8" s="182">
        <v>0</v>
      </c>
      <c r="BN8" s="183">
        <v>0</v>
      </c>
      <c r="BO8" s="184">
        <v>0</v>
      </c>
      <c r="BP8" s="184">
        <v>2</v>
      </c>
      <c r="BQ8" s="184">
        <v>39</v>
      </c>
      <c r="BR8" s="182">
        <v>42</v>
      </c>
      <c r="BS8" s="185">
        <v>83</v>
      </c>
      <c r="BT8" s="186">
        <v>83</v>
      </c>
      <c r="BU8" s="181">
        <v>0</v>
      </c>
      <c r="BV8" s="182">
        <v>0</v>
      </c>
      <c r="BW8" s="182">
        <v>0</v>
      </c>
      <c r="BX8" s="183">
        <v>0</v>
      </c>
      <c r="BY8" s="184">
        <v>0</v>
      </c>
      <c r="BZ8" s="184">
        <v>2</v>
      </c>
      <c r="CA8" s="184">
        <v>39</v>
      </c>
      <c r="CB8" s="182">
        <v>41</v>
      </c>
      <c r="CC8" s="185">
        <v>82</v>
      </c>
      <c r="CD8" s="187">
        <v>82</v>
      </c>
      <c r="CE8" s="188">
        <v>0</v>
      </c>
      <c r="CF8" s="182">
        <v>0</v>
      </c>
      <c r="CG8" s="182">
        <v>0</v>
      </c>
      <c r="CH8" s="183">
        <v>0</v>
      </c>
      <c r="CI8" s="184">
        <v>0</v>
      </c>
      <c r="CJ8" s="184">
        <v>0</v>
      </c>
      <c r="CK8" s="184">
        <v>0</v>
      </c>
      <c r="CL8" s="182">
        <v>1</v>
      </c>
      <c r="CM8" s="185">
        <v>1</v>
      </c>
      <c r="CN8" s="187">
        <v>1</v>
      </c>
      <c r="CO8" s="188">
        <v>0</v>
      </c>
      <c r="CP8" s="182">
        <v>0</v>
      </c>
      <c r="CQ8" s="182">
        <v>0</v>
      </c>
      <c r="CR8" s="183">
        <v>1</v>
      </c>
      <c r="CS8" s="184">
        <v>5</v>
      </c>
      <c r="CT8" s="184">
        <v>11</v>
      </c>
      <c r="CU8" s="184">
        <v>103</v>
      </c>
      <c r="CV8" s="182">
        <v>126</v>
      </c>
      <c r="CW8" s="185">
        <v>246</v>
      </c>
      <c r="CX8" s="186">
        <v>246</v>
      </c>
      <c r="CY8" s="181">
        <v>0</v>
      </c>
      <c r="CZ8" s="182">
        <v>0</v>
      </c>
      <c r="DA8" s="182">
        <v>0</v>
      </c>
      <c r="DB8" s="183">
        <v>1</v>
      </c>
      <c r="DC8" s="184">
        <v>5</v>
      </c>
      <c r="DD8" s="184">
        <v>11</v>
      </c>
      <c r="DE8" s="184">
        <v>101</v>
      </c>
      <c r="DF8" s="182">
        <v>125</v>
      </c>
      <c r="DG8" s="185">
        <v>243</v>
      </c>
      <c r="DH8" s="187">
        <v>243</v>
      </c>
      <c r="DI8" s="188">
        <v>0</v>
      </c>
      <c r="DJ8" s="182">
        <v>0</v>
      </c>
      <c r="DK8" s="182">
        <v>0</v>
      </c>
      <c r="DL8" s="183">
        <v>0</v>
      </c>
      <c r="DM8" s="184">
        <v>0</v>
      </c>
      <c r="DN8" s="184">
        <v>0</v>
      </c>
      <c r="DO8" s="184">
        <v>2</v>
      </c>
      <c r="DP8" s="182">
        <v>1</v>
      </c>
      <c r="DQ8" s="185">
        <v>3</v>
      </c>
      <c r="DR8" s="187">
        <v>3</v>
      </c>
      <c r="DS8" s="188">
        <v>0</v>
      </c>
      <c r="DT8" s="182">
        <v>0</v>
      </c>
      <c r="DU8" s="182">
        <v>0</v>
      </c>
      <c r="DV8" s="183">
        <v>863</v>
      </c>
      <c r="DW8" s="184">
        <v>2666</v>
      </c>
      <c r="DX8" s="184">
        <v>6466</v>
      </c>
      <c r="DY8" s="184">
        <v>8936</v>
      </c>
      <c r="DZ8" s="182">
        <v>5867</v>
      </c>
      <c r="EA8" s="185">
        <v>24798</v>
      </c>
      <c r="EB8" s="187">
        <v>24798</v>
      </c>
      <c r="EC8" s="32"/>
    </row>
    <row r="9" spans="2:133" ht="21" customHeight="1" x14ac:dyDescent="0.2">
      <c r="B9" s="472" t="s">
        <v>6</v>
      </c>
      <c r="C9" s="181">
        <v>0</v>
      </c>
      <c r="D9" s="182">
        <v>0</v>
      </c>
      <c r="E9" s="182">
        <v>0</v>
      </c>
      <c r="F9" s="183">
        <v>89</v>
      </c>
      <c r="G9" s="184">
        <v>187</v>
      </c>
      <c r="H9" s="184">
        <v>1247</v>
      </c>
      <c r="I9" s="184">
        <v>1887</v>
      </c>
      <c r="J9" s="182">
        <v>1367</v>
      </c>
      <c r="K9" s="185">
        <v>4777</v>
      </c>
      <c r="L9" s="186">
        <v>4777</v>
      </c>
      <c r="M9" s="181">
        <v>0</v>
      </c>
      <c r="N9" s="182">
        <v>0</v>
      </c>
      <c r="O9" s="185">
        <v>0</v>
      </c>
      <c r="P9" s="183">
        <v>89</v>
      </c>
      <c r="Q9" s="184">
        <v>187</v>
      </c>
      <c r="R9" s="184">
        <v>1233</v>
      </c>
      <c r="S9" s="184">
        <v>1861</v>
      </c>
      <c r="T9" s="182">
        <v>1351</v>
      </c>
      <c r="U9" s="185">
        <v>4721</v>
      </c>
      <c r="V9" s="187">
        <v>4721</v>
      </c>
      <c r="W9" s="188">
        <v>0</v>
      </c>
      <c r="X9" s="182">
        <v>0</v>
      </c>
      <c r="Y9" s="185">
        <v>0</v>
      </c>
      <c r="Z9" s="188">
        <v>0</v>
      </c>
      <c r="AA9" s="184">
        <v>0</v>
      </c>
      <c r="AB9" s="184">
        <v>14</v>
      </c>
      <c r="AC9" s="184">
        <v>26</v>
      </c>
      <c r="AD9" s="182">
        <v>16</v>
      </c>
      <c r="AE9" s="185">
        <v>56</v>
      </c>
      <c r="AF9" s="189">
        <v>56</v>
      </c>
      <c r="AG9" s="188">
        <v>0</v>
      </c>
      <c r="AH9" s="182">
        <v>0</v>
      </c>
      <c r="AI9" s="185">
        <v>0</v>
      </c>
      <c r="AJ9" s="188">
        <v>211</v>
      </c>
      <c r="AK9" s="184">
        <v>325</v>
      </c>
      <c r="AL9" s="184">
        <v>536</v>
      </c>
      <c r="AM9" s="184">
        <v>674</v>
      </c>
      <c r="AN9" s="182">
        <v>351</v>
      </c>
      <c r="AO9" s="185">
        <v>2097</v>
      </c>
      <c r="AP9" s="189">
        <v>2097</v>
      </c>
      <c r="AQ9" s="188">
        <v>0</v>
      </c>
      <c r="AR9" s="182">
        <v>0</v>
      </c>
      <c r="AS9" s="185">
        <v>0</v>
      </c>
      <c r="AT9" s="183">
        <v>205</v>
      </c>
      <c r="AU9" s="184">
        <v>324</v>
      </c>
      <c r="AV9" s="184">
        <v>521</v>
      </c>
      <c r="AW9" s="184">
        <v>648</v>
      </c>
      <c r="AX9" s="182">
        <v>338</v>
      </c>
      <c r="AY9" s="185">
        <v>2036</v>
      </c>
      <c r="AZ9" s="186">
        <v>2036</v>
      </c>
      <c r="BA9" s="181">
        <v>0</v>
      </c>
      <c r="BB9" s="182">
        <v>0</v>
      </c>
      <c r="BC9" s="182">
        <v>0</v>
      </c>
      <c r="BD9" s="183">
        <v>6</v>
      </c>
      <c r="BE9" s="184">
        <v>1</v>
      </c>
      <c r="BF9" s="184">
        <v>15</v>
      </c>
      <c r="BG9" s="184">
        <v>26</v>
      </c>
      <c r="BH9" s="182">
        <v>13</v>
      </c>
      <c r="BI9" s="185">
        <v>61</v>
      </c>
      <c r="BJ9" s="187">
        <v>61</v>
      </c>
      <c r="BK9" s="188">
        <v>0</v>
      </c>
      <c r="BL9" s="182">
        <v>0</v>
      </c>
      <c r="BM9" s="182">
        <v>0</v>
      </c>
      <c r="BN9" s="183">
        <v>1</v>
      </c>
      <c r="BO9" s="184">
        <v>0</v>
      </c>
      <c r="BP9" s="184">
        <v>2</v>
      </c>
      <c r="BQ9" s="184">
        <v>45</v>
      </c>
      <c r="BR9" s="182">
        <v>66</v>
      </c>
      <c r="BS9" s="185">
        <v>114</v>
      </c>
      <c r="BT9" s="186">
        <v>114</v>
      </c>
      <c r="BU9" s="181">
        <v>0</v>
      </c>
      <c r="BV9" s="182">
        <v>0</v>
      </c>
      <c r="BW9" s="182">
        <v>0</v>
      </c>
      <c r="BX9" s="183">
        <v>1</v>
      </c>
      <c r="BY9" s="184">
        <v>0</v>
      </c>
      <c r="BZ9" s="184">
        <v>2</v>
      </c>
      <c r="CA9" s="184">
        <v>45</v>
      </c>
      <c r="CB9" s="182">
        <v>64</v>
      </c>
      <c r="CC9" s="185">
        <v>112</v>
      </c>
      <c r="CD9" s="187">
        <v>112</v>
      </c>
      <c r="CE9" s="188">
        <v>0</v>
      </c>
      <c r="CF9" s="182">
        <v>0</v>
      </c>
      <c r="CG9" s="182">
        <v>0</v>
      </c>
      <c r="CH9" s="183">
        <v>0</v>
      </c>
      <c r="CI9" s="184">
        <v>0</v>
      </c>
      <c r="CJ9" s="184">
        <v>0</v>
      </c>
      <c r="CK9" s="184">
        <v>0</v>
      </c>
      <c r="CL9" s="182">
        <v>2</v>
      </c>
      <c r="CM9" s="185">
        <v>2</v>
      </c>
      <c r="CN9" s="187">
        <v>2</v>
      </c>
      <c r="CO9" s="188">
        <v>0</v>
      </c>
      <c r="CP9" s="182">
        <v>0</v>
      </c>
      <c r="CQ9" s="182">
        <v>0</v>
      </c>
      <c r="CR9" s="183">
        <v>0</v>
      </c>
      <c r="CS9" s="184">
        <v>1</v>
      </c>
      <c r="CT9" s="184">
        <v>4</v>
      </c>
      <c r="CU9" s="184">
        <v>44</v>
      </c>
      <c r="CV9" s="182">
        <v>54</v>
      </c>
      <c r="CW9" s="185">
        <v>103</v>
      </c>
      <c r="CX9" s="186">
        <v>103</v>
      </c>
      <c r="CY9" s="181">
        <v>0</v>
      </c>
      <c r="CZ9" s="182">
        <v>0</v>
      </c>
      <c r="DA9" s="182">
        <v>0</v>
      </c>
      <c r="DB9" s="183">
        <v>0</v>
      </c>
      <c r="DC9" s="184">
        <v>1</v>
      </c>
      <c r="DD9" s="184">
        <v>4</v>
      </c>
      <c r="DE9" s="184">
        <v>43</v>
      </c>
      <c r="DF9" s="182">
        <v>52</v>
      </c>
      <c r="DG9" s="185">
        <v>100</v>
      </c>
      <c r="DH9" s="187">
        <v>100</v>
      </c>
      <c r="DI9" s="188">
        <v>0</v>
      </c>
      <c r="DJ9" s="182">
        <v>0</v>
      </c>
      <c r="DK9" s="182">
        <v>0</v>
      </c>
      <c r="DL9" s="183">
        <v>0</v>
      </c>
      <c r="DM9" s="184">
        <v>0</v>
      </c>
      <c r="DN9" s="184">
        <v>0</v>
      </c>
      <c r="DO9" s="184">
        <v>1</v>
      </c>
      <c r="DP9" s="182">
        <v>2</v>
      </c>
      <c r="DQ9" s="185">
        <v>3</v>
      </c>
      <c r="DR9" s="187">
        <v>3</v>
      </c>
      <c r="DS9" s="188">
        <v>0</v>
      </c>
      <c r="DT9" s="182">
        <v>0</v>
      </c>
      <c r="DU9" s="182">
        <v>0</v>
      </c>
      <c r="DV9" s="183">
        <v>301</v>
      </c>
      <c r="DW9" s="184">
        <v>513</v>
      </c>
      <c r="DX9" s="184">
        <v>1789</v>
      </c>
      <c r="DY9" s="184">
        <v>2650</v>
      </c>
      <c r="DZ9" s="182">
        <v>1838</v>
      </c>
      <c r="EA9" s="185">
        <v>7091</v>
      </c>
      <c r="EB9" s="187">
        <v>7091</v>
      </c>
      <c r="EC9" s="32"/>
    </row>
    <row r="10" spans="2:133" ht="21" customHeight="1" x14ac:dyDescent="0.2">
      <c r="B10" s="472" t="s">
        <v>14</v>
      </c>
      <c r="C10" s="181">
        <v>0</v>
      </c>
      <c r="D10" s="182">
        <v>0</v>
      </c>
      <c r="E10" s="182">
        <v>0</v>
      </c>
      <c r="F10" s="183">
        <v>10</v>
      </c>
      <c r="G10" s="184">
        <v>41</v>
      </c>
      <c r="H10" s="184">
        <v>829</v>
      </c>
      <c r="I10" s="184">
        <v>1305</v>
      </c>
      <c r="J10" s="182">
        <v>796</v>
      </c>
      <c r="K10" s="185">
        <v>2981</v>
      </c>
      <c r="L10" s="186">
        <v>2981</v>
      </c>
      <c r="M10" s="181">
        <v>0</v>
      </c>
      <c r="N10" s="182">
        <v>0</v>
      </c>
      <c r="O10" s="185">
        <v>0</v>
      </c>
      <c r="P10" s="183">
        <v>10</v>
      </c>
      <c r="Q10" s="184">
        <v>41</v>
      </c>
      <c r="R10" s="184">
        <v>825</v>
      </c>
      <c r="S10" s="184">
        <v>1294</v>
      </c>
      <c r="T10" s="182">
        <v>789</v>
      </c>
      <c r="U10" s="185">
        <v>2959</v>
      </c>
      <c r="V10" s="187">
        <v>2959</v>
      </c>
      <c r="W10" s="188">
        <v>0</v>
      </c>
      <c r="X10" s="182">
        <v>0</v>
      </c>
      <c r="Y10" s="185">
        <v>0</v>
      </c>
      <c r="Z10" s="188">
        <v>0</v>
      </c>
      <c r="AA10" s="184">
        <v>0</v>
      </c>
      <c r="AB10" s="184">
        <v>4</v>
      </c>
      <c r="AC10" s="184">
        <v>11</v>
      </c>
      <c r="AD10" s="182">
        <v>7</v>
      </c>
      <c r="AE10" s="185">
        <v>22</v>
      </c>
      <c r="AF10" s="189">
        <v>22</v>
      </c>
      <c r="AG10" s="188">
        <v>0</v>
      </c>
      <c r="AH10" s="182">
        <v>0</v>
      </c>
      <c r="AI10" s="185">
        <v>0</v>
      </c>
      <c r="AJ10" s="188">
        <v>70</v>
      </c>
      <c r="AK10" s="184">
        <v>208</v>
      </c>
      <c r="AL10" s="184">
        <v>296</v>
      </c>
      <c r="AM10" s="184">
        <v>385</v>
      </c>
      <c r="AN10" s="182">
        <v>199</v>
      </c>
      <c r="AO10" s="185">
        <v>1158</v>
      </c>
      <c r="AP10" s="189">
        <v>1158</v>
      </c>
      <c r="AQ10" s="188">
        <v>0</v>
      </c>
      <c r="AR10" s="182">
        <v>0</v>
      </c>
      <c r="AS10" s="185">
        <v>0</v>
      </c>
      <c r="AT10" s="183">
        <v>68</v>
      </c>
      <c r="AU10" s="184">
        <v>207</v>
      </c>
      <c r="AV10" s="184">
        <v>291</v>
      </c>
      <c r="AW10" s="184">
        <v>379</v>
      </c>
      <c r="AX10" s="182">
        <v>194</v>
      </c>
      <c r="AY10" s="185">
        <v>1139</v>
      </c>
      <c r="AZ10" s="186">
        <v>1139</v>
      </c>
      <c r="BA10" s="181">
        <v>0</v>
      </c>
      <c r="BB10" s="182">
        <v>0</v>
      </c>
      <c r="BC10" s="182">
        <v>0</v>
      </c>
      <c r="BD10" s="183">
        <v>2</v>
      </c>
      <c r="BE10" s="184">
        <v>1</v>
      </c>
      <c r="BF10" s="184">
        <v>5</v>
      </c>
      <c r="BG10" s="184">
        <v>6</v>
      </c>
      <c r="BH10" s="182">
        <v>5</v>
      </c>
      <c r="BI10" s="185">
        <v>19</v>
      </c>
      <c r="BJ10" s="187">
        <v>19</v>
      </c>
      <c r="BK10" s="188">
        <v>0</v>
      </c>
      <c r="BL10" s="182">
        <v>0</v>
      </c>
      <c r="BM10" s="182">
        <v>0</v>
      </c>
      <c r="BN10" s="183">
        <v>0</v>
      </c>
      <c r="BO10" s="184">
        <v>0</v>
      </c>
      <c r="BP10" s="184">
        <v>2</v>
      </c>
      <c r="BQ10" s="184">
        <v>23</v>
      </c>
      <c r="BR10" s="182">
        <v>15</v>
      </c>
      <c r="BS10" s="185">
        <v>40</v>
      </c>
      <c r="BT10" s="186">
        <v>40</v>
      </c>
      <c r="BU10" s="181">
        <v>0</v>
      </c>
      <c r="BV10" s="182">
        <v>0</v>
      </c>
      <c r="BW10" s="182">
        <v>0</v>
      </c>
      <c r="BX10" s="183">
        <v>0</v>
      </c>
      <c r="BY10" s="184">
        <v>0</v>
      </c>
      <c r="BZ10" s="184">
        <v>2</v>
      </c>
      <c r="CA10" s="184">
        <v>23</v>
      </c>
      <c r="CB10" s="182">
        <v>15</v>
      </c>
      <c r="CC10" s="185">
        <v>40</v>
      </c>
      <c r="CD10" s="187">
        <v>40</v>
      </c>
      <c r="CE10" s="188">
        <v>0</v>
      </c>
      <c r="CF10" s="182">
        <v>0</v>
      </c>
      <c r="CG10" s="182">
        <v>0</v>
      </c>
      <c r="CH10" s="183">
        <v>0</v>
      </c>
      <c r="CI10" s="184">
        <v>0</v>
      </c>
      <c r="CJ10" s="184">
        <v>0</v>
      </c>
      <c r="CK10" s="184">
        <v>0</v>
      </c>
      <c r="CL10" s="182">
        <v>0</v>
      </c>
      <c r="CM10" s="185">
        <v>0</v>
      </c>
      <c r="CN10" s="187">
        <v>0</v>
      </c>
      <c r="CO10" s="188">
        <v>0</v>
      </c>
      <c r="CP10" s="182">
        <v>0</v>
      </c>
      <c r="CQ10" s="182">
        <v>0</v>
      </c>
      <c r="CR10" s="183">
        <v>0</v>
      </c>
      <c r="CS10" s="184">
        <v>0</v>
      </c>
      <c r="CT10" s="184">
        <v>6</v>
      </c>
      <c r="CU10" s="184">
        <v>79</v>
      </c>
      <c r="CV10" s="182">
        <v>82</v>
      </c>
      <c r="CW10" s="185">
        <v>167</v>
      </c>
      <c r="CX10" s="186">
        <v>167</v>
      </c>
      <c r="CY10" s="181">
        <v>0</v>
      </c>
      <c r="CZ10" s="182">
        <v>0</v>
      </c>
      <c r="DA10" s="182">
        <v>0</v>
      </c>
      <c r="DB10" s="183">
        <v>0</v>
      </c>
      <c r="DC10" s="184">
        <v>0</v>
      </c>
      <c r="DD10" s="184">
        <v>6</v>
      </c>
      <c r="DE10" s="184">
        <v>79</v>
      </c>
      <c r="DF10" s="182">
        <v>79</v>
      </c>
      <c r="DG10" s="185">
        <v>164</v>
      </c>
      <c r="DH10" s="187">
        <v>164</v>
      </c>
      <c r="DI10" s="188">
        <v>0</v>
      </c>
      <c r="DJ10" s="182">
        <v>0</v>
      </c>
      <c r="DK10" s="182">
        <v>0</v>
      </c>
      <c r="DL10" s="183">
        <v>0</v>
      </c>
      <c r="DM10" s="184">
        <v>0</v>
      </c>
      <c r="DN10" s="184">
        <v>0</v>
      </c>
      <c r="DO10" s="184">
        <v>0</v>
      </c>
      <c r="DP10" s="182">
        <v>3</v>
      </c>
      <c r="DQ10" s="185">
        <v>3</v>
      </c>
      <c r="DR10" s="187">
        <v>3</v>
      </c>
      <c r="DS10" s="188">
        <v>0</v>
      </c>
      <c r="DT10" s="182">
        <v>0</v>
      </c>
      <c r="DU10" s="182">
        <v>0</v>
      </c>
      <c r="DV10" s="183">
        <v>80</v>
      </c>
      <c r="DW10" s="184">
        <v>249</v>
      </c>
      <c r="DX10" s="184">
        <v>1132</v>
      </c>
      <c r="DY10" s="184">
        <v>1790</v>
      </c>
      <c r="DZ10" s="182">
        <v>1090</v>
      </c>
      <c r="EA10" s="185">
        <v>4341</v>
      </c>
      <c r="EB10" s="187">
        <v>4341</v>
      </c>
      <c r="EC10" s="32"/>
    </row>
    <row r="11" spans="2:133" ht="21" customHeight="1" x14ac:dyDescent="0.2">
      <c r="B11" s="472" t="s">
        <v>7</v>
      </c>
      <c r="C11" s="181">
        <v>0</v>
      </c>
      <c r="D11" s="182">
        <v>0</v>
      </c>
      <c r="E11" s="182">
        <v>0</v>
      </c>
      <c r="F11" s="183">
        <v>20</v>
      </c>
      <c r="G11" s="184">
        <v>46</v>
      </c>
      <c r="H11" s="184">
        <v>599</v>
      </c>
      <c r="I11" s="184">
        <v>923</v>
      </c>
      <c r="J11" s="182">
        <v>572</v>
      </c>
      <c r="K11" s="185">
        <v>2160</v>
      </c>
      <c r="L11" s="186">
        <v>2160</v>
      </c>
      <c r="M11" s="181">
        <v>0</v>
      </c>
      <c r="N11" s="182">
        <v>0</v>
      </c>
      <c r="O11" s="185">
        <v>0</v>
      </c>
      <c r="P11" s="183">
        <v>19</v>
      </c>
      <c r="Q11" s="184">
        <v>45</v>
      </c>
      <c r="R11" s="184">
        <v>597</v>
      </c>
      <c r="S11" s="184">
        <v>908</v>
      </c>
      <c r="T11" s="182">
        <v>564</v>
      </c>
      <c r="U11" s="185">
        <v>2133</v>
      </c>
      <c r="V11" s="187">
        <v>2133</v>
      </c>
      <c r="W11" s="188">
        <v>0</v>
      </c>
      <c r="X11" s="182">
        <v>0</v>
      </c>
      <c r="Y11" s="185">
        <v>0</v>
      </c>
      <c r="Z11" s="188">
        <v>1</v>
      </c>
      <c r="AA11" s="184">
        <v>1</v>
      </c>
      <c r="AB11" s="184">
        <v>2</v>
      </c>
      <c r="AC11" s="184">
        <v>15</v>
      </c>
      <c r="AD11" s="182">
        <v>8</v>
      </c>
      <c r="AE11" s="185">
        <v>27</v>
      </c>
      <c r="AF11" s="189">
        <v>27</v>
      </c>
      <c r="AG11" s="188">
        <v>0</v>
      </c>
      <c r="AH11" s="182">
        <v>0</v>
      </c>
      <c r="AI11" s="185">
        <v>0</v>
      </c>
      <c r="AJ11" s="188">
        <v>149</v>
      </c>
      <c r="AK11" s="184">
        <v>206</v>
      </c>
      <c r="AL11" s="184">
        <v>275</v>
      </c>
      <c r="AM11" s="184">
        <v>275</v>
      </c>
      <c r="AN11" s="182">
        <v>106</v>
      </c>
      <c r="AO11" s="185">
        <v>1011</v>
      </c>
      <c r="AP11" s="189">
        <v>1011</v>
      </c>
      <c r="AQ11" s="188">
        <v>0</v>
      </c>
      <c r="AR11" s="182">
        <v>0</v>
      </c>
      <c r="AS11" s="185">
        <v>0</v>
      </c>
      <c r="AT11" s="183">
        <v>148</v>
      </c>
      <c r="AU11" s="184">
        <v>204</v>
      </c>
      <c r="AV11" s="184">
        <v>268</v>
      </c>
      <c r="AW11" s="184">
        <v>269</v>
      </c>
      <c r="AX11" s="182">
        <v>102</v>
      </c>
      <c r="AY11" s="185">
        <v>991</v>
      </c>
      <c r="AZ11" s="186">
        <v>991</v>
      </c>
      <c r="BA11" s="181">
        <v>0</v>
      </c>
      <c r="BB11" s="182">
        <v>0</v>
      </c>
      <c r="BC11" s="182">
        <v>0</v>
      </c>
      <c r="BD11" s="183">
        <v>1</v>
      </c>
      <c r="BE11" s="184">
        <v>2</v>
      </c>
      <c r="BF11" s="184">
        <v>7</v>
      </c>
      <c r="BG11" s="184">
        <v>6</v>
      </c>
      <c r="BH11" s="182">
        <v>4</v>
      </c>
      <c r="BI11" s="185">
        <v>20</v>
      </c>
      <c r="BJ11" s="187">
        <v>20</v>
      </c>
      <c r="BK11" s="188">
        <v>0</v>
      </c>
      <c r="BL11" s="182">
        <v>0</v>
      </c>
      <c r="BM11" s="182">
        <v>0</v>
      </c>
      <c r="BN11" s="183">
        <v>0</v>
      </c>
      <c r="BO11" s="184">
        <v>0</v>
      </c>
      <c r="BP11" s="184">
        <v>0</v>
      </c>
      <c r="BQ11" s="184">
        <v>1</v>
      </c>
      <c r="BR11" s="182">
        <v>1</v>
      </c>
      <c r="BS11" s="185">
        <v>2</v>
      </c>
      <c r="BT11" s="186">
        <v>2</v>
      </c>
      <c r="BU11" s="181">
        <v>0</v>
      </c>
      <c r="BV11" s="182">
        <v>0</v>
      </c>
      <c r="BW11" s="182">
        <v>0</v>
      </c>
      <c r="BX11" s="183">
        <v>0</v>
      </c>
      <c r="BY11" s="184">
        <v>0</v>
      </c>
      <c r="BZ11" s="184">
        <v>0</v>
      </c>
      <c r="CA11" s="184">
        <v>1</v>
      </c>
      <c r="CB11" s="182">
        <v>1</v>
      </c>
      <c r="CC11" s="185">
        <v>2</v>
      </c>
      <c r="CD11" s="187">
        <v>2</v>
      </c>
      <c r="CE11" s="188">
        <v>0</v>
      </c>
      <c r="CF11" s="182">
        <v>0</v>
      </c>
      <c r="CG11" s="182">
        <v>0</v>
      </c>
      <c r="CH11" s="183">
        <v>0</v>
      </c>
      <c r="CI11" s="184">
        <v>0</v>
      </c>
      <c r="CJ11" s="184">
        <v>0</v>
      </c>
      <c r="CK11" s="184">
        <v>0</v>
      </c>
      <c r="CL11" s="182">
        <v>0</v>
      </c>
      <c r="CM11" s="185">
        <v>0</v>
      </c>
      <c r="CN11" s="187">
        <v>0</v>
      </c>
      <c r="CO11" s="188">
        <v>0</v>
      </c>
      <c r="CP11" s="182">
        <v>0</v>
      </c>
      <c r="CQ11" s="182">
        <v>0</v>
      </c>
      <c r="CR11" s="183">
        <v>0</v>
      </c>
      <c r="CS11" s="184">
        <v>0</v>
      </c>
      <c r="CT11" s="184">
        <v>2</v>
      </c>
      <c r="CU11" s="184">
        <v>2</v>
      </c>
      <c r="CV11" s="182">
        <v>0</v>
      </c>
      <c r="CW11" s="185">
        <v>4</v>
      </c>
      <c r="CX11" s="186">
        <v>4</v>
      </c>
      <c r="CY11" s="181">
        <v>0</v>
      </c>
      <c r="CZ11" s="182">
        <v>0</v>
      </c>
      <c r="DA11" s="182">
        <v>0</v>
      </c>
      <c r="DB11" s="183">
        <v>0</v>
      </c>
      <c r="DC11" s="184">
        <v>0</v>
      </c>
      <c r="DD11" s="184">
        <v>2</v>
      </c>
      <c r="DE11" s="184">
        <v>2</v>
      </c>
      <c r="DF11" s="182">
        <v>0</v>
      </c>
      <c r="DG11" s="185">
        <v>4</v>
      </c>
      <c r="DH11" s="187">
        <v>4</v>
      </c>
      <c r="DI11" s="188">
        <v>0</v>
      </c>
      <c r="DJ11" s="182">
        <v>0</v>
      </c>
      <c r="DK11" s="182">
        <v>0</v>
      </c>
      <c r="DL11" s="183">
        <v>0</v>
      </c>
      <c r="DM11" s="184">
        <v>0</v>
      </c>
      <c r="DN11" s="184">
        <v>0</v>
      </c>
      <c r="DO11" s="184">
        <v>0</v>
      </c>
      <c r="DP11" s="182">
        <v>0</v>
      </c>
      <c r="DQ11" s="185">
        <v>0</v>
      </c>
      <c r="DR11" s="187">
        <v>0</v>
      </c>
      <c r="DS11" s="188">
        <v>0</v>
      </c>
      <c r="DT11" s="182">
        <v>0</v>
      </c>
      <c r="DU11" s="182">
        <v>0</v>
      </c>
      <c r="DV11" s="183">
        <v>169</v>
      </c>
      <c r="DW11" s="184">
        <v>252</v>
      </c>
      <c r="DX11" s="184">
        <v>874</v>
      </c>
      <c r="DY11" s="184">
        <v>1193</v>
      </c>
      <c r="DZ11" s="182">
        <v>678</v>
      </c>
      <c r="EA11" s="185">
        <v>3166</v>
      </c>
      <c r="EB11" s="187">
        <v>3166</v>
      </c>
      <c r="EC11" s="32"/>
    </row>
    <row r="12" spans="2:133" ht="21" customHeight="1" x14ac:dyDescent="0.2">
      <c r="B12" s="472" t="s">
        <v>8</v>
      </c>
      <c r="C12" s="181">
        <v>0</v>
      </c>
      <c r="D12" s="182">
        <v>0</v>
      </c>
      <c r="E12" s="182">
        <v>0</v>
      </c>
      <c r="F12" s="183">
        <v>15</v>
      </c>
      <c r="G12" s="184">
        <v>61</v>
      </c>
      <c r="H12" s="184">
        <v>379</v>
      </c>
      <c r="I12" s="184">
        <v>415</v>
      </c>
      <c r="J12" s="182">
        <v>234</v>
      </c>
      <c r="K12" s="185">
        <v>1104</v>
      </c>
      <c r="L12" s="186">
        <v>1104</v>
      </c>
      <c r="M12" s="181">
        <v>0</v>
      </c>
      <c r="N12" s="182">
        <v>0</v>
      </c>
      <c r="O12" s="185">
        <v>0</v>
      </c>
      <c r="P12" s="183">
        <v>15</v>
      </c>
      <c r="Q12" s="184">
        <v>60</v>
      </c>
      <c r="R12" s="184">
        <v>378</v>
      </c>
      <c r="S12" s="184">
        <v>410</v>
      </c>
      <c r="T12" s="182">
        <v>233</v>
      </c>
      <c r="U12" s="185">
        <v>1096</v>
      </c>
      <c r="V12" s="187">
        <v>1096</v>
      </c>
      <c r="W12" s="188">
        <v>0</v>
      </c>
      <c r="X12" s="182">
        <v>0</v>
      </c>
      <c r="Y12" s="185">
        <v>0</v>
      </c>
      <c r="Z12" s="188">
        <v>0</v>
      </c>
      <c r="AA12" s="184">
        <v>1</v>
      </c>
      <c r="AB12" s="184">
        <v>1</v>
      </c>
      <c r="AC12" s="184">
        <v>5</v>
      </c>
      <c r="AD12" s="182">
        <v>1</v>
      </c>
      <c r="AE12" s="185">
        <v>8</v>
      </c>
      <c r="AF12" s="189">
        <v>8</v>
      </c>
      <c r="AG12" s="188">
        <v>0</v>
      </c>
      <c r="AH12" s="182">
        <v>0</v>
      </c>
      <c r="AI12" s="185">
        <v>0</v>
      </c>
      <c r="AJ12" s="188">
        <v>46</v>
      </c>
      <c r="AK12" s="184">
        <v>101</v>
      </c>
      <c r="AL12" s="184">
        <v>160</v>
      </c>
      <c r="AM12" s="184">
        <v>142</v>
      </c>
      <c r="AN12" s="182">
        <v>68</v>
      </c>
      <c r="AO12" s="185">
        <v>517</v>
      </c>
      <c r="AP12" s="189">
        <v>517</v>
      </c>
      <c r="AQ12" s="188">
        <v>0</v>
      </c>
      <c r="AR12" s="182">
        <v>0</v>
      </c>
      <c r="AS12" s="185">
        <v>0</v>
      </c>
      <c r="AT12" s="183">
        <v>46</v>
      </c>
      <c r="AU12" s="184">
        <v>99</v>
      </c>
      <c r="AV12" s="184">
        <v>159</v>
      </c>
      <c r="AW12" s="184">
        <v>138</v>
      </c>
      <c r="AX12" s="182">
        <v>66</v>
      </c>
      <c r="AY12" s="185">
        <v>508</v>
      </c>
      <c r="AZ12" s="186">
        <v>508</v>
      </c>
      <c r="BA12" s="181">
        <v>0</v>
      </c>
      <c r="BB12" s="182">
        <v>0</v>
      </c>
      <c r="BC12" s="182">
        <v>0</v>
      </c>
      <c r="BD12" s="183">
        <v>0</v>
      </c>
      <c r="BE12" s="184">
        <v>2</v>
      </c>
      <c r="BF12" s="184">
        <v>1</v>
      </c>
      <c r="BG12" s="184">
        <v>4</v>
      </c>
      <c r="BH12" s="182">
        <v>2</v>
      </c>
      <c r="BI12" s="185">
        <v>9</v>
      </c>
      <c r="BJ12" s="187">
        <v>9</v>
      </c>
      <c r="BK12" s="188">
        <v>0</v>
      </c>
      <c r="BL12" s="182">
        <v>0</v>
      </c>
      <c r="BM12" s="182">
        <v>0</v>
      </c>
      <c r="BN12" s="183">
        <v>0</v>
      </c>
      <c r="BO12" s="184">
        <v>0</v>
      </c>
      <c r="BP12" s="184">
        <v>0</v>
      </c>
      <c r="BQ12" s="184">
        <v>1</v>
      </c>
      <c r="BR12" s="182">
        <v>0</v>
      </c>
      <c r="BS12" s="185">
        <v>1</v>
      </c>
      <c r="BT12" s="186">
        <v>1</v>
      </c>
      <c r="BU12" s="181">
        <v>0</v>
      </c>
      <c r="BV12" s="182">
        <v>0</v>
      </c>
      <c r="BW12" s="182">
        <v>0</v>
      </c>
      <c r="BX12" s="183">
        <v>0</v>
      </c>
      <c r="BY12" s="184">
        <v>0</v>
      </c>
      <c r="BZ12" s="184">
        <v>0</v>
      </c>
      <c r="CA12" s="184">
        <v>1</v>
      </c>
      <c r="CB12" s="182">
        <v>0</v>
      </c>
      <c r="CC12" s="185">
        <v>1</v>
      </c>
      <c r="CD12" s="187">
        <v>1</v>
      </c>
      <c r="CE12" s="188">
        <v>0</v>
      </c>
      <c r="CF12" s="182">
        <v>0</v>
      </c>
      <c r="CG12" s="182">
        <v>0</v>
      </c>
      <c r="CH12" s="183">
        <v>0</v>
      </c>
      <c r="CI12" s="184">
        <v>0</v>
      </c>
      <c r="CJ12" s="184">
        <v>0</v>
      </c>
      <c r="CK12" s="184">
        <v>0</v>
      </c>
      <c r="CL12" s="182">
        <v>0</v>
      </c>
      <c r="CM12" s="185">
        <v>0</v>
      </c>
      <c r="CN12" s="187">
        <v>0</v>
      </c>
      <c r="CO12" s="188">
        <v>0</v>
      </c>
      <c r="CP12" s="182">
        <v>0</v>
      </c>
      <c r="CQ12" s="182">
        <v>0</v>
      </c>
      <c r="CR12" s="183">
        <v>1</v>
      </c>
      <c r="CS12" s="184">
        <v>1</v>
      </c>
      <c r="CT12" s="184">
        <v>3</v>
      </c>
      <c r="CU12" s="184">
        <v>6</v>
      </c>
      <c r="CV12" s="182">
        <v>8</v>
      </c>
      <c r="CW12" s="185">
        <v>19</v>
      </c>
      <c r="CX12" s="186">
        <v>19</v>
      </c>
      <c r="CY12" s="181">
        <v>0</v>
      </c>
      <c r="CZ12" s="182">
        <v>0</v>
      </c>
      <c r="DA12" s="182">
        <v>0</v>
      </c>
      <c r="DB12" s="183">
        <v>1</v>
      </c>
      <c r="DC12" s="184">
        <v>1</v>
      </c>
      <c r="DD12" s="184">
        <v>3</v>
      </c>
      <c r="DE12" s="184">
        <v>5</v>
      </c>
      <c r="DF12" s="182">
        <v>8</v>
      </c>
      <c r="DG12" s="185">
        <v>18</v>
      </c>
      <c r="DH12" s="187">
        <v>18</v>
      </c>
      <c r="DI12" s="188">
        <v>0</v>
      </c>
      <c r="DJ12" s="182">
        <v>0</v>
      </c>
      <c r="DK12" s="182">
        <v>0</v>
      </c>
      <c r="DL12" s="183">
        <v>0</v>
      </c>
      <c r="DM12" s="184">
        <v>0</v>
      </c>
      <c r="DN12" s="184">
        <v>0</v>
      </c>
      <c r="DO12" s="184">
        <v>1</v>
      </c>
      <c r="DP12" s="182">
        <v>0</v>
      </c>
      <c r="DQ12" s="185">
        <v>1</v>
      </c>
      <c r="DR12" s="187">
        <v>1</v>
      </c>
      <c r="DS12" s="188">
        <v>0</v>
      </c>
      <c r="DT12" s="182">
        <v>0</v>
      </c>
      <c r="DU12" s="182">
        <v>0</v>
      </c>
      <c r="DV12" s="183">
        <v>62</v>
      </c>
      <c r="DW12" s="184">
        <v>163</v>
      </c>
      <c r="DX12" s="184">
        <v>542</v>
      </c>
      <c r="DY12" s="184">
        <v>564</v>
      </c>
      <c r="DZ12" s="182">
        <v>310</v>
      </c>
      <c r="EA12" s="185">
        <v>1641</v>
      </c>
      <c r="EB12" s="187">
        <v>1641</v>
      </c>
      <c r="EC12" s="32"/>
    </row>
    <row r="13" spans="2:133" ht="21" customHeight="1" x14ac:dyDescent="0.2">
      <c r="B13" s="472" t="s">
        <v>9</v>
      </c>
      <c r="C13" s="181">
        <v>0</v>
      </c>
      <c r="D13" s="182">
        <v>0</v>
      </c>
      <c r="E13" s="182">
        <v>0</v>
      </c>
      <c r="F13" s="183">
        <v>7</v>
      </c>
      <c r="G13" s="184">
        <v>5</v>
      </c>
      <c r="H13" s="184">
        <v>204</v>
      </c>
      <c r="I13" s="184">
        <v>349</v>
      </c>
      <c r="J13" s="182">
        <v>276</v>
      </c>
      <c r="K13" s="185">
        <v>841</v>
      </c>
      <c r="L13" s="186">
        <v>841</v>
      </c>
      <c r="M13" s="181">
        <v>0</v>
      </c>
      <c r="N13" s="182">
        <v>0</v>
      </c>
      <c r="O13" s="185">
        <v>0</v>
      </c>
      <c r="P13" s="183">
        <v>7</v>
      </c>
      <c r="Q13" s="184">
        <v>5</v>
      </c>
      <c r="R13" s="184">
        <v>203</v>
      </c>
      <c r="S13" s="184">
        <v>346</v>
      </c>
      <c r="T13" s="182">
        <v>274</v>
      </c>
      <c r="U13" s="185">
        <v>835</v>
      </c>
      <c r="V13" s="187">
        <v>835</v>
      </c>
      <c r="W13" s="188">
        <v>0</v>
      </c>
      <c r="X13" s="182">
        <v>0</v>
      </c>
      <c r="Y13" s="185">
        <v>0</v>
      </c>
      <c r="Z13" s="188">
        <v>0</v>
      </c>
      <c r="AA13" s="184">
        <v>0</v>
      </c>
      <c r="AB13" s="184">
        <v>1</v>
      </c>
      <c r="AC13" s="184">
        <v>3</v>
      </c>
      <c r="AD13" s="182">
        <v>2</v>
      </c>
      <c r="AE13" s="185">
        <v>6</v>
      </c>
      <c r="AF13" s="189">
        <v>6</v>
      </c>
      <c r="AG13" s="188">
        <v>0</v>
      </c>
      <c r="AH13" s="182">
        <v>0</v>
      </c>
      <c r="AI13" s="185">
        <v>0</v>
      </c>
      <c r="AJ13" s="188">
        <v>24</v>
      </c>
      <c r="AK13" s="184">
        <v>66</v>
      </c>
      <c r="AL13" s="184">
        <v>97</v>
      </c>
      <c r="AM13" s="184">
        <v>127</v>
      </c>
      <c r="AN13" s="182">
        <v>69</v>
      </c>
      <c r="AO13" s="185">
        <v>383</v>
      </c>
      <c r="AP13" s="189">
        <v>383</v>
      </c>
      <c r="AQ13" s="188">
        <v>0</v>
      </c>
      <c r="AR13" s="182">
        <v>0</v>
      </c>
      <c r="AS13" s="185">
        <v>0</v>
      </c>
      <c r="AT13" s="183">
        <v>24</v>
      </c>
      <c r="AU13" s="184">
        <v>66</v>
      </c>
      <c r="AV13" s="184">
        <v>93</v>
      </c>
      <c r="AW13" s="184">
        <v>125</v>
      </c>
      <c r="AX13" s="182">
        <v>68</v>
      </c>
      <c r="AY13" s="185">
        <v>376</v>
      </c>
      <c r="AZ13" s="186">
        <v>376</v>
      </c>
      <c r="BA13" s="181">
        <v>0</v>
      </c>
      <c r="BB13" s="182">
        <v>0</v>
      </c>
      <c r="BC13" s="182">
        <v>0</v>
      </c>
      <c r="BD13" s="183">
        <v>0</v>
      </c>
      <c r="BE13" s="184">
        <v>0</v>
      </c>
      <c r="BF13" s="184">
        <v>4</v>
      </c>
      <c r="BG13" s="184">
        <v>2</v>
      </c>
      <c r="BH13" s="182">
        <v>1</v>
      </c>
      <c r="BI13" s="185">
        <v>7</v>
      </c>
      <c r="BJ13" s="187">
        <v>7</v>
      </c>
      <c r="BK13" s="188">
        <v>0</v>
      </c>
      <c r="BL13" s="182">
        <v>0</v>
      </c>
      <c r="BM13" s="182">
        <v>0</v>
      </c>
      <c r="BN13" s="183">
        <v>0</v>
      </c>
      <c r="BO13" s="184">
        <v>0</v>
      </c>
      <c r="BP13" s="184">
        <v>0</v>
      </c>
      <c r="BQ13" s="184">
        <v>0</v>
      </c>
      <c r="BR13" s="182">
        <v>0</v>
      </c>
      <c r="BS13" s="185">
        <v>0</v>
      </c>
      <c r="BT13" s="186">
        <v>0</v>
      </c>
      <c r="BU13" s="181">
        <v>0</v>
      </c>
      <c r="BV13" s="182">
        <v>0</v>
      </c>
      <c r="BW13" s="182">
        <v>0</v>
      </c>
      <c r="BX13" s="183">
        <v>0</v>
      </c>
      <c r="BY13" s="184">
        <v>0</v>
      </c>
      <c r="BZ13" s="184">
        <v>0</v>
      </c>
      <c r="CA13" s="184">
        <v>0</v>
      </c>
      <c r="CB13" s="182">
        <v>0</v>
      </c>
      <c r="CC13" s="185">
        <v>0</v>
      </c>
      <c r="CD13" s="187">
        <v>0</v>
      </c>
      <c r="CE13" s="188">
        <v>0</v>
      </c>
      <c r="CF13" s="182">
        <v>0</v>
      </c>
      <c r="CG13" s="182">
        <v>0</v>
      </c>
      <c r="CH13" s="183">
        <v>0</v>
      </c>
      <c r="CI13" s="184">
        <v>0</v>
      </c>
      <c r="CJ13" s="184">
        <v>0</v>
      </c>
      <c r="CK13" s="184">
        <v>0</v>
      </c>
      <c r="CL13" s="182">
        <v>0</v>
      </c>
      <c r="CM13" s="185">
        <v>0</v>
      </c>
      <c r="CN13" s="187">
        <v>0</v>
      </c>
      <c r="CO13" s="188">
        <v>0</v>
      </c>
      <c r="CP13" s="182">
        <v>0</v>
      </c>
      <c r="CQ13" s="182">
        <v>0</v>
      </c>
      <c r="CR13" s="183">
        <v>0</v>
      </c>
      <c r="CS13" s="184">
        <v>0</v>
      </c>
      <c r="CT13" s="184">
        <v>2</v>
      </c>
      <c r="CU13" s="184">
        <v>3</v>
      </c>
      <c r="CV13" s="182">
        <v>6</v>
      </c>
      <c r="CW13" s="185">
        <v>11</v>
      </c>
      <c r="CX13" s="186">
        <v>11</v>
      </c>
      <c r="CY13" s="181">
        <v>0</v>
      </c>
      <c r="CZ13" s="182">
        <v>0</v>
      </c>
      <c r="DA13" s="182">
        <v>0</v>
      </c>
      <c r="DB13" s="183">
        <v>0</v>
      </c>
      <c r="DC13" s="184">
        <v>0</v>
      </c>
      <c r="DD13" s="184">
        <v>2</v>
      </c>
      <c r="DE13" s="184">
        <v>3</v>
      </c>
      <c r="DF13" s="182">
        <v>6</v>
      </c>
      <c r="DG13" s="185">
        <v>11</v>
      </c>
      <c r="DH13" s="187">
        <v>11</v>
      </c>
      <c r="DI13" s="188">
        <v>0</v>
      </c>
      <c r="DJ13" s="182">
        <v>0</v>
      </c>
      <c r="DK13" s="182">
        <v>0</v>
      </c>
      <c r="DL13" s="183">
        <v>0</v>
      </c>
      <c r="DM13" s="184">
        <v>0</v>
      </c>
      <c r="DN13" s="184">
        <v>0</v>
      </c>
      <c r="DO13" s="184">
        <v>0</v>
      </c>
      <c r="DP13" s="182">
        <v>0</v>
      </c>
      <c r="DQ13" s="185">
        <v>0</v>
      </c>
      <c r="DR13" s="187">
        <v>0</v>
      </c>
      <c r="DS13" s="188">
        <v>0</v>
      </c>
      <c r="DT13" s="182">
        <v>0</v>
      </c>
      <c r="DU13" s="182">
        <v>0</v>
      </c>
      <c r="DV13" s="183">
        <v>31</v>
      </c>
      <c r="DW13" s="184">
        <v>71</v>
      </c>
      <c r="DX13" s="184">
        <v>303</v>
      </c>
      <c r="DY13" s="184">
        <v>479</v>
      </c>
      <c r="DZ13" s="182">
        <v>348</v>
      </c>
      <c r="EA13" s="185">
        <v>1232</v>
      </c>
      <c r="EB13" s="187">
        <v>1232</v>
      </c>
      <c r="EC13" s="32"/>
    </row>
    <row r="14" spans="2:133" ht="21" customHeight="1" x14ac:dyDescent="0.2">
      <c r="B14" s="472" t="s">
        <v>10</v>
      </c>
      <c r="C14" s="181">
        <v>0</v>
      </c>
      <c r="D14" s="182">
        <v>0</v>
      </c>
      <c r="E14" s="182">
        <v>0</v>
      </c>
      <c r="F14" s="183">
        <v>15</v>
      </c>
      <c r="G14" s="184">
        <v>41</v>
      </c>
      <c r="H14" s="184">
        <v>331</v>
      </c>
      <c r="I14" s="184">
        <v>556</v>
      </c>
      <c r="J14" s="182">
        <v>467</v>
      </c>
      <c r="K14" s="185">
        <v>1410</v>
      </c>
      <c r="L14" s="186">
        <v>1410</v>
      </c>
      <c r="M14" s="181">
        <v>0</v>
      </c>
      <c r="N14" s="182">
        <v>0</v>
      </c>
      <c r="O14" s="185">
        <v>0</v>
      </c>
      <c r="P14" s="183">
        <v>15</v>
      </c>
      <c r="Q14" s="184">
        <v>40</v>
      </c>
      <c r="R14" s="184">
        <v>327</v>
      </c>
      <c r="S14" s="184">
        <v>551</v>
      </c>
      <c r="T14" s="182">
        <v>462</v>
      </c>
      <c r="U14" s="185">
        <v>1395</v>
      </c>
      <c r="V14" s="187">
        <v>1395</v>
      </c>
      <c r="W14" s="188">
        <v>0</v>
      </c>
      <c r="X14" s="182">
        <v>0</v>
      </c>
      <c r="Y14" s="185">
        <v>0</v>
      </c>
      <c r="Z14" s="188">
        <v>0</v>
      </c>
      <c r="AA14" s="184">
        <v>1</v>
      </c>
      <c r="AB14" s="184">
        <v>4</v>
      </c>
      <c r="AC14" s="184">
        <v>5</v>
      </c>
      <c r="AD14" s="182">
        <v>5</v>
      </c>
      <c r="AE14" s="185">
        <v>15</v>
      </c>
      <c r="AF14" s="189">
        <v>15</v>
      </c>
      <c r="AG14" s="188">
        <v>0</v>
      </c>
      <c r="AH14" s="182">
        <v>0</v>
      </c>
      <c r="AI14" s="185">
        <v>0</v>
      </c>
      <c r="AJ14" s="188">
        <v>97</v>
      </c>
      <c r="AK14" s="184">
        <v>123</v>
      </c>
      <c r="AL14" s="184">
        <v>173</v>
      </c>
      <c r="AM14" s="184">
        <v>173</v>
      </c>
      <c r="AN14" s="182">
        <v>112</v>
      </c>
      <c r="AO14" s="185">
        <v>678</v>
      </c>
      <c r="AP14" s="189">
        <v>678</v>
      </c>
      <c r="AQ14" s="188">
        <v>0</v>
      </c>
      <c r="AR14" s="182">
        <v>0</v>
      </c>
      <c r="AS14" s="185">
        <v>0</v>
      </c>
      <c r="AT14" s="183">
        <v>92</v>
      </c>
      <c r="AU14" s="184">
        <v>122</v>
      </c>
      <c r="AV14" s="184">
        <v>172</v>
      </c>
      <c r="AW14" s="184">
        <v>169</v>
      </c>
      <c r="AX14" s="182">
        <v>107</v>
      </c>
      <c r="AY14" s="185">
        <v>662</v>
      </c>
      <c r="AZ14" s="186">
        <v>662</v>
      </c>
      <c r="BA14" s="181">
        <v>0</v>
      </c>
      <c r="BB14" s="182">
        <v>0</v>
      </c>
      <c r="BC14" s="182">
        <v>0</v>
      </c>
      <c r="BD14" s="183">
        <v>5</v>
      </c>
      <c r="BE14" s="184">
        <v>1</v>
      </c>
      <c r="BF14" s="184">
        <v>1</v>
      </c>
      <c r="BG14" s="184">
        <v>4</v>
      </c>
      <c r="BH14" s="182">
        <v>5</v>
      </c>
      <c r="BI14" s="185">
        <v>16</v>
      </c>
      <c r="BJ14" s="187">
        <v>16</v>
      </c>
      <c r="BK14" s="188">
        <v>0</v>
      </c>
      <c r="BL14" s="182">
        <v>0</v>
      </c>
      <c r="BM14" s="182">
        <v>0</v>
      </c>
      <c r="BN14" s="183">
        <v>0</v>
      </c>
      <c r="BO14" s="184">
        <v>0</v>
      </c>
      <c r="BP14" s="184">
        <v>0</v>
      </c>
      <c r="BQ14" s="184">
        <v>0</v>
      </c>
      <c r="BR14" s="182">
        <v>2</v>
      </c>
      <c r="BS14" s="185">
        <v>2</v>
      </c>
      <c r="BT14" s="186">
        <v>2</v>
      </c>
      <c r="BU14" s="181">
        <v>0</v>
      </c>
      <c r="BV14" s="182">
        <v>0</v>
      </c>
      <c r="BW14" s="182">
        <v>0</v>
      </c>
      <c r="BX14" s="183">
        <v>0</v>
      </c>
      <c r="BY14" s="184">
        <v>0</v>
      </c>
      <c r="BZ14" s="184">
        <v>0</v>
      </c>
      <c r="CA14" s="184">
        <v>0</v>
      </c>
      <c r="CB14" s="182">
        <v>2</v>
      </c>
      <c r="CC14" s="185">
        <v>2</v>
      </c>
      <c r="CD14" s="187">
        <v>2</v>
      </c>
      <c r="CE14" s="188">
        <v>0</v>
      </c>
      <c r="CF14" s="182">
        <v>0</v>
      </c>
      <c r="CG14" s="182">
        <v>0</v>
      </c>
      <c r="CH14" s="183">
        <v>0</v>
      </c>
      <c r="CI14" s="184">
        <v>0</v>
      </c>
      <c r="CJ14" s="184">
        <v>0</v>
      </c>
      <c r="CK14" s="184">
        <v>0</v>
      </c>
      <c r="CL14" s="182">
        <v>0</v>
      </c>
      <c r="CM14" s="185">
        <v>0</v>
      </c>
      <c r="CN14" s="187">
        <v>0</v>
      </c>
      <c r="CO14" s="188">
        <v>0</v>
      </c>
      <c r="CP14" s="182">
        <v>0</v>
      </c>
      <c r="CQ14" s="182">
        <v>0</v>
      </c>
      <c r="CR14" s="183">
        <v>0</v>
      </c>
      <c r="CS14" s="184">
        <v>0</v>
      </c>
      <c r="CT14" s="184">
        <v>0</v>
      </c>
      <c r="CU14" s="184">
        <v>4</v>
      </c>
      <c r="CV14" s="182">
        <v>31</v>
      </c>
      <c r="CW14" s="185">
        <v>35</v>
      </c>
      <c r="CX14" s="186">
        <v>35</v>
      </c>
      <c r="CY14" s="181">
        <v>0</v>
      </c>
      <c r="CZ14" s="182">
        <v>0</v>
      </c>
      <c r="DA14" s="182">
        <v>0</v>
      </c>
      <c r="DB14" s="183">
        <v>0</v>
      </c>
      <c r="DC14" s="184">
        <v>0</v>
      </c>
      <c r="DD14" s="184">
        <v>0</v>
      </c>
      <c r="DE14" s="184">
        <v>4</v>
      </c>
      <c r="DF14" s="182">
        <v>31</v>
      </c>
      <c r="DG14" s="185">
        <v>35</v>
      </c>
      <c r="DH14" s="187">
        <v>35</v>
      </c>
      <c r="DI14" s="188">
        <v>0</v>
      </c>
      <c r="DJ14" s="182">
        <v>0</v>
      </c>
      <c r="DK14" s="182">
        <v>0</v>
      </c>
      <c r="DL14" s="183">
        <v>0</v>
      </c>
      <c r="DM14" s="184">
        <v>0</v>
      </c>
      <c r="DN14" s="184">
        <v>0</v>
      </c>
      <c r="DO14" s="184">
        <v>0</v>
      </c>
      <c r="DP14" s="182">
        <v>0</v>
      </c>
      <c r="DQ14" s="185">
        <v>0</v>
      </c>
      <c r="DR14" s="187">
        <v>0</v>
      </c>
      <c r="DS14" s="188">
        <v>0</v>
      </c>
      <c r="DT14" s="182">
        <v>0</v>
      </c>
      <c r="DU14" s="182">
        <v>0</v>
      </c>
      <c r="DV14" s="183">
        <v>112</v>
      </c>
      <c r="DW14" s="184">
        <v>164</v>
      </c>
      <c r="DX14" s="184">
        <v>501</v>
      </c>
      <c r="DY14" s="184">
        <v>731</v>
      </c>
      <c r="DZ14" s="182">
        <v>609</v>
      </c>
      <c r="EA14" s="185">
        <v>2117</v>
      </c>
      <c r="EB14" s="187">
        <v>2117</v>
      </c>
      <c r="EC14" s="32"/>
    </row>
    <row r="15" spans="2:133" ht="21" customHeight="1" x14ac:dyDescent="0.2">
      <c r="B15" s="472" t="s">
        <v>11</v>
      </c>
      <c r="C15" s="181">
        <v>0</v>
      </c>
      <c r="D15" s="182">
        <v>0</v>
      </c>
      <c r="E15" s="182">
        <v>0</v>
      </c>
      <c r="F15" s="183">
        <v>1</v>
      </c>
      <c r="G15" s="184">
        <v>7</v>
      </c>
      <c r="H15" s="184">
        <v>171</v>
      </c>
      <c r="I15" s="184">
        <v>377</v>
      </c>
      <c r="J15" s="182">
        <v>204</v>
      </c>
      <c r="K15" s="185">
        <v>760</v>
      </c>
      <c r="L15" s="186">
        <v>760</v>
      </c>
      <c r="M15" s="181">
        <v>0</v>
      </c>
      <c r="N15" s="182">
        <v>0</v>
      </c>
      <c r="O15" s="185">
        <v>0</v>
      </c>
      <c r="P15" s="183">
        <v>1</v>
      </c>
      <c r="Q15" s="184">
        <v>7</v>
      </c>
      <c r="R15" s="184">
        <v>171</v>
      </c>
      <c r="S15" s="184">
        <v>374</v>
      </c>
      <c r="T15" s="182">
        <v>204</v>
      </c>
      <c r="U15" s="185">
        <v>757</v>
      </c>
      <c r="V15" s="187">
        <v>757</v>
      </c>
      <c r="W15" s="188">
        <v>0</v>
      </c>
      <c r="X15" s="182">
        <v>0</v>
      </c>
      <c r="Y15" s="185">
        <v>0</v>
      </c>
      <c r="Z15" s="188">
        <v>0</v>
      </c>
      <c r="AA15" s="184">
        <v>0</v>
      </c>
      <c r="AB15" s="184">
        <v>0</v>
      </c>
      <c r="AC15" s="184">
        <v>3</v>
      </c>
      <c r="AD15" s="182">
        <v>0</v>
      </c>
      <c r="AE15" s="185">
        <v>3</v>
      </c>
      <c r="AF15" s="189">
        <v>3</v>
      </c>
      <c r="AG15" s="188">
        <v>0</v>
      </c>
      <c r="AH15" s="182">
        <v>0</v>
      </c>
      <c r="AI15" s="185">
        <v>0</v>
      </c>
      <c r="AJ15" s="188">
        <v>58</v>
      </c>
      <c r="AK15" s="184">
        <v>92</v>
      </c>
      <c r="AL15" s="184">
        <v>135</v>
      </c>
      <c r="AM15" s="184">
        <v>140</v>
      </c>
      <c r="AN15" s="182">
        <v>77</v>
      </c>
      <c r="AO15" s="185">
        <v>502</v>
      </c>
      <c r="AP15" s="189">
        <v>502</v>
      </c>
      <c r="AQ15" s="188">
        <v>0</v>
      </c>
      <c r="AR15" s="182">
        <v>0</v>
      </c>
      <c r="AS15" s="185">
        <v>0</v>
      </c>
      <c r="AT15" s="183">
        <v>56</v>
      </c>
      <c r="AU15" s="184">
        <v>91</v>
      </c>
      <c r="AV15" s="184">
        <v>134</v>
      </c>
      <c r="AW15" s="184">
        <v>139</v>
      </c>
      <c r="AX15" s="182">
        <v>76</v>
      </c>
      <c r="AY15" s="185">
        <v>496</v>
      </c>
      <c r="AZ15" s="186">
        <v>496</v>
      </c>
      <c r="BA15" s="181">
        <v>0</v>
      </c>
      <c r="BB15" s="182">
        <v>0</v>
      </c>
      <c r="BC15" s="182">
        <v>0</v>
      </c>
      <c r="BD15" s="183">
        <v>2</v>
      </c>
      <c r="BE15" s="184">
        <v>1</v>
      </c>
      <c r="BF15" s="184">
        <v>1</v>
      </c>
      <c r="BG15" s="184">
        <v>1</v>
      </c>
      <c r="BH15" s="182">
        <v>1</v>
      </c>
      <c r="BI15" s="185">
        <v>6</v>
      </c>
      <c r="BJ15" s="187">
        <v>6</v>
      </c>
      <c r="BK15" s="188">
        <v>0</v>
      </c>
      <c r="BL15" s="182">
        <v>0</v>
      </c>
      <c r="BM15" s="182">
        <v>0</v>
      </c>
      <c r="BN15" s="183">
        <v>0</v>
      </c>
      <c r="BO15" s="184">
        <v>0</v>
      </c>
      <c r="BP15" s="184">
        <v>0</v>
      </c>
      <c r="BQ15" s="184">
        <v>0</v>
      </c>
      <c r="BR15" s="182">
        <v>0</v>
      </c>
      <c r="BS15" s="185">
        <v>0</v>
      </c>
      <c r="BT15" s="186">
        <v>0</v>
      </c>
      <c r="BU15" s="181">
        <v>0</v>
      </c>
      <c r="BV15" s="182">
        <v>0</v>
      </c>
      <c r="BW15" s="182">
        <v>0</v>
      </c>
      <c r="BX15" s="183">
        <v>0</v>
      </c>
      <c r="BY15" s="184">
        <v>0</v>
      </c>
      <c r="BZ15" s="184">
        <v>0</v>
      </c>
      <c r="CA15" s="184">
        <v>0</v>
      </c>
      <c r="CB15" s="182">
        <v>0</v>
      </c>
      <c r="CC15" s="185">
        <v>0</v>
      </c>
      <c r="CD15" s="187">
        <v>0</v>
      </c>
      <c r="CE15" s="188">
        <v>0</v>
      </c>
      <c r="CF15" s="182">
        <v>0</v>
      </c>
      <c r="CG15" s="182">
        <v>0</v>
      </c>
      <c r="CH15" s="183">
        <v>0</v>
      </c>
      <c r="CI15" s="184">
        <v>0</v>
      </c>
      <c r="CJ15" s="184">
        <v>0</v>
      </c>
      <c r="CK15" s="184">
        <v>0</v>
      </c>
      <c r="CL15" s="182">
        <v>0</v>
      </c>
      <c r="CM15" s="185">
        <v>0</v>
      </c>
      <c r="CN15" s="187">
        <v>0</v>
      </c>
      <c r="CO15" s="188">
        <v>0</v>
      </c>
      <c r="CP15" s="182">
        <v>0</v>
      </c>
      <c r="CQ15" s="182">
        <v>0</v>
      </c>
      <c r="CR15" s="183">
        <v>6</v>
      </c>
      <c r="CS15" s="184">
        <v>8</v>
      </c>
      <c r="CT15" s="184">
        <v>12</v>
      </c>
      <c r="CU15" s="184">
        <v>11</v>
      </c>
      <c r="CV15" s="182">
        <v>28</v>
      </c>
      <c r="CW15" s="185">
        <v>65</v>
      </c>
      <c r="CX15" s="186">
        <v>65</v>
      </c>
      <c r="CY15" s="181">
        <v>0</v>
      </c>
      <c r="CZ15" s="182">
        <v>0</v>
      </c>
      <c r="DA15" s="182">
        <v>0</v>
      </c>
      <c r="DB15" s="183">
        <v>5</v>
      </c>
      <c r="DC15" s="184">
        <v>8</v>
      </c>
      <c r="DD15" s="184">
        <v>12</v>
      </c>
      <c r="DE15" s="184">
        <v>11</v>
      </c>
      <c r="DF15" s="182">
        <v>26</v>
      </c>
      <c r="DG15" s="185">
        <v>62</v>
      </c>
      <c r="DH15" s="187">
        <v>62</v>
      </c>
      <c r="DI15" s="188">
        <v>0</v>
      </c>
      <c r="DJ15" s="182">
        <v>0</v>
      </c>
      <c r="DK15" s="182">
        <v>0</v>
      </c>
      <c r="DL15" s="183">
        <v>1</v>
      </c>
      <c r="DM15" s="184">
        <v>0</v>
      </c>
      <c r="DN15" s="184">
        <v>0</v>
      </c>
      <c r="DO15" s="184">
        <v>0</v>
      </c>
      <c r="DP15" s="182">
        <v>2</v>
      </c>
      <c r="DQ15" s="185">
        <v>3</v>
      </c>
      <c r="DR15" s="187">
        <v>3</v>
      </c>
      <c r="DS15" s="188">
        <v>0</v>
      </c>
      <c r="DT15" s="182">
        <v>0</v>
      </c>
      <c r="DU15" s="182">
        <v>0</v>
      </c>
      <c r="DV15" s="183">
        <v>64</v>
      </c>
      <c r="DW15" s="184">
        <v>107</v>
      </c>
      <c r="DX15" s="184">
        <v>318</v>
      </c>
      <c r="DY15" s="184">
        <v>527</v>
      </c>
      <c r="DZ15" s="182">
        <v>309</v>
      </c>
      <c r="EA15" s="185">
        <v>1325</v>
      </c>
      <c r="EB15" s="187">
        <v>1325</v>
      </c>
      <c r="EC15" s="32"/>
    </row>
    <row r="16" spans="2:133" ht="21" customHeight="1" x14ac:dyDescent="0.2">
      <c r="B16" s="472" t="s">
        <v>12</v>
      </c>
      <c r="C16" s="181">
        <v>0</v>
      </c>
      <c r="D16" s="182">
        <v>0</v>
      </c>
      <c r="E16" s="182">
        <v>0</v>
      </c>
      <c r="F16" s="183">
        <v>2</v>
      </c>
      <c r="G16" s="184">
        <v>20</v>
      </c>
      <c r="H16" s="184">
        <v>196</v>
      </c>
      <c r="I16" s="184">
        <v>321</v>
      </c>
      <c r="J16" s="182">
        <v>219</v>
      </c>
      <c r="K16" s="185">
        <v>758</v>
      </c>
      <c r="L16" s="186">
        <v>758</v>
      </c>
      <c r="M16" s="181">
        <v>0</v>
      </c>
      <c r="N16" s="182">
        <v>0</v>
      </c>
      <c r="O16" s="185">
        <v>0</v>
      </c>
      <c r="P16" s="183">
        <v>2</v>
      </c>
      <c r="Q16" s="184">
        <v>20</v>
      </c>
      <c r="R16" s="184">
        <v>196</v>
      </c>
      <c r="S16" s="184">
        <v>321</v>
      </c>
      <c r="T16" s="182">
        <v>214</v>
      </c>
      <c r="U16" s="185">
        <v>753</v>
      </c>
      <c r="V16" s="187">
        <v>753</v>
      </c>
      <c r="W16" s="188">
        <v>0</v>
      </c>
      <c r="X16" s="182">
        <v>0</v>
      </c>
      <c r="Y16" s="185">
        <v>0</v>
      </c>
      <c r="Z16" s="188">
        <v>0</v>
      </c>
      <c r="AA16" s="184">
        <v>0</v>
      </c>
      <c r="AB16" s="184">
        <v>0</v>
      </c>
      <c r="AC16" s="184">
        <v>0</v>
      </c>
      <c r="AD16" s="182">
        <v>5</v>
      </c>
      <c r="AE16" s="185">
        <v>5</v>
      </c>
      <c r="AF16" s="189">
        <v>5</v>
      </c>
      <c r="AG16" s="188">
        <v>0</v>
      </c>
      <c r="AH16" s="182">
        <v>0</v>
      </c>
      <c r="AI16" s="185">
        <v>0</v>
      </c>
      <c r="AJ16" s="188">
        <v>44</v>
      </c>
      <c r="AK16" s="184">
        <v>87</v>
      </c>
      <c r="AL16" s="184">
        <v>157</v>
      </c>
      <c r="AM16" s="184">
        <v>172</v>
      </c>
      <c r="AN16" s="182">
        <v>76</v>
      </c>
      <c r="AO16" s="185">
        <v>536</v>
      </c>
      <c r="AP16" s="189">
        <v>536</v>
      </c>
      <c r="AQ16" s="188">
        <v>0</v>
      </c>
      <c r="AR16" s="182">
        <v>0</v>
      </c>
      <c r="AS16" s="185">
        <v>0</v>
      </c>
      <c r="AT16" s="183">
        <v>43</v>
      </c>
      <c r="AU16" s="184">
        <v>87</v>
      </c>
      <c r="AV16" s="184">
        <v>155</v>
      </c>
      <c r="AW16" s="184">
        <v>171</v>
      </c>
      <c r="AX16" s="182">
        <v>74</v>
      </c>
      <c r="AY16" s="185">
        <v>530</v>
      </c>
      <c r="AZ16" s="186">
        <v>530</v>
      </c>
      <c r="BA16" s="181">
        <v>0</v>
      </c>
      <c r="BB16" s="182">
        <v>0</v>
      </c>
      <c r="BC16" s="182">
        <v>0</v>
      </c>
      <c r="BD16" s="183">
        <v>1</v>
      </c>
      <c r="BE16" s="184">
        <v>0</v>
      </c>
      <c r="BF16" s="184">
        <v>2</v>
      </c>
      <c r="BG16" s="184">
        <v>1</v>
      </c>
      <c r="BH16" s="182">
        <v>2</v>
      </c>
      <c r="BI16" s="185">
        <v>6</v>
      </c>
      <c r="BJ16" s="187">
        <v>6</v>
      </c>
      <c r="BK16" s="188">
        <v>0</v>
      </c>
      <c r="BL16" s="182">
        <v>0</v>
      </c>
      <c r="BM16" s="182">
        <v>0</v>
      </c>
      <c r="BN16" s="183">
        <v>0</v>
      </c>
      <c r="BO16" s="184">
        <v>0</v>
      </c>
      <c r="BP16" s="184">
        <v>0</v>
      </c>
      <c r="BQ16" s="184">
        <v>0</v>
      </c>
      <c r="BR16" s="182">
        <v>2</v>
      </c>
      <c r="BS16" s="185">
        <v>2</v>
      </c>
      <c r="BT16" s="186">
        <v>2</v>
      </c>
      <c r="BU16" s="181">
        <v>0</v>
      </c>
      <c r="BV16" s="182">
        <v>0</v>
      </c>
      <c r="BW16" s="182">
        <v>0</v>
      </c>
      <c r="BX16" s="183">
        <v>0</v>
      </c>
      <c r="BY16" s="184">
        <v>0</v>
      </c>
      <c r="BZ16" s="184">
        <v>0</v>
      </c>
      <c r="CA16" s="184">
        <v>0</v>
      </c>
      <c r="CB16" s="182">
        <v>2</v>
      </c>
      <c r="CC16" s="185">
        <v>2</v>
      </c>
      <c r="CD16" s="187">
        <v>2</v>
      </c>
      <c r="CE16" s="188">
        <v>0</v>
      </c>
      <c r="CF16" s="182">
        <v>0</v>
      </c>
      <c r="CG16" s="182">
        <v>0</v>
      </c>
      <c r="CH16" s="183">
        <v>0</v>
      </c>
      <c r="CI16" s="184">
        <v>0</v>
      </c>
      <c r="CJ16" s="184">
        <v>0</v>
      </c>
      <c r="CK16" s="184">
        <v>0</v>
      </c>
      <c r="CL16" s="182">
        <v>0</v>
      </c>
      <c r="CM16" s="185">
        <v>0</v>
      </c>
      <c r="CN16" s="187">
        <v>0</v>
      </c>
      <c r="CO16" s="188">
        <v>0</v>
      </c>
      <c r="CP16" s="182">
        <v>0</v>
      </c>
      <c r="CQ16" s="182">
        <v>0</v>
      </c>
      <c r="CR16" s="183">
        <v>0</v>
      </c>
      <c r="CS16" s="184">
        <v>1</v>
      </c>
      <c r="CT16" s="184">
        <v>2</v>
      </c>
      <c r="CU16" s="184">
        <v>15</v>
      </c>
      <c r="CV16" s="182">
        <v>10</v>
      </c>
      <c r="CW16" s="185">
        <v>28</v>
      </c>
      <c r="CX16" s="186">
        <v>28</v>
      </c>
      <c r="CY16" s="181">
        <v>0</v>
      </c>
      <c r="CZ16" s="182">
        <v>0</v>
      </c>
      <c r="DA16" s="182">
        <v>0</v>
      </c>
      <c r="DB16" s="183">
        <v>0</v>
      </c>
      <c r="DC16" s="184">
        <v>1</v>
      </c>
      <c r="DD16" s="184">
        <v>2</v>
      </c>
      <c r="DE16" s="184">
        <v>15</v>
      </c>
      <c r="DF16" s="182">
        <v>10</v>
      </c>
      <c r="DG16" s="185">
        <v>28</v>
      </c>
      <c r="DH16" s="187">
        <v>28</v>
      </c>
      <c r="DI16" s="188">
        <v>0</v>
      </c>
      <c r="DJ16" s="182">
        <v>0</v>
      </c>
      <c r="DK16" s="182">
        <v>0</v>
      </c>
      <c r="DL16" s="183">
        <v>0</v>
      </c>
      <c r="DM16" s="184">
        <v>0</v>
      </c>
      <c r="DN16" s="184">
        <v>0</v>
      </c>
      <c r="DO16" s="184">
        <v>0</v>
      </c>
      <c r="DP16" s="182">
        <v>0</v>
      </c>
      <c r="DQ16" s="185">
        <v>0</v>
      </c>
      <c r="DR16" s="187">
        <v>0</v>
      </c>
      <c r="DS16" s="188">
        <v>0</v>
      </c>
      <c r="DT16" s="182">
        <v>0</v>
      </c>
      <c r="DU16" s="182">
        <v>0</v>
      </c>
      <c r="DV16" s="183">
        <v>46</v>
      </c>
      <c r="DW16" s="184">
        <v>108</v>
      </c>
      <c r="DX16" s="184">
        <v>355</v>
      </c>
      <c r="DY16" s="184">
        <v>505</v>
      </c>
      <c r="DZ16" s="182">
        <v>307</v>
      </c>
      <c r="EA16" s="185">
        <v>1321</v>
      </c>
      <c r="EB16" s="187">
        <v>1321</v>
      </c>
      <c r="EC16" s="32"/>
    </row>
    <row r="17" spans="2:133" ht="21" customHeight="1" x14ac:dyDescent="0.2">
      <c r="B17" s="472" t="s">
        <v>13</v>
      </c>
      <c r="C17" s="181">
        <v>0</v>
      </c>
      <c r="D17" s="182">
        <v>0</v>
      </c>
      <c r="E17" s="182">
        <v>0</v>
      </c>
      <c r="F17" s="183">
        <v>1</v>
      </c>
      <c r="G17" s="184">
        <v>3</v>
      </c>
      <c r="H17" s="184">
        <v>56</v>
      </c>
      <c r="I17" s="184">
        <v>149</v>
      </c>
      <c r="J17" s="182">
        <v>126</v>
      </c>
      <c r="K17" s="185">
        <v>335</v>
      </c>
      <c r="L17" s="186">
        <v>335</v>
      </c>
      <c r="M17" s="181">
        <v>0</v>
      </c>
      <c r="N17" s="182">
        <v>0</v>
      </c>
      <c r="O17" s="185">
        <v>0</v>
      </c>
      <c r="P17" s="183">
        <v>1</v>
      </c>
      <c r="Q17" s="184">
        <v>3</v>
      </c>
      <c r="R17" s="184">
        <v>56</v>
      </c>
      <c r="S17" s="184">
        <v>149</v>
      </c>
      <c r="T17" s="182">
        <v>125</v>
      </c>
      <c r="U17" s="185">
        <v>334</v>
      </c>
      <c r="V17" s="187">
        <v>334</v>
      </c>
      <c r="W17" s="188">
        <v>0</v>
      </c>
      <c r="X17" s="182">
        <v>0</v>
      </c>
      <c r="Y17" s="185">
        <v>0</v>
      </c>
      <c r="Z17" s="188">
        <v>0</v>
      </c>
      <c r="AA17" s="184">
        <v>0</v>
      </c>
      <c r="AB17" s="184">
        <v>0</v>
      </c>
      <c r="AC17" s="184">
        <v>0</v>
      </c>
      <c r="AD17" s="182">
        <v>1</v>
      </c>
      <c r="AE17" s="185">
        <v>1</v>
      </c>
      <c r="AF17" s="189">
        <v>1</v>
      </c>
      <c r="AG17" s="188">
        <v>0</v>
      </c>
      <c r="AH17" s="182">
        <v>0</v>
      </c>
      <c r="AI17" s="185">
        <v>0</v>
      </c>
      <c r="AJ17" s="188">
        <v>11</v>
      </c>
      <c r="AK17" s="184">
        <v>24</v>
      </c>
      <c r="AL17" s="184">
        <v>41</v>
      </c>
      <c r="AM17" s="184">
        <v>33</v>
      </c>
      <c r="AN17" s="182">
        <v>28</v>
      </c>
      <c r="AO17" s="185">
        <v>137</v>
      </c>
      <c r="AP17" s="189">
        <v>137</v>
      </c>
      <c r="AQ17" s="188">
        <v>0</v>
      </c>
      <c r="AR17" s="182">
        <v>0</v>
      </c>
      <c r="AS17" s="185">
        <v>0</v>
      </c>
      <c r="AT17" s="183">
        <v>11</v>
      </c>
      <c r="AU17" s="184">
        <v>23</v>
      </c>
      <c r="AV17" s="184">
        <v>40</v>
      </c>
      <c r="AW17" s="184">
        <v>31</v>
      </c>
      <c r="AX17" s="182">
        <v>27</v>
      </c>
      <c r="AY17" s="185">
        <v>132</v>
      </c>
      <c r="AZ17" s="186">
        <v>132</v>
      </c>
      <c r="BA17" s="181">
        <v>0</v>
      </c>
      <c r="BB17" s="182">
        <v>0</v>
      </c>
      <c r="BC17" s="182">
        <v>0</v>
      </c>
      <c r="BD17" s="183">
        <v>0</v>
      </c>
      <c r="BE17" s="184">
        <v>1</v>
      </c>
      <c r="BF17" s="184">
        <v>1</v>
      </c>
      <c r="BG17" s="184">
        <v>2</v>
      </c>
      <c r="BH17" s="182">
        <v>1</v>
      </c>
      <c r="BI17" s="185">
        <v>5</v>
      </c>
      <c r="BJ17" s="187">
        <v>5</v>
      </c>
      <c r="BK17" s="188">
        <v>0</v>
      </c>
      <c r="BL17" s="182">
        <v>0</v>
      </c>
      <c r="BM17" s="182">
        <v>0</v>
      </c>
      <c r="BN17" s="183">
        <v>0</v>
      </c>
      <c r="BO17" s="184">
        <v>0</v>
      </c>
      <c r="BP17" s="184">
        <v>0</v>
      </c>
      <c r="BQ17" s="184">
        <v>0</v>
      </c>
      <c r="BR17" s="182">
        <v>0</v>
      </c>
      <c r="BS17" s="185">
        <v>0</v>
      </c>
      <c r="BT17" s="186">
        <v>0</v>
      </c>
      <c r="BU17" s="181">
        <v>0</v>
      </c>
      <c r="BV17" s="182">
        <v>0</v>
      </c>
      <c r="BW17" s="182">
        <v>0</v>
      </c>
      <c r="BX17" s="183">
        <v>0</v>
      </c>
      <c r="BY17" s="184">
        <v>0</v>
      </c>
      <c r="BZ17" s="184">
        <v>0</v>
      </c>
      <c r="CA17" s="184">
        <v>0</v>
      </c>
      <c r="CB17" s="182">
        <v>0</v>
      </c>
      <c r="CC17" s="185">
        <v>0</v>
      </c>
      <c r="CD17" s="187">
        <v>0</v>
      </c>
      <c r="CE17" s="188">
        <v>0</v>
      </c>
      <c r="CF17" s="182">
        <v>0</v>
      </c>
      <c r="CG17" s="182">
        <v>0</v>
      </c>
      <c r="CH17" s="183">
        <v>0</v>
      </c>
      <c r="CI17" s="184">
        <v>0</v>
      </c>
      <c r="CJ17" s="184">
        <v>0</v>
      </c>
      <c r="CK17" s="184">
        <v>0</v>
      </c>
      <c r="CL17" s="182">
        <v>0</v>
      </c>
      <c r="CM17" s="185">
        <v>0</v>
      </c>
      <c r="CN17" s="187">
        <v>0</v>
      </c>
      <c r="CO17" s="188">
        <v>0</v>
      </c>
      <c r="CP17" s="182">
        <v>0</v>
      </c>
      <c r="CQ17" s="182">
        <v>0</v>
      </c>
      <c r="CR17" s="183">
        <v>0</v>
      </c>
      <c r="CS17" s="184">
        <v>0</v>
      </c>
      <c r="CT17" s="184">
        <v>0</v>
      </c>
      <c r="CU17" s="184">
        <v>0</v>
      </c>
      <c r="CV17" s="182">
        <v>1</v>
      </c>
      <c r="CW17" s="185">
        <v>1</v>
      </c>
      <c r="CX17" s="186">
        <v>1</v>
      </c>
      <c r="CY17" s="181">
        <v>0</v>
      </c>
      <c r="CZ17" s="182">
        <v>0</v>
      </c>
      <c r="DA17" s="182">
        <v>0</v>
      </c>
      <c r="DB17" s="183">
        <v>0</v>
      </c>
      <c r="DC17" s="184">
        <v>0</v>
      </c>
      <c r="DD17" s="184">
        <v>0</v>
      </c>
      <c r="DE17" s="184">
        <v>0</v>
      </c>
      <c r="DF17" s="182">
        <v>1</v>
      </c>
      <c r="DG17" s="185">
        <v>1</v>
      </c>
      <c r="DH17" s="187">
        <v>1</v>
      </c>
      <c r="DI17" s="188">
        <v>0</v>
      </c>
      <c r="DJ17" s="182">
        <v>0</v>
      </c>
      <c r="DK17" s="182">
        <v>0</v>
      </c>
      <c r="DL17" s="183">
        <v>0</v>
      </c>
      <c r="DM17" s="184">
        <v>0</v>
      </c>
      <c r="DN17" s="184">
        <v>0</v>
      </c>
      <c r="DO17" s="184">
        <v>0</v>
      </c>
      <c r="DP17" s="182">
        <v>0</v>
      </c>
      <c r="DQ17" s="185">
        <v>0</v>
      </c>
      <c r="DR17" s="187">
        <v>0</v>
      </c>
      <c r="DS17" s="188">
        <v>0</v>
      </c>
      <c r="DT17" s="182">
        <v>0</v>
      </c>
      <c r="DU17" s="182">
        <v>0</v>
      </c>
      <c r="DV17" s="183">
        <v>12</v>
      </c>
      <c r="DW17" s="184">
        <v>27</v>
      </c>
      <c r="DX17" s="184">
        <v>97</v>
      </c>
      <c r="DY17" s="184">
        <v>182</v>
      </c>
      <c r="DZ17" s="182">
        <v>155</v>
      </c>
      <c r="EA17" s="185">
        <v>473</v>
      </c>
      <c r="EB17" s="187">
        <v>473</v>
      </c>
      <c r="EC17" s="32"/>
    </row>
    <row r="18" spans="2:133" ht="21" customHeight="1" x14ac:dyDescent="0.2">
      <c r="B18" s="472" t="s">
        <v>15</v>
      </c>
      <c r="C18" s="181">
        <v>0</v>
      </c>
      <c r="D18" s="182">
        <v>0</v>
      </c>
      <c r="E18" s="182">
        <v>0</v>
      </c>
      <c r="F18" s="183">
        <v>1</v>
      </c>
      <c r="G18" s="184">
        <v>0</v>
      </c>
      <c r="H18" s="184">
        <v>83</v>
      </c>
      <c r="I18" s="184">
        <v>143</v>
      </c>
      <c r="J18" s="182">
        <v>90</v>
      </c>
      <c r="K18" s="185">
        <v>317</v>
      </c>
      <c r="L18" s="186">
        <v>317</v>
      </c>
      <c r="M18" s="181">
        <v>0</v>
      </c>
      <c r="N18" s="182">
        <v>0</v>
      </c>
      <c r="O18" s="185">
        <v>0</v>
      </c>
      <c r="P18" s="183">
        <v>1</v>
      </c>
      <c r="Q18" s="184">
        <v>0</v>
      </c>
      <c r="R18" s="184">
        <v>83</v>
      </c>
      <c r="S18" s="184">
        <v>142</v>
      </c>
      <c r="T18" s="182">
        <v>88</v>
      </c>
      <c r="U18" s="185">
        <v>314</v>
      </c>
      <c r="V18" s="187">
        <v>314</v>
      </c>
      <c r="W18" s="188">
        <v>0</v>
      </c>
      <c r="X18" s="182">
        <v>0</v>
      </c>
      <c r="Y18" s="185">
        <v>0</v>
      </c>
      <c r="Z18" s="188">
        <v>0</v>
      </c>
      <c r="AA18" s="184">
        <v>0</v>
      </c>
      <c r="AB18" s="184">
        <v>0</v>
      </c>
      <c r="AC18" s="184">
        <v>1</v>
      </c>
      <c r="AD18" s="182">
        <v>2</v>
      </c>
      <c r="AE18" s="185">
        <v>3</v>
      </c>
      <c r="AF18" s="189">
        <v>3</v>
      </c>
      <c r="AG18" s="188">
        <v>0</v>
      </c>
      <c r="AH18" s="182">
        <v>0</v>
      </c>
      <c r="AI18" s="185">
        <v>0</v>
      </c>
      <c r="AJ18" s="188">
        <v>15</v>
      </c>
      <c r="AK18" s="184">
        <v>34</v>
      </c>
      <c r="AL18" s="184">
        <v>46</v>
      </c>
      <c r="AM18" s="184">
        <v>58</v>
      </c>
      <c r="AN18" s="182">
        <v>27</v>
      </c>
      <c r="AO18" s="185">
        <v>180</v>
      </c>
      <c r="AP18" s="189">
        <v>180</v>
      </c>
      <c r="AQ18" s="188">
        <v>0</v>
      </c>
      <c r="AR18" s="182">
        <v>0</v>
      </c>
      <c r="AS18" s="185">
        <v>0</v>
      </c>
      <c r="AT18" s="183">
        <v>14</v>
      </c>
      <c r="AU18" s="184">
        <v>34</v>
      </c>
      <c r="AV18" s="184">
        <v>46</v>
      </c>
      <c r="AW18" s="184">
        <v>57</v>
      </c>
      <c r="AX18" s="182">
        <v>26</v>
      </c>
      <c r="AY18" s="185">
        <v>177</v>
      </c>
      <c r="AZ18" s="186">
        <v>177</v>
      </c>
      <c r="BA18" s="181">
        <v>0</v>
      </c>
      <c r="BB18" s="182">
        <v>0</v>
      </c>
      <c r="BC18" s="182">
        <v>0</v>
      </c>
      <c r="BD18" s="183">
        <v>1</v>
      </c>
      <c r="BE18" s="184">
        <v>0</v>
      </c>
      <c r="BF18" s="184">
        <v>0</v>
      </c>
      <c r="BG18" s="184">
        <v>1</v>
      </c>
      <c r="BH18" s="182">
        <v>1</v>
      </c>
      <c r="BI18" s="185">
        <v>3</v>
      </c>
      <c r="BJ18" s="187">
        <v>3</v>
      </c>
      <c r="BK18" s="188">
        <v>0</v>
      </c>
      <c r="BL18" s="182">
        <v>0</v>
      </c>
      <c r="BM18" s="182">
        <v>0</v>
      </c>
      <c r="BN18" s="183">
        <v>0</v>
      </c>
      <c r="BO18" s="184">
        <v>0</v>
      </c>
      <c r="BP18" s="184">
        <v>0</v>
      </c>
      <c r="BQ18" s="184">
        <v>0</v>
      </c>
      <c r="BR18" s="182">
        <v>0</v>
      </c>
      <c r="BS18" s="185">
        <v>0</v>
      </c>
      <c r="BT18" s="186">
        <v>0</v>
      </c>
      <c r="BU18" s="181">
        <v>0</v>
      </c>
      <c r="BV18" s="182">
        <v>0</v>
      </c>
      <c r="BW18" s="182">
        <v>0</v>
      </c>
      <c r="BX18" s="183">
        <v>0</v>
      </c>
      <c r="BY18" s="184">
        <v>0</v>
      </c>
      <c r="BZ18" s="184">
        <v>0</v>
      </c>
      <c r="CA18" s="184">
        <v>0</v>
      </c>
      <c r="CB18" s="182">
        <v>0</v>
      </c>
      <c r="CC18" s="185">
        <v>0</v>
      </c>
      <c r="CD18" s="187">
        <v>0</v>
      </c>
      <c r="CE18" s="188">
        <v>0</v>
      </c>
      <c r="CF18" s="182">
        <v>0</v>
      </c>
      <c r="CG18" s="182">
        <v>0</v>
      </c>
      <c r="CH18" s="183">
        <v>0</v>
      </c>
      <c r="CI18" s="184">
        <v>0</v>
      </c>
      <c r="CJ18" s="184">
        <v>0</v>
      </c>
      <c r="CK18" s="184">
        <v>0</v>
      </c>
      <c r="CL18" s="182">
        <v>0</v>
      </c>
      <c r="CM18" s="185">
        <v>0</v>
      </c>
      <c r="CN18" s="187">
        <v>0</v>
      </c>
      <c r="CO18" s="188">
        <v>0</v>
      </c>
      <c r="CP18" s="182">
        <v>0</v>
      </c>
      <c r="CQ18" s="182">
        <v>0</v>
      </c>
      <c r="CR18" s="183">
        <v>0</v>
      </c>
      <c r="CS18" s="184">
        <v>0</v>
      </c>
      <c r="CT18" s="184">
        <v>0</v>
      </c>
      <c r="CU18" s="184">
        <v>0</v>
      </c>
      <c r="CV18" s="182">
        <v>0</v>
      </c>
      <c r="CW18" s="185">
        <v>0</v>
      </c>
      <c r="CX18" s="186">
        <v>0</v>
      </c>
      <c r="CY18" s="181">
        <v>0</v>
      </c>
      <c r="CZ18" s="182">
        <v>0</v>
      </c>
      <c r="DA18" s="182">
        <v>0</v>
      </c>
      <c r="DB18" s="183">
        <v>0</v>
      </c>
      <c r="DC18" s="184">
        <v>0</v>
      </c>
      <c r="DD18" s="184">
        <v>0</v>
      </c>
      <c r="DE18" s="184">
        <v>0</v>
      </c>
      <c r="DF18" s="182">
        <v>0</v>
      </c>
      <c r="DG18" s="185">
        <v>0</v>
      </c>
      <c r="DH18" s="187">
        <v>0</v>
      </c>
      <c r="DI18" s="188">
        <v>0</v>
      </c>
      <c r="DJ18" s="182">
        <v>0</v>
      </c>
      <c r="DK18" s="182">
        <v>0</v>
      </c>
      <c r="DL18" s="183">
        <v>0</v>
      </c>
      <c r="DM18" s="184">
        <v>0</v>
      </c>
      <c r="DN18" s="184">
        <v>0</v>
      </c>
      <c r="DO18" s="184">
        <v>0</v>
      </c>
      <c r="DP18" s="182">
        <v>0</v>
      </c>
      <c r="DQ18" s="185">
        <v>0</v>
      </c>
      <c r="DR18" s="187">
        <v>0</v>
      </c>
      <c r="DS18" s="188">
        <v>0</v>
      </c>
      <c r="DT18" s="182">
        <v>0</v>
      </c>
      <c r="DU18" s="182">
        <v>0</v>
      </c>
      <c r="DV18" s="183">
        <v>16</v>
      </c>
      <c r="DW18" s="184">
        <v>34</v>
      </c>
      <c r="DX18" s="184">
        <v>129</v>
      </c>
      <c r="DY18" s="184">
        <v>201</v>
      </c>
      <c r="DZ18" s="182">
        <v>117</v>
      </c>
      <c r="EA18" s="185">
        <v>497</v>
      </c>
      <c r="EB18" s="187">
        <v>497</v>
      </c>
      <c r="EC18" s="32"/>
    </row>
    <row r="19" spans="2:133" ht="21" customHeight="1" x14ac:dyDescent="0.2">
      <c r="B19" s="472" t="s">
        <v>16</v>
      </c>
      <c r="C19" s="181">
        <v>0</v>
      </c>
      <c r="D19" s="182">
        <v>0</v>
      </c>
      <c r="E19" s="182">
        <v>0</v>
      </c>
      <c r="F19" s="183">
        <v>6</v>
      </c>
      <c r="G19" s="184">
        <v>16</v>
      </c>
      <c r="H19" s="184">
        <v>205</v>
      </c>
      <c r="I19" s="184">
        <v>309</v>
      </c>
      <c r="J19" s="182">
        <v>195</v>
      </c>
      <c r="K19" s="185">
        <v>731</v>
      </c>
      <c r="L19" s="186">
        <v>731</v>
      </c>
      <c r="M19" s="181">
        <v>0</v>
      </c>
      <c r="N19" s="182">
        <v>0</v>
      </c>
      <c r="O19" s="185">
        <v>0</v>
      </c>
      <c r="P19" s="183">
        <v>6</v>
      </c>
      <c r="Q19" s="184">
        <v>15</v>
      </c>
      <c r="R19" s="184">
        <v>205</v>
      </c>
      <c r="S19" s="184">
        <v>308</v>
      </c>
      <c r="T19" s="182">
        <v>191</v>
      </c>
      <c r="U19" s="185">
        <v>725</v>
      </c>
      <c r="V19" s="187">
        <v>725</v>
      </c>
      <c r="W19" s="188">
        <v>0</v>
      </c>
      <c r="X19" s="182">
        <v>0</v>
      </c>
      <c r="Y19" s="185">
        <v>0</v>
      </c>
      <c r="Z19" s="188">
        <v>0</v>
      </c>
      <c r="AA19" s="184">
        <v>1</v>
      </c>
      <c r="AB19" s="184">
        <v>0</v>
      </c>
      <c r="AC19" s="184">
        <v>1</v>
      </c>
      <c r="AD19" s="182">
        <v>4</v>
      </c>
      <c r="AE19" s="185">
        <v>6</v>
      </c>
      <c r="AF19" s="189">
        <v>6</v>
      </c>
      <c r="AG19" s="188">
        <v>0</v>
      </c>
      <c r="AH19" s="182">
        <v>0</v>
      </c>
      <c r="AI19" s="185">
        <v>0</v>
      </c>
      <c r="AJ19" s="188">
        <v>45</v>
      </c>
      <c r="AK19" s="184">
        <v>90</v>
      </c>
      <c r="AL19" s="184">
        <v>147</v>
      </c>
      <c r="AM19" s="184">
        <v>147</v>
      </c>
      <c r="AN19" s="182">
        <v>72</v>
      </c>
      <c r="AO19" s="185">
        <v>501</v>
      </c>
      <c r="AP19" s="189">
        <v>501</v>
      </c>
      <c r="AQ19" s="188">
        <v>0</v>
      </c>
      <c r="AR19" s="182">
        <v>0</v>
      </c>
      <c r="AS19" s="185">
        <v>0</v>
      </c>
      <c r="AT19" s="183">
        <v>45</v>
      </c>
      <c r="AU19" s="184">
        <v>90</v>
      </c>
      <c r="AV19" s="184">
        <v>145</v>
      </c>
      <c r="AW19" s="184">
        <v>147</v>
      </c>
      <c r="AX19" s="182">
        <v>71</v>
      </c>
      <c r="AY19" s="185">
        <v>498</v>
      </c>
      <c r="AZ19" s="186">
        <v>498</v>
      </c>
      <c r="BA19" s="181">
        <v>0</v>
      </c>
      <c r="BB19" s="182">
        <v>0</v>
      </c>
      <c r="BC19" s="182">
        <v>0</v>
      </c>
      <c r="BD19" s="183">
        <v>0</v>
      </c>
      <c r="BE19" s="184">
        <v>0</v>
      </c>
      <c r="BF19" s="184">
        <v>2</v>
      </c>
      <c r="BG19" s="184">
        <v>0</v>
      </c>
      <c r="BH19" s="182">
        <v>1</v>
      </c>
      <c r="BI19" s="185">
        <v>3</v>
      </c>
      <c r="BJ19" s="187">
        <v>3</v>
      </c>
      <c r="BK19" s="188">
        <v>0</v>
      </c>
      <c r="BL19" s="182">
        <v>0</v>
      </c>
      <c r="BM19" s="182">
        <v>0</v>
      </c>
      <c r="BN19" s="183">
        <v>0</v>
      </c>
      <c r="BO19" s="184">
        <v>0</v>
      </c>
      <c r="BP19" s="184">
        <v>0</v>
      </c>
      <c r="BQ19" s="184">
        <v>0</v>
      </c>
      <c r="BR19" s="182">
        <v>0</v>
      </c>
      <c r="BS19" s="185">
        <v>0</v>
      </c>
      <c r="BT19" s="186">
        <v>0</v>
      </c>
      <c r="BU19" s="181">
        <v>0</v>
      </c>
      <c r="BV19" s="182">
        <v>0</v>
      </c>
      <c r="BW19" s="182">
        <v>0</v>
      </c>
      <c r="BX19" s="183">
        <v>0</v>
      </c>
      <c r="BY19" s="184">
        <v>0</v>
      </c>
      <c r="BZ19" s="184">
        <v>0</v>
      </c>
      <c r="CA19" s="184">
        <v>0</v>
      </c>
      <c r="CB19" s="182">
        <v>0</v>
      </c>
      <c r="CC19" s="185">
        <v>0</v>
      </c>
      <c r="CD19" s="187">
        <v>0</v>
      </c>
      <c r="CE19" s="188">
        <v>0</v>
      </c>
      <c r="CF19" s="182">
        <v>0</v>
      </c>
      <c r="CG19" s="182">
        <v>0</v>
      </c>
      <c r="CH19" s="183">
        <v>0</v>
      </c>
      <c r="CI19" s="184">
        <v>0</v>
      </c>
      <c r="CJ19" s="184">
        <v>0</v>
      </c>
      <c r="CK19" s="184">
        <v>0</v>
      </c>
      <c r="CL19" s="182">
        <v>0</v>
      </c>
      <c r="CM19" s="185">
        <v>0</v>
      </c>
      <c r="CN19" s="187">
        <v>0</v>
      </c>
      <c r="CO19" s="188">
        <v>0</v>
      </c>
      <c r="CP19" s="182">
        <v>0</v>
      </c>
      <c r="CQ19" s="182">
        <v>0</v>
      </c>
      <c r="CR19" s="183">
        <v>0</v>
      </c>
      <c r="CS19" s="184">
        <v>0</v>
      </c>
      <c r="CT19" s="184">
        <v>1</v>
      </c>
      <c r="CU19" s="184">
        <v>12</v>
      </c>
      <c r="CV19" s="182">
        <v>18</v>
      </c>
      <c r="CW19" s="185">
        <v>31</v>
      </c>
      <c r="CX19" s="186">
        <v>31</v>
      </c>
      <c r="CY19" s="181">
        <v>0</v>
      </c>
      <c r="CZ19" s="182">
        <v>0</v>
      </c>
      <c r="DA19" s="182">
        <v>0</v>
      </c>
      <c r="DB19" s="183">
        <v>0</v>
      </c>
      <c r="DC19" s="184">
        <v>0</v>
      </c>
      <c r="DD19" s="184">
        <v>1</v>
      </c>
      <c r="DE19" s="184">
        <v>12</v>
      </c>
      <c r="DF19" s="182">
        <v>18</v>
      </c>
      <c r="DG19" s="185">
        <v>31</v>
      </c>
      <c r="DH19" s="187">
        <v>31</v>
      </c>
      <c r="DI19" s="188">
        <v>0</v>
      </c>
      <c r="DJ19" s="182">
        <v>0</v>
      </c>
      <c r="DK19" s="182">
        <v>0</v>
      </c>
      <c r="DL19" s="183">
        <v>0</v>
      </c>
      <c r="DM19" s="184">
        <v>0</v>
      </c>
      <c r="DN19" s="184">
        <v>0</v>
      </c>
      <c r="DO19" s="184">
        <v>0</v>
      </c>
      <c r="DP19" s="182">
        <v>0</v>
      </c>
      <c r="DQ19" s="185">
        <v>0</v>
      </c>
      <c r="DR19" s="187">
        <v>0</v>
      </c>
      <c r="DS19" s="188">
        <v>0</v>
      </c>
      <c r="DT19" s="182">
        <v>0</v>
      </c>
      <c r="DU19" s="182">
        <v>0</v>
      </c>
      <c r="DV19" s="183">
        <v>51</v>
      </c>
      <c r="DW19" s="184">
        <v>106</v>
      </c>
      <c r="DX19" s="184">
        <v>350</v>
      </c>
      <c r="DY19" s="184">
        <v>466</v>
      </c>
      <c r="DZ19" s="182">
        <v>281</v>
      </c>
      <c r="EA19" s="185">
        <v>1254</v>
      </c>
      <c r="EB19" s="187">
        <v>1254</v>
      </c>
      <c r="EC19" s="32"/>
    </row>
    <row r="20" spans="2:133" ht="21" customHeight="1" x14ac:dyDescent="0.2">
      <c r="B20" s="472" t="s">
        <v>17</v>
      </c>
      <c r="C20" s="181">
        <v>0</v>
      </c>
      <c r="D20" s="182">
        <v>0</v>
      </c>
      <c r="E20" s="182">
        <v>0</v>
      </c>
      <c r="F20" s="183">
        <v>4</v>
      </c>
      <c r="G20" s="184">
        <v>18</v>
      </c>
      <c r="H20" s="184">
        <v>204</v>
      </c>
      <c r="I20" s="184">
        <v>298</v>
      </c>
      <c r="J20" s="182">
        <v>234</v>
      </c>
      <c r="K20" s="185">
        <v>758</v>
      </c>
      <c r="L20" s="186">
        <v>758</v>
      </c>
      <c r="M20" s="181">
        <v>0</v>
      </c>
      <c r="N20" s="182">
        <v>0</v>
      </c>
      <c r="O20" s="185">
        <v>0</v>
      </c>
      <c r="P20" s="183">
        <v>4</v>
      </c>
      <c r="Q20" s="184">
        <v>18</v>
      </c>
      <c r="R20" s="184">
        <v>204</v>
      </c>
      <c r="S20" s="184">
        <v>296</v>
      </c>
      <c r="T20" s="182">
        <v>231</v>
      </c>
      <c r="U20" s="185">
        <v>753</v>
      </c>
      <c r="V20" s="187">
        <v>753</v>
      </c>
      <c r="W20" s="188">
        <v>0</v>
      </c>
      <c r="X20" s="182">
        <v>0</v>
      </c>
      <c r="Y20" s="185">
        <v>0</v>
      </c>
      <c r="Z20" s="188">
        <v>0</v>
      </c>
      <c r="AA20" s="184">
        <v>0</v>
      </c>
      <c r="AB20" s="184">
        <v>0</v>
      </c>
      <c r="AC20" s="184">
        <v>2</v>
      </c>
      <c r="AD20" s="182">
        <v>3</v>
      </c>
      <c r="AE20" s="185">
        <v>5</v>
      </c>
      <c r="AF20" s="189">
        <v>5</v>
      </c>
      <c r="AG20" s="188">
        <v>0</v>
      </c>
      <c r="AH20" s="182">
        <v>0</v>
      </c>
      <c r="AI20" s="185">
        <v>0</v>
      </c>
      <c r="AJ20" s="188">
        <v>35</v>
      </c>
      <c r="AK20" s="184">
        <v>114</v>
      </c>
      <c r="AL20" s="184">
        <v>143</v>
      </c>
      <c r="AM20" s="184">
        <v>143</v>
      </c>
      <c r="AN20" s="182">
        <v>80</v>
      </c>
      <c r="AO20" s="185">
        <v>515</v>
      </c>
      <c r="AP20" s="189">
        <v>515</v>
      </c>
      <c r="AQ20" s="188">
        <v>0</v>
      </c>
      <c r="AR20" s="182">
        <v>0</v>
      </c>
      <c r="AS20" s="185">
        <v>0</v>
      </c>
      <c r="AT20" s="183">
        <v>33</v>
      </c>
      <c r="AU20" s="184">
        <v>112</v>
      </c>
      <c r="AV20" s="184">
        <v>140</v>
      </c>
      <c r="AW20" s="184">
        <v>141</v>
      </c>
      <c r="AX20" s="182">
        <v>77</v>
      </c>
      <c r="AY20" s="185">
        <v>503</v>
      </c>
      <c r="AZ20" s="186">
        <v>503</v>
      </c>
      <c r="BA20" s="181">
        <v>0</v>
      </c>
      <c r="BB20" s="182">
        <v>0</v>
      </c>
      <c r="BC20" s="182">
        <v>0</v>
      </c>
      <c r="BD20" s="183">
        <v>2</v>
      </c>
      <c r="BE20" s="184">
        <v>2</v>
      </c>
      <c r="BF20" s="184">
        <v>3</v>
      </c>
      <c r="BG20" s="184">
        <v>2</v>
      </c>
      <c r="BH20" s="182">
        <v>3</v>
      </c>
      <c r="BI20" s="185">
        <v>12</v>
      </c>
      <c r="BJ20" s="187">
        <v>12</v>
      </c>
      <c r="BK20" s="188">
        <v>0</v>
      </c>
      <c r="BL20" s="182">
        <v>0</v>
      </c>
      <c r="BM20" s="182">
        <v>0</v>
      </c>
      <c r="BN20" s="183">
        <v>0</v>
      </c>
      <c r="BO20" s="184">
        <v>0</v>
      </c>
      <c r="BP20" s="184">
        <v>0</v>
      </c>
      <c r="BQ20" s="184">
        <v>2</v>
      </c>
      <c r="BR20" s="182">
        <v>4</v>
      </c>
      <c r="BS20" s="185">
        <v>6</v>
      </c>
      <c r="BT20" s="186">
        <v>6</v>
      </c>
      <c r="BU20" s="181">
        <v>0</v>
      </c>
      <c r="BV20" s="182">
        <v>0</v>
      </c>
      <c r="BW20" s="182">
        <v>0</v>
      </c>
      <c r="BX20" s="183">
        <v>0</v>
      </c>
      <c r="BY20" s="184">
        <v>0</v>
      </c>
      <c r="BZ20" s="184">
        <v>0</v>
      </c>
      <c r="CA20" s="184">
        <v>2</v>
      </c>
      <c r="CB20" s="182">
        <v>4</v>
      </c>
      <c r="CC20" s="185">
        <v>6</v>
      </c>
      <c r="CD20" s="187">
        <v>6</v>
      </c>
      <c r="CE20" s="188">
        <v>0</v>
      </c>
      <c r="CF20" s="182">
        <v>0</v>
      </c>
      <c r="CG20" s="182">
        <v>0</v>
      </c>
      <c r="CH20" s="183">
        <v>0</v>
      </c>
      <c r="CI20" s="184">
        <v>0</v>
      </c>
      <c r="CJ20" s="184">
        <v>0</v>
      </c>
      <c r="CK20" s="184">
        <v>0</v>
      </c>
      <c r="CL20" s="182">
        <v>0</v>
      </c>
      <c r="CM20" s="185">
        <v>0</v>
      </c>
      <c r="CN20" s="187">
        <v>0</v>
      </c>
      <c r="CO20" s="188">
        <v>0</v>
      </c>
      <c r="CP20" s="182">
        <v>0</v>
      </c>
      <c r="CQ20" s="182">
        <v>0</v>
      </c>
      <c r="CR20" s="183">
        <v>0</v>
      </c>
      <c r="CS20" s="184">
        <v>0</v>
      </c>
      <c r="CT20" s="184">
        <v>1</v>
      </c>
      <c r="CU20" s="184">
        <v>3</v>
      </c>
      <c r="CV20" s="182">
        <v>13</v>
      </c>
      <c r="CW20" s="185">
        <v>17</v>
      </c>
      <c r="CX20" s="186">
        <v>17</v>
      </c>
      <c r="CY20" s="181">
        <v>0</v>
      </c>
      <c r="CZ20" s="182">
        <v>0</v>
      </c>
      <c r="DA20" s="182">
        <v>0</v>
      </c>
      <c r="DB20" s="183">
        <v>0</v>
      </c>
      <c r="DC20" s="184">
        <v>0</v>
      </c>
      <c r="DD20" s="184">
        <v>1</v>
      </c>
      <c r="DE20" s="184">
        <v>3</v>
      </c>
      <c r="DF20" s="182">
        <v>12</v>
      </c>
      <c r="DG20" s="185">
        <v>16</v>
      </c>
      <c r="DH20" s="187">
        <v>16</v>
      </c>
      <c r="DI20" s="188">
        <v>0</v>
      </c>
      <c r="DJ20" s="182">
        <v>0</v>
      </c>
      <c r="DK20" s="182">
        <v>0</v>
      </c>
      <c r="DL20" s="183">
        <v>0</v>
      </c>
      <c r="DM20" s="184">
        <v>0</v>
      </c>
      <c r="DN20" s="184">
        <v>0</v>
      </c>
      <c r="DO20" s="184">
        <v>0</v>
      </c>
      <c r="DP20" s="182">
        <v>1</v>
      </c>
      <c r="DQ20" s="185">
        <v>1</v>
      </c>
      <c r="DR20" s="187">
        <v>1</v>
      </c>
      <c r="DS20" s="188">
        <v>0</v>
      </c>
      <c r="DT20" s="182">
        <v>0</v>
      </c>
      <c r="DU20" s="182">
        <v>0</v>
      </c>
      <c r="DV20" s="183">
        <v>39</v>
      </c>
      <c r="DW20" s="184">
        <v>132</v>
      </c>
      <c r="DX20" s="184">
        <v>348</v>
      </c>
      <c r="DY20" s="184">
        <v>446</v>
      </c>
      <c r="DZ20" s="182">
        <v>331</v>
      </c>
      <c r="EA20" s="185">
        <v>1296</v>
      </c>
      <c r="EB20" s="187">
        <v>1296</v>
      </c>
      <c r="EC20" s="32"/>
    </row>
    <row r="21" spans="2:133" ht="21" customHeight="1" x14ac:dyDescent="0.2">
      <c r="B21" s="472" t="s">
        <v>18</v>
      </c>
      <c r="C21" s="181">
        <v>0</v>
      </c>
      <c r="D21" s="182">
        <v>0</v>
      </c>
      <c r="E21" s="182">
        <v>0</v>
      </c>
      <c r="F21" s="183">
        <v>6</v>
      </c>
      <c r="G21" s="184">
        <v>11</v>
      </c>
      <c r="H21" s="184">
        <v>184</v>
      </c>
      <c r="I21" s="184">
        <v>421</v>
      </c>
      <c r="J21" s="182">
        <v>248</v>
      </c>
      <c r="K21" s="185">
        <v>870</v>
      </c>
      <c r="L21" s="186">
        <v>870</v>
      </c>
      <c r="M21" s="181">
        <v>0</v>
      </c>
      <c r="N21" s="182">
        <v>0</v>
      </c>
      <c r="O21" s="185">
        <v>0</v>
      </c>
      <c r="P21" s="183">
        <v>6</v>
      </c>
      <c r="Q21" s="184">
        <v>11</v>
      </c>
      <c r="R21" s="184">
        <v>181</v>
      </c>
      <c r="S21" s="184">
        <v>416</v>
      </c>
      <c r="T21" s="182">
        <v>246</v>
      </c>
      <c r="U21" s="185">
        <v>860</v>
      </c>
      <c r="V21" s="187">
        <v>860</v>
      </c>
      <c r="W21" s="188">
        <v>0</v>
      </c>
      <c r="X21" s="182">
        <v>0</v>
      </c>
      <c r="Y21" s="185">
        <v>0</v>
      </c>
      <c r="Z21" s="188">
        <v>0</v>
      </c>
      <c r="AA21" s="184">
        <v>0</v>
      </c>
      <c r="AB21" s="184">
        <v>3</v>
      </c>
      <c r="AC21" s="184">
        <v>5</v>
      </c>
      <c r="AD21" s="182">
        <v>2</v>
      </c>
      <c r="AE21" s="185">
        <v>10</v>
      </c>
      <c r="AF21" s="189">
        <v>10</v>
      </c>
      <c r="AG21" s="188">
        <v>0</v>
      </c>
      <c r="AH21" s="182">
        <v>0</v>
      </c>
      <c r="AI21" s="185">
        <v>0</v>
      </c>
      <c r="AJ21" s="188">
        <v>29</v>
      </c>
      <c r="AK21" s="184">
        <v>83</v>
      </c>
      <c r="AL21" s="184">
        <v>106</v>
      </c>
      <c r="AM21" s="184">
        <v>126</v>
      </c>
      <c r="AN21" s="182">
        <v>76</v>
      </c>
      <c r="AO21" s="185">
        <v>420</v>
      </c>
      <c r="AP21" s="189">
        <v>420</v>
      </c>
      <c r="AQ21" s="188">
        <v>0</v>
      </c>
      <c r="AR21" s="182">
        <v>0</v>
      </c>
      <c r="AS21" s="185">
        <v>0</v>
      </c>
      <c r="AT21" s="183">
        <v>29</v>
      </c>
      <c r="AU21" s="184">
        <v>80</v>
      </c>
      <c r="AV21" s="184">
        <v>103</v>
      </c>
      <c r="AW21" s="184">
        <v>126</v>
      </c>
      <c r="AX21" s="182">
        <v>72</v>
      </c>
      <c r="AY21" s="185">
        <v>410</v>
      </c>
      <c r="AZ21" s="186">
        <v>410</v>
      </c>
      <c r="BA21" s="181">
        <v>0</v>
      </c>
      <c r="BB21" s="182">
        <v>0</v>
      </c>
      <c r="BC21" s="182">
        <v>0</v>
      </c>
      <c r="BD21" s="183">
        <v>0</v>
      </c>
      <c r="BE21" s="184">
        <v>3</v>
      </c>
      <c r="BF21" s="184">
        <v>3</v>
      </c>
      <c r="BG21" s="184">
        <v>0</v>
      </c>
      <c r="BH21" s="182">
        <v>4</v>
      </c>
      <c r="BI21" s="185">
        <v>10</v>
      </c>
      <c r="BJ21" s="187">
        <v>10</v>
      </c>
      <c r="BK21" s="188">
        <v>0</v>
      </c>
      <c r="BL21" s="182">
        <v>0</v>
      </c>
      <c r="BM21" s="182">
        <v>0</v>
      </c>
      <c r="BN21" s="183">
        <v>0</v>
      </c>
      <c r="BO21" s="184">
        <v>0</v>
      </c>
      <c r="BP21" s="184">
        <v>0</v>
      </c>
      <c r="BQ21" s="184">
        <v>1</v>
      </c>
      <c r="BR21" s="182">
        <v>4</v>
      </c>
      <c r="BS21" s="185">
        <v>5</v>
      </c>
      <c r="BT21" s="186">
        <v>5</v>
      </c>
      <c r="BU21" s="181">
        <v>0</v>
      </c>
      <c r="BV21" s="182">
        <v>0</v>
      </c>
      <c r="BW21" s="182">
        <v>0</v>
      </c>
      <c r="BX21" s="183">
        <v>0</v>
      </c>
      <c r="BY21" s="184">
        <v>0</v>
      </c>
      <c r="BZ21" s="184">
        <v>0</v>
      </c>
      <c r="CA21" s="184">
        <v>1</v>
      </c>
      <c r="CB21" s="182">
        <v>4</v>
      </c>
      <c r="CC21" s="185">
        <v>5</v>
      </c>
      <c r="CD21" s="187">
        <v>5</v>
      </c>
      <c r="CE21" s="188">
        <v>0</v>
      </c>
      <c r="CF21" s="182">
        <v>0</v>
      </c>
      <c r="CG21" s="182">
        <v>0</v>
      </c>
      <c r="CH21" s="183">
        <v>0</v>
      </c>
      <c r="CI21" s="184">
        <v>0</v>
      </c>
      <c r="CJ21" s="184">
        <v>0</v>
      </c>
      <c r="CK21" s="184">
        <v>0</v>
      </c>
      <c r="CL21" s="182">
        <v>0</v>
      </c>
      <c r="CM21" s="185">
        <v>0</v>
      </c>
      <c r="CN21" s="187">
        <v>0</v>
      </c>
      <c r="CO21" s="188">
        <v>0</v>
      </c>
      <c r="CP21" s="182">
        <v>0</v>
      </c>
      <c r="CQ21" s="182">
        <v>0</v>
      </c>
      <c r="CR21" s="183">
        <v>0</v>
      </c>
      <c r="CS21" s="184">
        <v>0</v>
      </c>
      <c r="CT21" s="184">
        <v>0</v>
      </c>
      <c r="CU21" s="184">
        <v>12</v>
      </c>
      <c r="CV21" s="182">
        <v>17</v>
      </c>
      <c r="CW21" s="185">
        <v>29</v>
      </c>
      <c r="CX21" s="186">
        <v>29</v>
      </c>
      <c r="CY21" s="181">
        <v>0</v>
      </c>
      <c r="CZ21" s="182">
        <v>0</v>
      </c>
      <c r="DA21" s="182">
        <v>0</v>
      </c>
      <c r="DB21" s="183">
        <v>0</v>
      </c>
      <c r="DC21" s="184">
        <v>0</v>
      </c>
      <c r="DD21" s="184">
        <v>0</v>
      </c>
      <c r="DE21" s="184">
        <v>11</v>
      </c>
      <c r="DF21" s="182">
        <v>17</v>
      </c>
      <c r="DG21" s="185">
        <v>28</v>
      </c>
      <c r="DH21" s="187">
        <v>28</v>
      </c>
      <c r="DI21" s="188">
        <v>0</v>
      </c>
      <c r="DJ21" s="182">
        <v>0</v>
      </c>
      <c r="DK21" s="182">
        <v>0</v>
      </c>
      <c r="DL21" s="183">
        <v>0</v>
      </c>
      <c r="DM21" s="184">
        <v>0</v>
      </c>
      <c r="DN21" s="184">
        <v>0</v>
      </c>
      <c r="DO21" s="184">
        <v>1</v>
      </c>
      <c r="DP21" s="182">
        <v>0</v>
      </c>
      <c r="DQ21" s="185">
        <v>1</v>
      </c>
      <c r="DR21" s="187">
        <v>1</v>
      </c>
      <c r="DS21" s="188">
        <v>0</v>
      </c>
      <c r="DT21" s="182">
        <v>0</v>
      </c>
      <c r="DU21" s="182">
        <v>0</v>
      </c>
      <c r="DV21" s="183">
        <v>35</v>
      </c>
      <c r="DW21" s="184">
        <v>94</v>
      </c>
      <c r="DX21" s="184">
        <v>289</v>
      </c>
      <c r="DY21" s="184">
        <v>558</v>
      </c>
      <c r="DZ21" s="182">
        <v>345</v>
      </c>
      <c r="EA21" s="185">
        <v>1321</v>
      </c>
      <c r="EB21" s="187">
        <v>1321</v>
      </c>
      <c r="EC21" s="32"/>
    </row>
    <row r="22" spans="2:133" ht="21" customHeight="1" x14ac:dyDescent="0.2">
      <c r="B22" s="472" t="s">
        <v>19</v>
      </c>
      <c r="C22" s="181">
        <v>0</v>
      </c>
      <c r="D22" s="182">
        <v>0</v>
      </c>
      <c r="E22" s="182">
        <v>0</v>
      </c>
      <c r="F22" s="183">
        <v>1</v>
      </c>
      <c r="G22" s="184">
        <v>5</v>
      </c>
      <c r="H22" s="184">
        <v>121</v>
      </c>
      <c r="I22" s="184">
        <v>123</v>
      </c>
      <c r="J22" s="182">
        <v>109</v>
      </c>
      <c r="K22" s="185">
        <v>359</v>
      </c>
      <c r="L22" s="186">
        <v>359</v>
      </c>
      <c r="M22" s="181">
        <v>0</v>
      </c>
      <c r="N22" s="182">
        <v>0</v>
      </c>
      <c r="O22" s="185">
        <v>0</v>
      </c>
      <c r="P22" s="183">
        <v>1</v>
      </c>
      <c r="Q22" s="184">
        <v>5</v>
      </c>
      <c r="R22" s="184">
        <v>120</v>
      </c>
      <c r="S22" s="184">
        <v>123</v>
      </c>
      <c r="T22" s="182">
        <v>109</v>
      </c>
      <c r="U22" s="185">
        <v>358</v>
      </c>
      <c r="V22" s="187">
        <v>358</v>
      </c>
      <c r="W22" s="188">
        <v>0</v>
      </c>
      <c r="X22" s="182">
        <v>0</v>
      </c>
      <c r="Y22" s="185">
        <v>0</v>
      </c>
      <c r="Z22" s="188">
        <v>0</v>
      </c>
      <c r="AA22" s="184">
        <v>0</v>
      </c>
      <c r="AB22" s="184">
        <v>1</v>
      </c>
      <c r="AC22" s="184">
        <v>0</v>
      </c>
      <c r="AD22" s="182">
        <v>0</v>
      </c>
      <c r="AE22" s="185">
        <v>1</v>
      </c>
      <c r="AF22" s="189">
        <v>1</v>
      </c>
      <c r="AG22" s="188">
        <v>0</v>
      </c>
      <c r="AH22" s="182">
        <v>0</v>
      </c>
      <c r="AI22" s="185">
        <v>0</v>
      </c>
      <c r="AJ22" s="188">
        <v>19</v>
      </c>
      <c r="AK22" s="184">
        <v>49</v>
      </c>
      <c r="AL22" s="184">
        <v>71</v>
      </c>
      <c r="AM22" s="184">
        <v>75</v>
      </c>
      <c r="AN22" s="182">
        <v>25</v>
      </c>
      <c r="AO22" s="185">
        <v>239</v>
      </c>
      <c r="AP22" s="189">
        <v>239</v>
      </c>
      <c r="AQ22" s="188">
        <v>0</v>
      </c>
      <c r="AR22" s="182">
        <v>0</v>
      </c>
      <c r="AS22" s="185">
        <v>0</v>
      </c>
      <c r="AT22" s="183">
        <v>19</v>
      </c>
      <c r="AU22" s="184">
        <v>49</v>
      </c>
      <c r="AV22" s="184">
        <v>70</v>
      </c>
      <c r="AW22" s="184">
        <v>72</v>
      </c>
      <c r="AX22" s="182">
        <v>24</v>
      </c>
      <c r="AY22" s="185">
        <v>234</v>
      </c>
      <c r="AZ22" s="186">
        <v>234</v>
      </c>
      <c r="BA22" s="181">
        <v>0</v>
      </c>
      <c r="BB22" s="182">
        <v>0</v>
      </c>
      <c r="BC22" s="182">
        <v>0</v>
      </c>
      <c r="BD22" s="183">
        <v>0</v>
      </c>
      <c r="BE22" s="184">
        <v>0</v>
      </c>
      <c r="BF22" s="184">
        <v>1</v>
      </c>
      <c r="BG22" s="184">
        <v>3</v>
      </c>
      <c r="BH22" s="182">
        <v>1</v>
      </c>
      <c r="BI22" s="185">
        <v>5</v>
      </c>
      <c r="BJ22" s="187">
        <v>5</v>
      </c>
      <c r="BK22" s="188">
        <v>0</v>
      </c>
      <c r="BL22" s="182">
        <v>0</v>
      </c>
      <c r="BM22" s="182">
        <v>0</v>
      </c>
      <c r="BN22" s="183">
        <v>0</v>
      </c>
      <c r="BO22" s="184">
        <v>0</v>
      </c>
      <c r="BP22" s="184">
        <v>0</v>
      </c>
      <c r="BQ22" s="184">
        <v>0</v>
      </c>
      <c r="BR22" s="182">
        <v>0</v>
      </c>
      <c r="BS22" s="185">
        <v>0</v>
      </c>
      <c r="BT22" s="186">
        <v>0</v>
      </c>
      <c r="BU22" s="181">
        <v>0</v>
      </c>
      <c r="BV22" s="182">
        <v>0</v>
      </c>
      <c r="BW22" s="182">
        <v>0</v>
      </c>
      <c r="BX22" s="183">
        <v>0</v>
      </c>
      <c r="BY22" s="184">
        <v>0</v>
      </c>
      <c r="BZ22" s="184">
        <v>0</v>
      </c>
      <c r="CA22" s="184">
        <v>0</v>
      </c>
      <c r="CB22" s="182">
        <v>0</v>
      </c>
      <c r="CC22" s="185">
        <v>0</v>
      </c>
      <c r="CD22" s="187">
        <v>0</v>
      </c>
      <c r="CE22" s="188">
        <v>0</v>
      </c>
      <c r="CF22" s="182">
        <v>0</v>
      </c>
      <c r="CG22" s="182">
        <v>0</v>
      </c>
      <c r="CH22" s="183">
        <v>0</v>
      </c>
      <c r="CI22" s="184">
        <v>0</v>
      </c>
      <c r="CJ22" s="184">
        <v>0</v>
      </c>
      <c r="CK22" s="184">
        <v>0</v>
      </c>
      <c r="CL22" s="182">
        <v>0</v>
      </c>
      <c r="CM22" s="185">
        <v>0</v>
      </c>
      <c r="CN22" s="187">
        <v>0</v>
      </c>
      <c r="CO22" s="188">
        <v>0</v>
      </c>
      <c r="CP22" s="182">
        <v>0</v>
      </c>
      <c r="CQ22" s="182">
        <v>0</v>
      </c>
      <c r="CR22" s="183">
        <v>0</v>
      </c>
      <c r="CS22" s="184">
        <v>0</v>
      </c>
      <c r="CT22" s="184">
        <v>0</v>
      </c>
      <c r="CU22" s="184">
        <v>4</v>
      </c>
      <c r="CV22" s="182">
        <v>7</v>
      </c>
      <c r="CW22" s="185">
        <v>11</v>
      </c>
      <c r="CX22" s="186">
        <v>11</v>
      </c>
      <c r="CY22" s="181">
        <v>0</v>
      </c>
      <c r="CZ22" s="182">
        <v>0</v>
      </c>
      <c r="DA22" s="182">
        <v>0</v>
      </c>
      <c r="DB22" s="183">
        <v>0</v>
      </c>
      <c r="DC22" s="184">
        <v>0</v>
      </c>
      <c r="DD22" s="184">
        <v>0</v>
      </c>
      <c r="DE22" s="184">
        <v>4</v>
      </c>
      <c r="DF22" s="182">
        <v>6</v>
      </c>
      <c r="DG22" s="185">
        <v>10</v>
      </c>
      <c r="DH22" s="187">
        <v>10</v>
      </c>
      <c r="DI22" s="188">
        <v>0</v>
      </c>
      <c r="DJ22" s="182">
        <v>0</v>
      </c>
      <c r="DK22" s="182">
        <v>0</v>
      </c>
      <c r="DL22" s="183">
        <v>0</v>
      </c>
      <c r="DM22" s="184">
        <v>0</v>
      </c>
      <c r="DN22" s="184">
        <v>0</v>
      </c>
      <c r="DO22" s="184">
        <v>0</v>
      </c>
      <c r="DP22" s="182">
        <v>1</v>
      </c>
      <c r="DQ22" s="185">
        <v>1</v>
      </c>
      <c r="DR22" s="187">
        <v>1</v>
      </c>
      <c r="DS22" s="188">
        <v>0</v>
      </c>
      <c r="DT22" s="182">
        <v>0</v>
      </c>
      <c r="DU22" s="182">
        <v>0</v>
      </c>
      <c r="DV22" s="183">
        <v>20</v>
      </c>
      <c r="DW22" s="184">
        <v>54</v>
      </c>
      <c r="DX22" s="184">
        <v>191</v>
      </c>
      <c r="DY22" s="184">
        <v>199</v>
      </c>
      <c r="DZ22" s="182">
        <v>141</v>
      </c>
      <c r="EA22" s="185">
        <v>605</v>
      </c>
      <c r="EB22" s="187">
        <v>605</v>
      </c>
      <c r="EC22" s="32"/>
    </row>
    <row r="23" spans="2:133" ht="21" customHeight="1" x14ac:dyDescent="0.2">
      <c r="B23" s="472" t="s">
        <v>20</v>
      </c>
      <c r="C23" s="181">
        <v>0</v>
      </c>
      <c r="D23" s="182">
        <v>0</v>
      </c>
      <c r="E23" s="182">
        <v>0</v>
      </c>
      <c r="F23" s="183">
        <v>4</v>
      </c>
      <c r="G23" s="184">
        <v>28</v>
      </c>
      <c r="H23" s="184">
        <v>129</v>
      </c>
      <c r="I23" s="184">
        <v>215</v>
      </c>
      <c r="J23" s="182">
        <v>103</v>
      </c>
      <c r="K23" s="185">
        <v>479</v>
      </c>
      <c r="L23" s="186">
        <v>479</v>
      </c>
      <c r="M23" s="181">
        <v>0</v>
      </c>
      <c r="N23" s="182">
        <v>0</v>
      </c>
      <c r="O23" s="185">
        <v>0</v>
      </c>
      <c r="P23" s="183">
        <v>4</v>
      </c>
      <c r="Q23" s="184">
        <v>28</v>
      </c>
      <c r="R23" s="184">
        <v>128</v>
      </c>
      <c r="S23" s="184">
        <v>213</v>
      </c>
      <c r="T23" s="182">
        <v>101</v>
      </c>
      <c r="U23" s="185">
        <v>474</v>
      </c>
      <c r="V23" s="187">
        <v>474</v>
      </c>
      <c r="W23" s="188">
        <v>0</v>
      </c>
      <c r="X23" s="182">
        <v>0</v>
      </c>
      <c r="Y23" s="185">
        <v>0</v>
      </c>
      <c r="Z23" s="188">
        <v>0</v>
      </c>
      <c r="AA23" s="184">
        <v>0</v>
      </c>
      <c r="AB23" s="184">
        <v>1</v>
      </c>
      <c r="AC23" s="184">
        <v>2</v>
      </c>
      <c r="AD23" s="182">
        <v>2</v>
      </c>
      <c r="AE23" s="185">
        <v>5</v>
      </c>
      <c r="AF23" s="189">
        <v>5</v>
      </c>
      <c r="AG23" s="188">
        <v>0</v>
      </c>
      <c r="AH23" s="182">
        <v>0</v>
      </c>
      <c r="AI23" s="185">
        <v>0</v>
      </c>
      <c r="AJ23" s="188">
        <v>20</v>
      </c>
      <c r="AK23" s="184">
        <v>34</v>
      </c>
      <c r="AL23" s="184">
        <v>40</v>
      </c>
      <c r="AM23" s="184">
        <v>55</v>
      </c>
      <c r="AN23" s="182">
        <v>23</v>
      </c>
      <c r="AO23" s="185">
        <v>172</v>
      </c>
      <c r="AP23" s="189">
        <v>172</v>
      </c>
      <c r="AQ23" s="188">
        <v>0</v>
      </c>
      <c r="AR23" s="182">
        <v>0</v>
      </c>
      <c r="AS23" s="185">
        <v>0</v>
      </c>
      <c r="AT23" s="183">
        <v>19</v>
      </c>
      <c r="AU23" s="184">
        <v>34</v>
      </c>
      <c r="AV23" s="184">
        <v>40</v>
      </c>
      <c r="AW23" s="184">
        <v>54</v>
      </c>
      <c r="AX23" s="182">
        <v>22</v>
      </c>
      <c r="AY23" s="185">
        <v>169</v>
      </c>
      <c r="AZ23" s="186">
        <v>169</v>
      </c>
      <c r="BA23" s="181">
        <v>0</v>
      </c>
      <c r="BB23" s="182">
        <v>0</v>
      </c>
      <c r="BC23" s="182">
        <v>0</v>
      </c>
      <c r="BD23" s="183">
        <v>1</v>
      </c>
      <c r="BE23" s="184">
        <v>0</v>
      </c>
      <c r="BF23" s="184">
        <v>0</v>
      </c>
      <c r="BG23" s="184">
        <v>1</v>
      </c>
      <c r="BH23" s="182">
        <v>1</v>
      </c>
      <c r="BI23" s="185">
        <v>3</v>
      </c>
      <c r="BJ23" s="187">
        <v>3</v>
      </c>
      <c r="BK23" s="188">
        <v>0</v>
      </c>
      <c r="BL23" s="182">
        <v>0</v>
      </c>
      <c r="BM23" s="182">
        <v>0</v>
      </c>
      <c r="BN23" s="183">
        <v>0</v>
      </c>
      <c r="BO23" s="184">
        <v>0</v>
      </c>
      <c r="BP23" s="184">
        <v>0</v>
      </c>
      <c r="BQ23" s="184">
        <v>2</v>
      </c>
      <c r="BR23" s="182">
        <v>0</v>
      </c>
      <c r="BS23" s="185">
        <v>2</v>
      </c>
      <c r="BT23" s="186">
        <v>2</v>
      </c>
      <c r="BU23" s="181">
        <v>0</v>
      </c>
      <c r="BV23" s="182">
        <v>0</v>
      </c>
      <c r="BW23" s="182">
        <v>0</v>
      </c>
      <c r="BX23" s="183">
        <v>0</v>
      </c>
      <c r="BY23" s="184">
        <v>0</v>
      </c>
      <c r="BZ23" s="184">
        <v>0</v>
      </c>
      <c r="CA23" s="184">
        <v>2</v>
      </c>
      <c r="CB23" s="182">
        <v>0</v>
      </c>
      <c r="CC23" s="185">
        <v>2</v>
      </c>
      <c r="CD23" s="187">
        <v>2</v>
      </c>
      <c r="CE23" s="188">
        <v>0</v>
      </c>
      <c r="CF23" s="182">
        <v>0</v>
      </c>
      <c r="CG23" s="182">
        <v>0</v>
      </c>
      <c r="CH23" s="183">
        <v>0</v>
      </c>
      <c r="CI23" s="184">
        <v>0</v>
      </c>
      <c r="CJ23" s="184">
        <v>0</v>
      </c>
      <c r="CK23" s="184">
        <v>0</v>
      </c>
      <c r="CL23" s="182">
        <v>0</v>
      </c>
      <c r="CM23" s="185">
        <v>0</v>
      </c>
      <c r="CN23" s="187">
        <v>0</v>
      </c>
      <c r="CO23" s="188">
        <v>0</v>
      </c>
      <c r="CP23" s="182">
        <v>0</v>
      </c>
      <c r="CQ23" s="182">
        <v>0</v>
      </c>
      <c r="CR23" s="183">
        <v>0</v>
      </c>
      <c r="CS23" s="184">
        <v>0</v>
      </c>
      <c r="CT23" s="184">
        <v>0</v>
      </c>
      <c r="CU23" s="184">
        <v>2</v>
      </c>
      <c r="CV23" s="182">
        <v>3</v>
      </c>
      <c r="CW23" s="185">
        <v>5</v>
      </c>
      <c r="CX23" s="186">
        <v>5</v>
      </c>
      <c r="CY23" s="181">
        <v>0</v>
      </c>
      <c r="CZ23" s="182">
        <v>0</v>
      </c>
      <c r="DA23" s="182">
        <v>0</v>
      </c>
      <c r="DB23" s="183">
        <v>0</v>
      </c>
      <c r="DC23" s="184">
        <v>0</v>
      </c>
      <c r="DD23" s="184">
        <v>0</v>
      </c>
      <c r="DE23" s="184">
        <v>2</v>
      </c>
      <c r="DF23" s="182">
        <v>3</v>
      </c>
      <c r="DG23" s="185">
        <v>5</v>
      </c>
      <c r="DH23" s="187">
        <v>5</v>
      </c>
      <c r="DI23" s="188">
        <v>0</v>
      </c>
      <c r="DJ23" s="182">
        <v>0</v>
      </c>
      <c r="DK23" s="182">
        <v>0</v>
      </c>
      <c r="DL23" s="183">
        <v>0</v>
      </c>
      <c r="DM23" s="184">
        <v>0</v>
      </c>
      <c r="DN23" s="184">
        <v>0</v>
      </c>
      <c r="DO23" s="184">
        <v>0</v>
      </c>
      <c r="DP23" s="182">
        <v>0</v>
      </c>
      <c r="DQ23" s="185">
        <v>0</v>
      </c>
      <c r="DR23" s="187">
        <v>0</v>
      </c>
      <c r="DS23" s="188">
        <v>0</v>
      </c>
      <c r="DT23" s="182">
        <v>0</v>
      </c>
      <c r="DU23" s="182">
        <v>0</v>
      </c>
      <c r="DV23" s="183">
        <v>24</v>
      </c>
      <c r="DW23" s="184">
        <v>62</v>
      </c>
      <c r="DX23" s="184">
        <v>169</v>
      </c>
      <c r="DY23" s="184">
        <v>274</v>
      </c>
      <c r="DZ23" s="182">
        <v>129</v>
      </c>
      <c r="EA23" s="185">
        <v>658</v>
      </c>
      <c r="EB23" s="187">
        <v>658</v>
      </c>
      <c r="EC23" s="32"/>
    </row>
    <row r="24" spans="2:133" ht="21" customHeight="1" x14ac:dyDescent="0.2">
      <c r="B24" s="472" t="s">
        <v>21</v>
      </c>
      <c r="C24" s="181">
        <v>0</v>
      </c>
      <c r="D24" s="182">
        <v>0</v>
      </c>
      <c r="E24" s="182">
        <v>0</v>
      </c>
      <c r="F24" s="183">
        <v>4</v>
      </c>
      <c r="G24" s="184">
        <v>16</v>
      </c>
      <c r="H24" s="184">
        <v>173</v>
      </c>
      <c r="I24" s="184">
        <v>199</v>
      </c>
      <c r="J24" s="182">
        <v>150</v>
      </c>
      <c r="K24" s="185">
        <v>542</v>
      </c>
      <c r="L24" s="186">
        <v>542</v>
      </c>
      <c r="M24" s="181">
        <v>0</v>
      </c>
      <c r="N24" s="182">
        <v>0</v>
      </c>
      <c r="O24" s="185">
        <v>0</v>
      </c>
      <c r="P24" s="183">
        <v>3</v>
      </c>
      <c r="Q24" s="184">
        <v>16</v>
      </c>
      <c r="R24" s="184">
        <v>172</v>
      </c>
      <c r="S24" s="184">
        <v>199</v>
      </c>
      <c r="T24" s="182">
        <v>148</v>
      </c>
      <c r="U24" s="185">
        <v>538</v>
      </c>
      <c r="V24" s="187">
        <v>538</v>
      </c>
      <c r="W24" s="188">
        <v>0</v>
      </c>
      <c r="X24" s="182">
        <v>0</v>
      </c>
      <c r="Y24" s="185">
        <v>0</v>
      </c>
      <c r="Z24" s="188">
        <v>1</v>
      </c>
      <c r="AA24" s="184">
        <v>0</v>
      </c>
      <c r="AB24" s="184">
        <v>1</v>
      </c>
      <c r="AC24" s="184">
        <v>0</v>
      </c>
      <c r="AD24" s="182">
        <v>2</v>
      </c>
      <c r="AE24" s="185">
        <v>4</v>
      </c>
      <c r="AF24" s="189">
        <v>4</v>
      </c>
      <c r="AG24" s="188">
        <v>0</v>
      </c>
      <c r="AH24" s="182">
        <v>0</v>
      </c>
      <c r="AI24" s="185">
        <v>0</v>
      </c>
      <c r="AJ24" s="188">
        <v>21</v>
      </c>
      <c r="AK24" s="184">
        <v>31</v>
      </c>
      <c r="AL24" s="184">
        <v>52</v>
      </c>
      <c r="AM24" s="184">
        <v>55</v>
      </c>
      <c r="AN24" s="182">
        <v>23</v>
      </c>
      <c r="AO24" s="185">
        <v>182</v>
      </c>
      <c r="AP24" s="189">
        <v>182</v>
      </c>
      <c r="AQ24" s="188">
        <v>0</v>
      </c>
      <c r="AR24" s="182">
        <v>0</v>
      </c>
      <c r="AS24" s="185">
        <v>0</v>
      </c>
      <c r="AT24" s="183">
        <v>21</v>
      </c>
      <c r="AU24" s="184">
        <v>31</v>
      </c>
      <c r="AV24" s="184">
        <v>51</v>
      </c>
      <c r="AW24" s="184">
        <v>52</v>
      </c>
      <c r="AX24" s="182">
        <v>22</v>
      </c>
      <c r="AY24" s="185">
        <v>177</v>
      </c>
      <c r="AZ24" s="186">
        <v>177</v>
      </c>
      <c r="BA24" s="181">
        <v>0</v>
      </c>
      <c r="BB24" s="182">
        <v>0</v>
      </c>
      <c r="BC24" s="182">
        <v>0</v>
      </c>
      <c r="BD24" s="183">
        <v>0</v>
      </c>
      <c r="BE24" s="184">
        <v>0</v>
      </c>
      <c r="BF24" s="184">
        <v>1</v>
      </c>
      <c r="BG24" s="184">
        <v>3</v>
      </c>
      <c r="BH24" s="182">
        <v>1</v>
      </c>
      <c r="BI24" s="185">
        <v>5</v>
      </c>
      <c r="BJ24" s="187">
        <v>5</v>
      </c>
      <c r="BK24" s="188">
        <v>0</v>
      </c>
      <c r="BL24" s="182">
        <v>0</v>
      </c>
      <c r="BM24" s="182">
        <v>0</v>
      </c>
      <c r="BN24" s="183">
        <v>0</v>
      </c>
      <c r="BO24" s="184">
        <v>0</v>
      </c>
      <c r="BP24" s="184">
        <v>0</v>
      </c>
      <c r="BQ24" s="184">
        <v>1</v>
      </c>
      <c r="BR24" s="182">
        <v>5</v>
      </c>
      <c r="BS24" s="185">
        <v>6</v>
      </c>
      <c r="BT24" s="186">
        <v>6</v>
      </c>
      <c r="BU24" s="181">
        <v>0</v>
      </c>
      <c r="BV24" s="182">
        <v>0</v>
      </c>
      <c r="BW24" s="182">
        <v>0</v>
      </c>
      <c r="BX24" s="183">
        <v>0</v>
      </c>
      <c r="BY24" s="184">
        <v>0</v>
      </c>
      <c r="BZ24" s="184">
        <v>0</v>
      </c>
      <c r="CA24" s="184">
        <v>1</v>
      </c>
      <c r="CB24" s="182">
        <v>5</v>
      </c>
      <c r="CC24" s="185">
        <v>6</v>
      </c>
      <c r="CD24" s="187">
        <v>6</v>
      </c>
      <c r="CE24" s="188">
        <v>0</v>
      </c>
      <c r="CF24" s="182">
        <v>0</v>
      </c>
      <c r="CG24" s="182">
        <v>0</v>
      </c>
      <c r="CH24" s="183">
        <v>0</v>
      </c>
      <c r="CI24" s="184">
        <v>0</v>
      </c>
      <c r="CJ24" s="184">
        <v>0</v>
      </c>
      <c r="CK24" s="184">
        <v>0</v>
      </c>
      <c r="CL24" s="182">
        <v>0</v>
      </c>
      <c r="CM24" s="185">
        <v>0</v>
      </c>
      <c r="CN24" s="187">
        <v>0</v>
      </c>
      <c r="CO24" s="188">
        <v>0</v>
      </c>
      <c r="CP24" s="182">
        <v>0</v>
      </c>
      <c r="CQ24" s="182">
        <v>0</v>
      </c>
      <c r="CR24" s="183">
        <v>0</v>
      </c>
      <c r="CS24" s="184">
        <v>0</v>
      </c>
      <c r="CT24" s="184">
        <v>1</v>
      </c>
      <c r="CU24" s="184">
        <v>8</v>
      </c>
      <c r="CV24" s="182">
        <v>20</v>
      </c>
      <c r="CW24" s="185">
        <v>29</v>
      </c>
      <c r="CX24" s="186">
        <v>29</v>
      </c>
      <c r="CY24" s="181">
        <v>0</v>
      </c>
      <c r="CZ24" s="182">
        <v>0</v>
      </c>
      <c r="DA24" s="182">
        <v>0</v>
      </c>
      <c r="DB24" s="183">
        <v>0</v>
      </c>
      <c r="DC24" s="184">
        <v>0</v>
      </c>
      <c r="DD24" s="184">
        <v>1</v>
      </c>
      <c r="DE24" s="184">
        <v>8</v>
      </c>
      <c r="DF24" s="182">
        <v>20</v>
      </c>
      <c r="DG24" s="185">
        <v>29</v>
      </c>
      <c r="DH24" s="187">
        <v>29</v>
      </c>
      <c r="DI24" s="188">
        <v>0</v>
      </c>
      <c r="DJ24" s="182">
        <v>0</v>
      </c>
      <c r="DK24" s="182">
        <v>0</v>
      </c>
      <c r="DL24" s="183">
        <v>0</v>
      </c>
      <c r="DM24" s="184">
        <v>0</v>
      </c>
      <c r="DN24" s="184">
        <v>0</v>
      </c>
      <c r="DO24" s="184">
        <v>0</v>
      </c>
      <c r="DP24" s="182">
        <v>0</v>
      </c>
      <c r="DQ24" s="185">
        <v>0</v>
      </c>
      <c r="DR24" s="187">
        <v>0</v>
      </c>
      <c r="DS24" s="188">
        <v>0</v>
      </c>
      <c r="DT24" s="182">
        <v>0</v>
      </c>
      <c r="DU24" s="182">
        <v>0</v>
      </c>
      <c r="DV24" s="183">
        <v>25</v>
      </c>
      <c r="DW24" s="184">
        <v>47</v>
      </c>
      <c r="DX24" s="184">
        <v>226</v>
      </c>
      <c r="DY24" s="184">
        <v>263</v>
      </c>
      <c r="DZ24" s="182">
        <v>198</v>
      </c>
      <c r="EA24" s="185">
        <v>759</v>
      </c>
      <c r="EB24" s="187">
        <v>759</v>
      </c>
      <c r="EC24" s="32"/>
    </row>
    <row r="25" spans="2:133" ht="21" customHeight="1" x14ac:dyDescent="0.2">
      <c r="B25" s="472" t="s">
        <v>22</v>
      </c>
      <c r="C25" s="181">
        <v>0</v>
      </c>
      <c r="D25" s="182">
        <v>0</v>
      </c>
      <c r="E25" s="182">
        <v>0</v>
      </c>
      <c r="F25" s="183">
        <v>3</v>
      </c>
      <c r="G25" s="184">
        <v>7</v>
      </c>
      <c r="H25" s="184">
        <v>58</v>
      </c>
      <c r="I25" s="184">
        <v>60</v>
      </c>
      <c r="J25" s="182">
        <v>36</v>
      </c>
      <c r="K25" s="185">
        <v>164</v>
      </c>
      <c r="L25" s="186">
        <v>164</v>
      </c>
      <c r="M25" s="181">
        <v>0</v>
      </c>
      <c r="N25" s="182">
        <v>0</v>
      </c>
      <c r="O25" s="185">
        <v>0</v>
      </c>
      <c r="P25" s="183">
        <v>3</v>
      </c>
      <c r="Q25" s="184">
        <v>7</v>
      </c>
      <c r="R25" s="184">
        <v>58</v>
      </c>
      <c r="S25" s="184">
        <v>60</v>
      </c>
      <c r="T25" s="182">
        <v>35</v>
      </c>
      <c r="U25" s="185">
        <v>163</v>
      </c>
      <c r="V25" s="187">
        <v>163</v>
      </c>
      <c r="W25" s="188">
        <v>0</v>
      </c>
      <c r="X25" s="182">
        <v>0</v>
      </c>
      <c r="Y25" s="185">
        <v>0</v>
      </c>
      <c r="Z25" s="188">
        <v>0</v>
      </c>
      <c r="AA25" s="184">
        <v>0</v>
      </c>
      <c r="AB25" s="184">
        <v>0</v>
      </c>
      <c r="AC25" s="184">
        <v>0</v>
      </c>
      <c r="AD25" s="182">
        <v>1</v>
      </c>
      <c r="AE25" s="185">
        <v>1</v>
      </c>
      <c r="AF25" s="189">
        <v>1</v>
      </c>
      <c r="AG25" s="188">
        <v>0</v>
      </c>
      <c r="AH25" s="182">
        <v>0</v>
      </c>
      <c r="AI25" s="185">
        <v>0</v>
      </c>
      <c r="AJ25" s="188">
        <v>10</v>
      </c>
      <c r="AK25" s="184">
        <v>27</v>
      </c>
      <c r="AL25" s="184">
        <v>27</v>
      </c>
      <c r="AM25" s="184">
        <v>39</v>
      </c>
      <c r="AN25" s="182">
        <v>15</v>
      </c>
      <c r="AO25" s="185">
        <v>118</v>
      </c>
      <c r="AP25" s="189">
        <v>118</v>
      </c>
      <c r="AQ25" s="188">
        <v>0</v>
      </c>
      <c r="AR25" s="182">
        <v>0</v>
      </c>
      <c r="AS25" s="185">
        <v>0</v>
      </c>
      <c r="AT25" s="183">
        <v>10</v>
      </c>
      <c r="AU25" s="184">
        <v>27</v>
      </c>
      <c r="AV25" s="184">
        <v>27</v>
      </c>
      <c r="AW25" s="184">
        <v>38</v>
      </c>
      <c r="AX25" s="182">
        <v>15</v>
      </c>
      <c r="AY25" s="185">
        <v>117</v>
      </c>
      <c r="AZ25" s="186">
        <v>117</v>
      </c>
      <c r="BA25" s="181">
        <v>0</v>
      </c>
      <c r="BB25" s="182">
        <v>0</v>
      </c>
      <c r="BC25" s="182">
        <v>0</v>
      </c>
      <c r="BD25" s="183">
        <v>0</v>
      </c>
      <c r="BE25" s="184">
        <v>0</v>
      </c>
      <c r="BF25" s="184">
        <v>0</v>
      </c>
      <c r="BG25" s="184">
        <v>1</v>
      </c>
      <c r="BH25" s="182">
        <v>0</v>
      </c>
      <c r="BI25" s="185">
        <v>1</v>
      </c>
      <c r="BJ25" s="187">
        <v>1</v>
      </c>
      <c r="BK25" s="188">
        <v>0</v>
      </c>
      <c r="BL25" s="182">
        <v>0</v>
      </c>
      <c r="BM25" s="182">
        <v>0</v>
      </c>
      <c r="BN25" s="183">
        <v>0</v>
      </c>
      <c r="BO25" s="184">
        <v>0</v>
      </c>
      <c r="BP25" s="184">
        <v>0</v>
      </c>
      <c r="BQ25" s="184">
        <v>0</v>
      </c>
      <c r="BR25" s="182">
        <v>0</v>
      </c>
      <c r="BS25" s="185">
        <v>0</v>
      </c>
      <c r="BT25" s="186">
        <v>0</v>
      </c>
      <c r="BU25" s="181">
        <v>0</v>
      </c>
      <c r="BV25" s="182">
        <v>0</v>
      </c>
      <c r="BW25" s="182">
        <v>0</v>
      </c>
      <c r="BX25" s="183">
        <v>0</v>
      </c>
      <c r="BY25" s="184">
        <v>0</v>
      </c>
      <c r="BZ25" s="184">
        <v>0</v>
      </c>
      <c r="CA25" s="184">
        <v>0</v>
      </c>
      <c r="CB25" s="182">
        <v>0</v>
      </c>
      <c r="CC25" s="185">
        <v>0</v>
      </c>
      <c r="CD25" s="187">
        <v>0</v>
      </c>
      <c r="CE25" s="188">
        <v>0</v>
      </c>
      <c r="CF25" s="182">
        <v>0</v>
      </c>
      <c r="CG25" s="182">
        <v>0</v>
      </c>
      <c r="CH25" s="183">
        <v>0</v>
      </c>
      <c r="CI25" s="184">
        <v>0</v>
      </c>
      <c r="CJ25" s="184">
        <v>0</v>
      </c>
      <c r="CK25" s="184">
        <v>0</v>
      </c>
      <c r="CL25" s="182">
        <v>0</v>
      </c>
      <c r="CM25" s="185">
        <v>0</v>
      </c>
      <c r="CN25" s="187">
        <v>0</v>
      </c>
      <c r="CO25" s="188">
        <v>0</v>
      </c>
      <c r="CP25" s="182">
        <v>0</v>
      </c>
      <c r="CQ25" s="182">
        <v>0</v>
      </c>
      <c r="CR25" s="183">
        <v>0</v>
      </c>
      <c r="CS25" s="184">
        <v>0</v>
      </c>
      <c r="CT25" s="184">
        <v>0</v>
      </c>
      <c r="CU25" s="184">
        <v>10</v>
      </c>
      <c r="CV25" s="182">
        <v>3</v>
      </c>
      <c r="CW25" s="185">
        <v>13</v>
      </c>
      <c r="CX25" s="186">
        <v>13</v>
      </c>
      <c r="CY25" s="181">
        <v>0</v>
      </c>
      <c r="CZ25" s="182">
        <v>0</v>
      </c>
      <c r="DA25" s="182">
        <v>0</v>
      </c>
      <c r="DB25" s="183">
        <v>0</v>
      </c>
      <c r="DC25" s="184">
        <v>0</v>
      </c>
      <c r="DD25" s="184">
        <v>0</v>
      </c>
      <c r="DE25" s="184">
        <v>9</v>
      </c>
      <c r="DF25" s="182">
        <v>2</v>
      </c>
      <c r="DG25" s="185">
        <v>11</v>
      </c>
      <c r="DH25" s="187">
        <v>11</v>
      </c>
      <c r="DI25" s="188">
        <v>0</v>
      </c>
      <c r="DJ25" s="182">
        <v>0</v>
      </c>
      <c r="DK25" s="182">
        <v>0</v>
      </c>
      <c r="DL25" s="183">
        <v>0</v>
      </c>
      <c r="DM25" s="184">
        <v>0</v>
      </c>
      <c r="DN25" s="184">
        <v>0</v>
      </c>
      <c r="DO25" s="184">
        <v>1</v>
      </c>
      <c r="DP25" s="182">
        <v>1</v>
      </c>
      <c r="DQ25" s="185">
        <v>2</v>
      </c>
      <c r="DR25" s="187">
        <v>2</v>
      </c>
      <c r="DS25" s="188">
        <v>0</v>
      </c>
      <c r="DT25" s="182">
        <v>0</v>
      </c>
      <c r="DU25" s="182">
        <v>0</v>
      </c>
      <c r="DV25" s="183">
        <v>13</v>
      </c>
      <c r="DW25" s="184">
        <v>34</v>
      </c>
      <c r="DX25" s="184">
        <v>85</v>
      </c>
      <c r="DY25" s="184">
        <v>109</v>
      </c>
      <c r="DZ25" s="182">
        <v>54</v>
      </c>
      <c r="EA25" s="185">
        <v>295</v>
      </c>
      <c r="EB25" s="187">
        <v>295</v>
      </c>
      <c r="EC25" s="32"/>
    </row>
    <row r="26" spans="2:133" ht="21" customHeight="1" x14ac:dyDescent="0.2">
      <c r="B26" s="472" t="s">
        <v>23</v>
      </c>
      <c r="C26" s="181">
        <v>0</v>
      </c>
      <c r="D26" s="182">
        <v>0</v>
      </c>
      <c r="E26" s="182">
        <v>0</v>
      </c>
      <c r="F26" s="183">
        <v>2</v>
      </c>
      <c r="G26" s="184">
        <v>10</v>
      </c>
      <c r="H26" s="184">
        <v>90</v>
      </c>
      <c r="I26" s="184">
        <v>131</v>
      </c>
      <c r="J26" s="182">
        <v>95</v>
      </c>
      <c r="K26" s="185">
        <v>328</v>
      </c>
      <c r="L26" s="186">
        <v>328</v>
      </c>
      <c r="M26" s="181">
        <v>0</v>
      </c>
      <c r="N26" s="182">
        <v>0</v>
      </c>
      <c r="O26" s="185">
        <v>0</v>
      </c>
      <c r="P26" s="183">
        <v>2</v>
      </c>
      <c r="Q26" s="184">
        <v>10</v>
      </c>
      <c r="R26" s="184">
        <v>90</v>
      </c>
      <c r="S26" s="184">
        <v>129</v>
      </c>
      <c r="T26" s="182">
        <v>95</v>
      </c>
      <c r="U26" s="185">
        <v>326</v>
      </c>
      <c r="V26" s="187">
        <v>326</v>
      </c>
      <c r="W26" s="188">
        <v>0</v>
      </c>
      <c r="X26" s="182">
        <v>0</v>
      </c>
      <c r="Y26" s="185">
        <v>0</v>
      </c>
      <c r="Z26" s="188">
        <v>0</v>
      </c>
      <c r="AA26" s="184">
        <v>0</v>
      </c>
      <c r="AB26" s="184">
        <v>0</v>
      </c>
      <c r="AC26" s="184">
        <v>2</v>
      </c>
      <c r="AD26" s="182">
        <v>0</v>
      </c>
      <c r="AE26" s="185">
        <v>2</v>
      </c>
      <c r="AF26" s="189">
        <v>2</v>
      </c>
      <c r="AG26" s="188">
        <v>0</v>
      </c>
      <c r="AH26" s="182">
        <v>0</v>
      </c>
      <c r="AI26" s="185">
        <v>0</v>
      </c>
      <c r="AJ26" s="188">
        <v>12</v>
      </c>
      <c r="AK26" s="184">
        <v>29</v>
      </c>
      <c r="AL26" s="184">
        <v>39</v>
      </c>
      <c r="AM26" s="184">
        <v>61</v>
      </c>
      <c r="AN26" s="182">
        <v>32</v>
      </c>
      <c r="AO26" s="185">
        <v>173</v>
      </c>
      <c r="AP26" s="189">
        <v>173</v>
      </c>
      <c r="AQ26" s="188">
        <v>0</v>
      </c>
      <c r="AR26" s="182">
        <v>0</v>
      </c>
      <c r="AS26" s="185">
        <v>0</v>
      </c>
      <c r="AT26" s="183">
        <v>12</v>
      </c>
      <c r="AU26" s="184">
        <v>29</v>
      </c>
      <c r="AV26" s="184">
        <v>39</v>
      </c>
      <c r="AW26" s="184">
        <v>60</v>
      </c>
      <c r="AX26" s="182">
        <v>31</v>
      </c>
      <c r="AY26" s="185">
        <v>171</v>
      </c>
      <c r="AZ26" s="186">
        <v>171</v>
      </c>
      <c r="BA26" s="181">
        <v>0</v>
      </c>
      <c r="BB26" s="182">
        <v>0</v>
      </c>
      <c r="BC26" s="182">
        <v>0</v>
      </c>
      <c r="BD26" s="183">
        <v>0</v>
      </c>
      <c r="BE26" s="184">
        <v>0</v>
      </c>
      <c r="BF26" s="184">
        <v>0</v>
      </c>
      <c r="BG26" s="184">
        <v>1</v>
      </c>
      <c r="BH26" s="182">
        <v>1</v>
      </c>
      <c r="BI26" s="185">
        <v>2</v>
      </c>
      <c r="BJ26" s="187">
        <v>2</v>
      </c>
      <c r="BK26" s="188">
        <v>0</v>
      </c>
      <c r="BL26" s="182">
        <v>0</v>
      </c>
      <c r="BM26" s="182">
        <v>0</v>
      </c>
      <c r="BN26" s="183">
        <v>0</v>
      </c>
      <c r="BO26" s="184">
        <v>0</v>
      </c>
      <c r="BP26" s="184">
        <v>0</v>
      </c>
      <c r="BQ26" s="184">
        <v>0</v>
      </c>
      <c r="BR26" s="182">
        <v>2</v>
      </c>
      <c r="BS26" s="185">
        <v>2</v>
      </c>
      <c r="BT26" s="186">
        <v>2</v>
      </c>
      <c r="BU26" s="181">
        <v>0</v>
      </c>
      <c r="BV26" s="182">
        <v>0</v>
      </c>
      <c r="BW26" s="182">
        <v>0</v>
      </c>
      <c r="BX26" s="183">
        <v>0</v>
      </c>
      <c r="BY26" s="184">
        <v>0</v>
      </c>
      <c r="BZ26" s="184">
        <v>0</v>
      </c>
      <c r="CA26" s="184">
        <v>0</v>
      </c>
      <c r="CB26" s="182">
        <v>2</v>
      </c>
      <c r="CC26" s="185">
        <v>2</v>
      </c>
      <c r="CD26" s="187">
        <v>2</v>
      </c>
      <c r="CE26" s="188">
        <v>0</v>
      </c>
      <c r="CF26" s="182">
        <v>0</v>
      </c>
      <c r="CG26" s="182">
        <v>0</v>
      </c>
      <c r="CH26" s="183">
        <v>0</v>
      </c>
      <c r="CI26" s="184">
        <v>0</v>
      </c>
      <c r="CJ26" s="184">
        <v>0</v>
      </c>
      <c r="CK26" s="184">
        <v>0</v>
      </c>
      <c r="CL26" s="182">
        <v>0</v>
      </c>
      <c r="CM26" s="185">
        <v>0</v>
      </c>
      <c r="CN26" s="187">
        <v>0</v>
      </c>
      <c r="CO26" s="188">
        <v>0</v>
      </c>
      <c r="CP26" s="182">
        <v>0</v>
      </c>
      <c r="CQ26" s="182">
        <v>0</v>
      </c>
      <c r="CR26" s="183">
        <v>0</v>
      </c>
      <c r="CS26" s="184">
        <v>0</v>
      </c>
      <c r="CT26" s="184">
        <v>0</v>
      </c>
      <c r="CU26" s="184">
        <v>3</v>
      </c>
      <c r="CV26" s="182">
        <v>9</v>
      </c>
      <c r="CW26" s="185">
        <v>12</v>
      </c>
      <c r="CX26" s="186">
        <v>12</v>
      </c>
      <c r="CY26" s="181">
        <v>0</v>
      </c>
      <c r="CZ26" s="182">
        <v>0</v>
      </c>
      <c r="DA26" s="182">
        <v>0</v>
      </c>
      <c r="DB26" s="183">
        <v>0</v>
      </c>
      <c r="DC26" s="184">
        <v>0</v>
      </c>
      <c r="DD26" s="184">
        <v>0</v>
      </c>
      <c r="DE26" s="184">
        <v>3</v>
      </c>
      <c r="DF26" s="182">
        <v>9</v>
      </c>
      <c r="DG26" s="185">
        <v>12</v>
      </c>
      <c r="DH26" s="187">
        <v>12</v>
      </c>
      <c r="DI26" s="188">
        <v>0</v>
      </c>
      <c r="DJ26" s="182">
        <v>0</v>
      </c>
      <c r="DK26" s="182">
        <v>0</v>
      </c>
      <c r="DL26" s="183">
        <v>0</v>
      </c>
      <c r="DM26" s="184">
        <v>0</v>
      </c>
      <c r="DN26" s="184">
        <v>0</v>
      </c>
      <c r="DO26" s="184">
        <v>0</v>
      </c>
      <c r="DP26" s="182">
        <v>0</v>
      </c>
      <c r="DQ26" s="185">
        <v>0</v>
      </c>
      <c r="DR26" s="187">
        <v>0</v>
      </c>
      <c r="DS26" s="188">
        <v>0</v>
      </c>
      <c r="DT26" s="182">
        <v>0</v>
      </c>
      <c r="DU26" s="182">
        <v>0</v>
      </c>
      <c r="DV26" s="183">
        <v>14</v>
      </c>
      <c r="DW26" s="184">
        <v>39</v>
      </c>
      <c r="DX26" s="184">
        <v>129</v>
      </c>
      <c r="DY26" s="184">
        <v>195</v>
      </c>
      <c r="DZ26" s="182">
        <v>137</v>
      </c>
      <c r="EA26" s="185">
        <v>514</v>
      </c>
      <c r="EB26" s="187">
        <v>514</v>
      </c>
      <c r="EC26" s="32"/>
    </row>
    <row r="27" spans="2:133" ht="21" customHeight="1" x14ac:dyDescent="0.2">
      <c r="B27" s="472" t="s">
        <v>24</v>
      </c>
      <c r="C27" s="181">
        <v>0</v>
      </c>
      <c r="D27" s="182">
        <v>0</v>
      </c>
      <c r="E27" s="182">
        <v>0</v>
      </c>
      <c r="F27" s="183">
        <v>0</v>
      </c>
      <c r="G27" s="184">
        <v>0</v>
      </c>
      <c r="H27" s="184">
        <v>27</v>
      </c>
      <c r="I27" s="184">
        <v>83</v>
      </c>
      <c r="J27" s="182">
        <v>55</v>
      </c>
      <c r="K27" s="185">
        <v>165</v>
      </c>
      <c r="L27" s="186">
        <v>165</v>
      </c>
      <c r="M27" s="181">
        <v>0</v>
      </c>
      <c r="N27" s="182">
        <v>0</v>
      </c>
      <c r="O27" s="185">
        <v>0</v>
      </c>
      <c r="P27" s="183">
        <v>0</v>
      </c>
      <c r="Q27" s="184">
        <v>0</v>
      </c>
      <c r="R27" s="184">
        <v>27</v>
      </c>
      <c r="S27" s="184">
        <v>83</v>
      </c>
      <c r="T27" s="182">
        <v>55</v>
      </c>
      <c r="U27" s="185">
        <v>165</v>
      </c>
      <c r="V27" s="187">
        <v>165</v>
      </c>
      <c r="W27" s="188">
        <v>0</v>
      </c>
      <c r="X27" s="182">
        <v>0</v>
      </c>
      <c r="Y27" s="185">
        <v>0</v>
      </c>
      <c r="Z27" s="188">
        <v>0</v>
      </c>
      <c r="AA27" s="184">
        <v>0</v>
      </c>
      <c r="AB27" s="184">
        <v>0</v>
      </c>
      <c r="AC27" s="184">
        <v>0</v>
      </c>
      <c r="AD27" s="182">
        <v>0</v>
      </c>
      <c r="AE27" s="185">
        <v>0</v>
      </c>
      <c r="AF27" s="189">
        <v>0</v>
      </c>
      <c r="AG27" s="188">
        <v>0</v>
      </c>
      <c r="AH27" s="182">
        <v>0</v>
      </c>
      <c r="AI27" s="185">
        <v>0</v>
      </c>
      <c r="AJ27" s="188">
        <v>11</v>
      </c>
      <c r="AK27" s="184">
        <v>10</v>
      </c>
      <c r="AL27" s="184">
        <v>19</v>
      </c>
      <c r="AM27" s="184">
        <v>30</v>
      </c>
      <c r="AN27" s="182">
        <v>15</v>
      </c>
      <c r="AO27" s="185">
        <v>85</v>
      </c>
      <c r="AP27" s="189">
        <v>85</v>
      </c>
      <c r="AQ27" s="188">
        <v>0</v>
      </c>
      <c r="AR27" s="182">
        <v>0</v>
      </c>
      <c r="AS27" s="185">
        <v>0</v>
      </c>
      <c r="AT27" s="183">
        <v>11</v>
      </c>
      <c r="AU27" s="184">
        <v>10</v>
      </c>
      <c r="AV27" s="184">
        <v>19</v>
      </c>
      <c r="AW27" s="184">
        <v>28</v>
      </c>
      <c r="AX27" s="182">
        <v>15</v>
      </c>
      <c r="AY27" s="185">
        <v>83</v>
      </c>
      <c r="AZ27" s="186">
        <v>83</v>
      </c>
      <c r="BA27" s="181">
        <v>0</v>
      </c>
      <c r="BB27" s="182">
        <v>0</v>
      </c>
      <c r="BC27" s="182">
        <v>0</v>
      </c>
      <c r="BD27" s="183">
        <v>0</v>
      </c>
      <c r="BE27" s="184">
        <v>0</v>
      </c>
      <c r="BF27" s="184">
        <v>0</v>
      </c>
      <c r="BG27" s="184">
        <v>2</v>
      </c>
      <c r="BH27" s="182">
        <v>0</v>
      </c>
      <c r="BI27" s="185">
        <v>2</v>
      </c>
      <c r="BJ27" s="187">
        <v>2</v>
      </c>
      <c r="BK27" s="188">
        <v>0</v>
      </c>
      <c r="BL27" s="182">
        <v>0</v>
      </c>
      <c r="BM27" s="182">
        <v>0</v>
      </c>
      <c r="BN27" s="183">
        <v>0</v>
      </c>
      <c r="BO27" s="184">
        <v>0</v>
      </c>
      <c r="BP27" s="184">
        <v>0</v>
      </c>
      <c r="BQ27" s="184">
        <v>0</v>
      </c>
      <c r="BR27" s="182">
        <v>0</v>
      </c>
      <c r="BS27" s="185">
        <v>0</v>
      </c>
      <c r="BT27" s="186">
        <v>0</v>
      </c>
      <c r="BU27" s="181">
        <v>0</v>
      </c>
      <c r="BV27" s="182">
        <v>0</v>
      </c>
      <c r="BW27" s="182">
        <v>0</v>
      </c>
      <c r="BX27" s="183">
        <v>0</v>
      </c>
      <c r="BY27" s="184">
        <v>0</v>
      </c>
      <c r="BZ27" s="184">
        <v>0</v>
      </c>
      <c r="CA27" s="184">
        <v>0</v>
      </c>
      <c r="CB27" s="182">
        <v>0</v>
      </c>
      <c r="CC27" s="185">
        <v>0</v>
      </c>
      <c r="CD27" s="187">
        <v>0</v>
      </c>
      <c r="CE27" s="188">
        <v>0</v>
      </c>
      <c r="CF27" s="182">
        <v>0</v>
      </c>
      <c r="CG27" s="182">
        <v>0</v>
      </c>
      <c r="CH27" s="183">
        <v>0</v>
      </c>
      <c r="CI27" s="184">
        <v>0</v>
      </c>
      <c r="CJ27" s="184">
        <v>0</v>
      </c>
      <c r="CK27" s="184">
        <v>0</v>
      </c>
      <c r="CL27" s="182">
        <v>0</v>
      </c>
      <c r="CM27" s="185">
        <v>0</v>
      </c>
      <c r="CN27" s="187">
        <v>0</v>
      </c>
      <c r="CO27" s="188">
        <v>0</v>
      </c>
      <c r="CP27" s="182">
        <v>0</v>
      </c>
      <c r="CQ27" s="182">
        <v>0</v>
      </c>
      <c r="CR27" s="183">
        <v>0</v>
      </c>
      <c r="CS27" s="184">
        <v>0</v>
      </c>
      <c r="CT27" s="184">
        <v>0</v>
      </c>
      <c r="CU27" s="184">
        <v>0</v>
      </c>
      <c r="CV27" s="182">
        <v>0</v>
      </c>
      <c r="CW27" s="185">
        <v>0</v>
      </c>
      <c r="CX27" s="186">
        <v>0</v>
      </c>
      <c r="CY27" s="181">
        <v>0</v>
      </c>
      <c r="CZ27" s="182">
        <v>0</v>
      </c>
      <c r="DA27" s="182">
        <v>0</v>
      </c>
      <c r="DB27" s="183">
        <v>0</v>
      </c>
      <c r="DC27" s="184">
        <v>0</v>
      </c>
      <c r="DD27" s="184">
        <v>0</v>
      </c>
      <c r="DE27" s="184">
        <v>0</v>
      </c>
      <c r="DF27" s="182">
        <v>0</v>
      </c>
      <c r="DG27" s="185">
        <v>0</v>
      </c>
      <c r="DH27" s="187">
        <v>0</v>
      </c>
      <c r="DI27" s="188">
        <v>0</v>
      </c>
      <c r="DJ27" s="182">
        <v>0</v>
      </c>
      <c r="DK27" s="182">
        <v>0</v>
      </c>
      <c r="DL27" s="183">
        <v>0</v>
      </c>
      <c r="DM27" s="184">
        <v>0</v>
      </c>
      <c r="DN27" s="184">
        <v>0</v>
      </c>
      <c r="DO27" s="184">
        <v>0</v>
      </c>
      <c r="DP27" s="182">
        <v>0</v>
      </c>
      <c r="DQ27" s="185">
        <v>0</v>
      </c>
      <c r="DR27" s="187">
        <v>0</v>
      </c>
      <c r="DS27" s="188">
        <v>0</v>
      </c>
      <c r="DT27" s="182">
        <v>0</v>
      </c>
      <c r="DU27" s="182">
        <v>0</v>
      </c>
      <c r="DV27" s="183">
        <v>11</v>
      </c>
      <c r="DW27" s="184">
        <v>10</v>
      </c>
      <c r="DX27" s="184">
        <v>46</v>
      </c>
      <c r="DY27" s="184">
        <v>113</v>
      </c>
      <c r="DZ27" s="182">
        <v>70</v>
      </c>
      <c r="EA27" s="185">
        <v>250</v>
      </c>
      <c r="EB27" s="187">
        <v>250</v>
      </c>
      <c r="EC27" s="32"/>
    </row>
    <row r="28" spans="2:133" ht="21" customHeight="1" x14ac:dyDescent="0.2">
      <c r="B28" s="472" t="s">
        <v>25</v>
      </c>
      <c r="C28" s="181">
        <v>0</v>
      </c>
      <c r="D28" s="182">
        <v>0</v>
      </c>
      <c r="E28" s="182">
        <v>0</v>
      </c>
      <c r="F28" s="183">
        <v>1</v>
      </c>
      <c r="G28" s="184">
        <v>5</v>
      </c>
      <c r="H28" s="184">
        <v>62</v>
      </c>
      <c r="I28" s="184">
        <v>71</v>
      </c>
      <c r="J28" s="182">
        <v>57</v>
      </c>
      <c r="K28" s="185">
        <v>196</v>
      </c>
      <c r="L28" s="186">
        <v>196</v>
      </c>
      <c r="M28" s="181">
        <v>0</v>
      </c>
      <c r="N28" s="182">
        <v>0</v>
      </c>
      <c r="O28" s="185">
        <v>0</v>
      </c>
      <c r="P28" s="183">
        <v>1</v>
      </c>
      <c r="Q28" s="184">
        <v>5</v>
      </c>
      <c r="R28" s="184">
        <v>62</v>
      </c>
      <c r="S28" s="184">
        <v>71</v>
      </c>
      <c r="T28" s="182">
        <v>52</v>
      </c>
      <c r="U28" s="185">
        <v>191</v>
      </c>
      <c r="V28" s="187">
        <v>191</v>
      </c>
      <c r="W28" s="188">
        <v>0</v>
      </c>
      <c r="X28" s="182">
        <v>0</v>
      </c>
      <c r="Y28" s="185">
        <v>0</v>
      </c>
      <c r="Z28" s="188">
        <v>0</v>
      </c>
      <c r="AA28" s="184">
        <v>0</v>
      </c>
      <c r="AB28" s="184">
        <v>0</v>
      </c>
      <c r="AC28" s="184">
        <v>0</v>
      </c>
      <c r="AD28" s="182">
        <v>5</v>
      </c>
      <c r="AE28" s="185">
        <v>5</v>
      </c>
      <c r="AF28" s="189">
        <v>5</v>
      </c>
      <c r="AG28" s="188">
        <v>0</v>
      </c>
      <c r="AH28" s="182">
        <v>0</v>
      </c>
      <c r="AI28" s="185">
        <v>0</v>
      </c>
      <c r="AJ28" s="188">
        <v>15</v>
      </c>
      <c r="AK28" s="184">
        <v>16</v>
      </c>
      <c r="AL28" s="184">
        <v>16</v>
      </c>
      <c r="AM28" s="184">
        <v>45</v>
      </c>
      <c r="AN28" s="182">
        <v>22</v>
      </c>
      <c r="AO28" s="185">
        <v>114</v>
      </c>
      <c r="AP28" s="189">
        <v>114</v>
      </c>
      <c r="AQ28" s="188">
        <v>0</v>
      </c>
      <c r="AR28" s="182">
        <v>0</v>
      </c>
      <c r="AS28" s="185">
        <v>0</v>
      </c>
      <c r="AT28" s="183">
        <v>15</v>
      </c>
      <c r="AU28" s="184">
        <v>16</v>
      </c>
      <c r="AV28" s="184">
        <v>16</v>
      </c>
      <c r="AW28" s="184">
        <v>44</v>
      </c>
      <c r="AX28" s="182">
        <v>22</v>
      </c>
      <c r="AY28" s="185">
        <v>113</v>
      </c>
      <c r="AZ28" s="186">
        <v>113</v>
      </c>
      <c r="BA28" s="181">
        <v>0</v>
      </c>
      <c r="BB28" s="182">
        <v>0</v>
      </c>
      <c r="BC28" s="182">
        <v>0</v>
      </c>
      <c r="BD28" s="183">
        <v>0</v>
      </c>
      <c r="BE28" s="184">
        <v>0</v>
      </c>
      <c r="BF28" s="184">
        <v>0</v>
      </c>
      <c r="BG28" s="184">
        <v>1</v>
      </c>
      <c r="BH28" s="182">
        <v>0</v>
      </c>
      <c r="BI28" s="185">
        <v>1</v>
      </c>
      <c r="BJ28" s="187">
        <v>1</v>
      </c>
      <c r="BK28" s="188">
        <v>0</v>
      </c>
      <c r="BL28" s="182">
        <v>0</v>
      </c>
      <c r="BM28" s="182">
        <v>0</v>
      </c>
      <c r="BN28" s="183">
        <v>0</v>
      </c>
      <c r="BO28" s="184">
        <v>0</v>
      </c>
      <c r="BP28" s="184">
        <v>0</v>
      </c>
      <c r="BQ28" s="184">
        <v>0</v>
      </c>
      <c r="BR28" s="182">
        <v>0</v>
      </c>
      <c r="BS28" s="185">
        <v>0</v>
      </c>
      <c r="BT28" s="186">
        <v>0</v>
      </c>
      <c r="BU28" s="181">
        <v>0</v>
      </c>
      <c r="BV28" s="182">
        <v>0</v>
      </c>
      <c r="BW28" s="182">
        <v>0</v>
      </c>
      <c r="BX28" s="183">
        <v>0</v>
      </c>
      <c r="BY28" s="184">
        <v>0</v>
      </c>
      <c r="BZ28" s="184">
        <v>0</v>
      </c>
      <c r="CA28" s="184">
        <v>0</v>
      </c>
      <c r="CB28" s="182">
        <v>0</v>
      </c>
      <c r="CC28" s="185">
        <v>0</v>
      </c>
      <c r="CD28" s="187">
        <v>0</v>
      </c>
      <c r="CE28" s="188">
        <v>0</v>
      </c>
      <c r="CF28" s="182">
        <v>0</v>
      </c>
      <c r="CG28" s="182">
        <v>0</v>
      </c>
      <c r="CH28" s="183">
        <v>0</v>
      </c>
      <c r="CI28" s="184">
        <v>0</v>
      </c>
      <c r="CJ28" s="184">
        <v>0</v>
      </c>
      <c r="CK28" s="184">
        <v>0</v>
      </c>
      <c r="CL28" s="182">
        <v>0</v>
      </c>
      <c r="CM28" s="185">
        <v>0</v>
      </c>
      <c r="CN28" s="187">
        <v>0</v>
      </c>
      <c r="CO28" s="188">
        <v>0</v>
      </c>
      <c r="CP28" s="182">
        <v>0</v>
      </c>
      <c r="CQ28" s="182">
        <v>0</v>
      </c>
      <c r="CR28" s="183">
        <v>0</v>
      </c>
      <c r="CS28" s="184">
        <v>0</v>
      </c>
      <c r="CT28" s="184">
        <v>0</v>
      </c>
      <c r="CU28" s="184">
        <v>0</v>
      </c>
      <c r="CV28" s="182">
        <v>3</v>
      </c>
      <c r="CW28" s="185">
        <v>3</v>
      </c>
      <c r="CX28" s="186">
        <v>3</v>
      </c>
      <c r="CY28" s="181">
        <v>0</v>
      </c>
      <c r="CZ28" s="182">
        <v>0</v>
      </c>
      <c r="DA28" s="182">
        <v>0</v>
      </c>
      <c r="DB28" s="183">
        <v>0</v>
      </c>
      <c r="DC28" s="184">
        <v>0</v>
      </c>
      <c r="DD28" s="184">
        <v>0</v>
      </c>
      <c r="DE28" s="184">
        <v>0</v>
      </c>
      <c r="DF28" s="182">
        <v>3</v>
      </c>
      <c r="DG28" s="185">
        <v>3</v>
      </c>
      <c r="DH28" s="187">
        <v>3</v>
      </c>
      <c r="DI28" s="188">
        <v>0</v>
      </c>
      <c r="DJ28" s="182">
        <v>0</v>
      </c>
      <c r="DK28" s="182">
        <v>0</v>
      </c>
      <c r="DL28" s="183">
        <v>0</v>
      </c>
      <c r="DM28" s="184">
        <v>0</v>
      </c>
      <c r="DN28" s="184">
        <v>0</v>
      </c>
      <c r="DO28" s="184">
        <v>0</v>
      </c>
      <c r="DP28" s="182">
        <v>0</v>
      </c>
      <c r="DQ28" s="185">
        <v>0</v>
      </c>
      <c r="DR28" s="187">
        <v>0</v>
      </c>
      <c r="DS28" s="188">
        <v>0</v>
      </c>
      <c r="DT28" s="182">
        <v>0</v>
      </c>
      <c r="DU28" s="182">
        <v>0</v>
      </c>
      <c r="DV28" s="183">
        <v>16</v>
      </c>
      <c r="DW28" s="184">
        <v>21</v>
      </c>
      <c r="DX28" s="184">
        <v>78</v>
      </c>
      <c r="DY28" s="184">
        <v>116</v>
      </c>
      <c r="DZ28" s="182">
        <v>82</v>
      </c>
      <c r="EA28" s="185">
        <v>313</v>
      </c>
      <c r="EB28" s="187">
        <v>313</v>
      </c>
      <c r="EC28" s="32"/>
    </row>
    <row r="29" spans="2:133" ht="21" customHeight="1" x14ac:dyDescent="0.2">
      <c r="B29" s="472" t="s">
        <v>26</v>
      </c>
      <c r="C29" s="181">
        <v>0</v>
      </c>
      <c r="D29" s="182">
        <v>0</v>
      </c>
      <c r="E29" s="182">
        <v>0</v>
      </c>
      <c r="F29" s="183">
        <v>1</v>
      </c>
      <c r="G29" s="184">
        <v>6</v>
      </c>
      <c r="H29" s="184">
        <v>37</v>
      </c>
      <c r="I29" s="184">
        <v>69</v>
      </c>
      <c r="J29" s="182">
        <v>47</v>
      </c>
      <c r="K29" s="185">
        <v>160</v>
      </c>
      <c r="L29" s="186">
        <v>160</v>
      </c>
      <c r="M29" s="181">
        <v>0</v>
      </c>
      <c r="N29" s="182">
        <v>0</v>
      </c>
      <c r="O29" s="185">
        <v>0</v>
      </c>
      <c r="P29" s="183">
        <v>1</v>
      </c>
      <c r="Q29" s="184">
        <v>6</v>
      </c>
      <c r="R29" s="184">
        <v>37</v>
      </c>
      <c r="S29" s="184">
        <v>67</v>
      </c>
      <c r="T29" s="182">
        <v>47</v>
      </c>
      <c r="U29" s="185">
        <v>158</v>
      </c>
      <c r="V29" s="187">
        <v>158</v>
      </c>
      <c r="W29" s="188">
        <v>0</v>
      </c>
      <c r="X29" s="182">
        <v>0</v>
      </c>
      <c r="Y29" s="185">
        <v>0</v>
      </c>
      <c r="Z29" s="188">
        <v>0</v>
      </c>
      <c r="AA29" s="184">
        <v>0</v>
      </c>
      <c r="AB29" s="184">
        <v>0</v>
      </c>
      <c r="AC29" s="184">
        <v>2</v>
      </c>
      <c r="AD29" s="182">
        <v>0</v>
      </c>
      <c r="AE29" s="185">
        <v>2</v>
      </c>
      <c r="AF29" s="189">
        <v>2</v>
      </c>
      <c r="AG29" s="188">
        <v>0</v>
      </c>
      <c r="AH29" s="182">
        <v>0</v>
      </c>
      <c r="AI29" s="185">
        <v>0</v>
      </c>
      <c r="AJ29" s="188">
        <v>8</v>
      </c>
      <c r="AK29" s="184">
        <v>24</v>
      </c>
      <c r="AL29" s="184">
        <v>21</v>
      </c>
      <c r="AM29" s="184">
        <v>20</v>
      </c>
      <c r="AN29" s="182">
        <v>15</v>
      </c>
      <c r="AO29" s="185">
        <v>88</v>
      </c>
      <c r="AP29" s="189">
        <v>88</v>
      </c>
      <c r="AQ29" s="188">
        <v>0</v>
      </c>
      <c r="AR29" s="182">
        <v>0</v>
      </c>
      <c r="AS29" s="185">
        <v>0</v>
      </c>
      <c r="AT29" s="183">
        <v>8</v>
      </c>
      <c r="AU29" s="184">
        <v>23</v>
      </c>
      <c r="AV29" s="184">
        <v>21</v>
      </c>
      <c r="AW29" s="184">
        <v>19</v>
      </c>
      <c r="AX29" s="182">
        <v>15</v>
      </c>
      <c r="AY29" s="185">
        <v>86</v>
      </c>
      <c r="AZ29" s="186">
        <v>86</v>
      </c>
      <c r="BA29" s="181">
        <v>0</v>
      </c>
      <c r="BB29" s="182">
        <v>0</v>
      </c>
      <c r="BC29" s="182">
        <v>0</v>
      </c>
      <c r="BD29" s="183">
        <v>0</v>
      </c>
      <c r="BE29" s="184">
        <v>1</v>
      </c>
      <c r="BF29" s="184">
        <v>0</v>
      </c>
      <c r="BG29" s="184">
        <v>1</v>
      </c>
      <c r="BH29" s="182">
        <v>0</v>
      </c>
      <c r="BI29" s="185">
        <v>2</v>
      </c>
      <c r="BJ29" s="187">
        <v>2</v>
      </c>
      <c r="BK29" s="188">
        <v>0</v>
      </c>
      <c r="BL29" s="182">
        <v>0</v>
      </c>
      <c r="BM29" s="182">
        <v>0</v>
      </c>
      <c r="BN29" s="183">
        <v>0</v>
      </c>
      <c r="BO29" s="184">
        <v>0</v>
      </c>
      <c r="BP29" s="184">
        <v>0</v>
      </c>
      <c r="BQ29" s="184">
        <v>0</v>
      </c>
      <c r="BR29" s="182">
        <v>0</v>
      </c>
      <c r="BS29" s="185">
        <v>0</v>
      </c>
      <c r="BT29" s="186">
        <v>0</v>
      </c>
      <c r="BU29" s="181">
        <v>0</v>
      </c>
      <c r="BV29" s="182">
        <v>0</v>
      </c>
      <c r="BW29" s="182">
        <v>0</v>
      </c>
      <c r="BX29" s="183">
        <v>0</v>
      </c>
      <c r="BY29" s="184">
        <v>0</v>
      </c>
      <c r="BZ29" s="184">
        <v>0</v>
      </c>
      <c r="CA29" s="184">
        <v>0</v>
      </c>
      <c r="CB29" s="182">
        <v>0</v>
      </c>
      <c r="CC29" s="185">
        <v>0</v>
      </c>
      <c r="CD29" s="187">
        <v>0</v>
      </c>
      <c r="CE29" s="188">
        <v>0</v>
      </c>
      <c r="CF29" s="182">
        <v>0</v>
      </c>
      <c r="CG29" s="182">
        <v>0</v>
      </c>
      <c r="CH29" s="183">
        <v>0</v>
      </c>
      <c r="CI29" s="184">
        <v>0</v>
      </c>
      <c r="CJ29" s="184">
        <v>0</v>
      </c>
      <c r="CK29" s="184">
        <v>0</v>
      </c>
      <c r="CL29" s="182">
        <v>0</v>
      </c>
      <c r="CM29" s="185">
        <v>0</v>
      </c>
      <c r="CN29" s="187">
        <v>0</v>
      </c>
      <c r="CO29" s="188">
        <v>0</v>
      </c>
      <c r="CP29" s="182">
        <v>0</v>
      </c>
      <c r="CQ29" s="182">
        <v>0</v>
      </c>
      <c r="CR29" s="183">
        <v>0</v>
      </c>
      <c r="CS29" s="184">
        <v>0</v>
      </c>
      <c r="CT29" s="184">
        <v>1</v>
      </c>
      <c r="CU29" s="184">
        <v>0</v>
      </c>
      <c r="CV29" s="182">
        <v>2</v>
      </c>
      <c r="CW29" s="185">
        <v>3</v>
      </c>
      <c r="CX29" s="186">
        <v>3</v>
      </c>
      <c r="CY29" s="181">
        <v>0</v>
      </c>
      <c r="CZ29" s="182">
        <v>0</v>
      </c>
      <c r="DA29" s="182">
        <v>0</v>
      </c>
      <c r="DB29" s="183">
        <v>0</v>
      </c>
      <c r="DC29" s="184">
        <v>0</v>
      </c>
      <c r="DD29" s="184">
        <v>1</v>
      </c>
      <c r="DE29" s="184">
        <v>0</v>
      </c>
      <c r="DF29" s="182">
        <v>2</v>
      </c>
      <c r="DG29" s="185">
        <v>3</v>
      </c>
      <c r="DH29" s="187">
        <v>3</v>
      </c>
      <c r="DI29" s="188">
        <v>0</v>
      </c>
      <c r="DJ29" s="182">
        <v>0</v>
      </c>
      <c r="DK29" s="182">
        <v>0</v>
      </c>
      <c r="DL29" s="183">
        <v>0</v>
      </c>
      <c r="DM29" s="184">
        <v>0</v>
      </c>
      <c r="DN29" s="184">
        <v>0</v>
      </c>
      <c r="DO29" s="184">
        <v>0</v>
      </c>
      <c r="DP29" s="182">
        <v>0</v>
      </c>
      <c r="DQ29" s="185">
        <v>0</v>
      </c>
      <c r="DR29" s="187">
        <v>0</v>
      </c>
      <c r="DS29" s="188">
        <v>0</v>
      </c>
      <c r="DT29" s="182">
        <v>0</v>
      </c>
      <c r="DU29" s="182">
        <v>0</v>
      </c>
      <c r="DV29" s="183">
        <v>9</v>
      </c>
      <c r="DW29" s="184">
        <v>30</v>
      </c>
      <c r="DX29" s="184">
        <v>59</v>
      </c>
      <c r="DY29" s="184">
        <v>89</v>
      </c>
      <c r="DZ29" s="182">
        <v>64</v>
      </c>
      <c r="EA29" s="185">
        <v>251</v>
      </c>
      <c r="EB29" s="187">
        <v>251</v>
      </c>
      <c r="EC29" s="32"/>
    </row>
    <row r="30" spans="2:133" ht="21" customHeight="1" x14ac:dyDescent="0.2">
      <c r="B30" s="472" t="s">
        <v>27</v>
      </c>
      <c r="C30" s="181">
        <v>0</v>
      </c>
      <c r="D30" s="182">
        <v>0</v>
      </c>
      <c r="E30" s="182">
        <v>0</v>
      </c>
      <c r="F30" s="183">
        <v>3</v>
      </c>
      <c r="G30" s="184">
        <v>2</v>
      </c>
      <c r="H30" s="184">
        <v>31</v>
      </c>
      <c r="I30" s="184">
        <v>65</v>
      </c>
      <c r="J30" s="182">
        <v>40</v>
      </c>
      <c r="K30" s="185">
        <v>141</v>
      </c>
      <c r="L30" s="186">
        <v>141</v>
      </c>
      <c r="M30" s="181">
        <v>0</v>
      </c>
      <c r="N30" s="182">
        <v>0</v>
      </c>
      <c r="O30" s="185">
        <v>0</v>
      </c>
      <c r="P30" s="183">
        <v>3</v>
      </c>
      <c r="Q30" s="184">
        <v>2</v>
      </c>
      <c r="R30" s="184">
        <v>29</v>
      </c>
      <c r="S30" s="184">
        <v>65</v>
      </c>
      <c r="T30" s="182">
        <v>40</v>
      </c>
      <c r="U30" s="185">
        <v>139</v>
      </c>
      <c r="V30" s="187">
        <v>139</v>
      </c>
      <c r="W30" s="188">
        <v>0</v>
      </c>
      <c r="X30" s="182">
        <v>0</v>
      </c>
      <c r="Y30" s="185">
        <v>0</v>
      </c>
      <c r="Z30" s="188">
        <v>0</v>
      </c>
      <c r="AA30" s="184">
        <v>0</v>
      </c>
      <c r="AB30" s="184">
        <v>2</v>
      </c>
      <c r="AC30" s="184">
        <v>0</v>
      </c>
      <c r="AD30" s="182">
        <v>0</v>
      </c>
      <c r="AE30" s="185">
        <v>2</v>
      </c>
      <c r="AF30" s="189">
        <v>2</v>
      </c>
      <c r="AG30" s="188">
        <v>0</v>
      </c>
      <c r="AH30" s="182">
        <v>0</v>
      </c>
      <c r="AI30" s="185">
        <v>0</v>
      </c>
      <c r="AJ30" s="188">
        <v>10</v>
      </c>
      <c r="AK30" s="184">
        <v>19</v>
      </c>
      <c r="AL30" s="184">
        <v>21</v>
      </c>
      <c r="AM30" s="184">
        <v>17</v>
      </c>
      <c r="AN30" s="182">
        <v>14</v>
      </c>
      <c r="AO30" s="185">
        <v>81</v>
      </c>
      <c r="AP30" s="189">
        <v>81</v>
      </c>
      <c r="AQ30" s="188">
        <v>0</v>
      </c>
      <c r="AR30" s="182">
        <v>0</v>
      </c>
      <c r="AS30" s="185">
        <v>0</v>
      </c>
      <c r="AT30" s="183">
        <v>10</v>
      </c>
      <c r="AU30" s="184">
        <v>17</v>
      </c>
      <c r="AV30" s="184">
        <v>20</v>
      </c>
      <c r="AW30" s="184">
        <v>15</v>
      </c>
      <c r="AX30" s="182">
        <v>14</v>
      </c>
      <c r="AY30" s="185">
        <v>76</v>
      </c>
      <c r="AZ30" s="186">
        <v>76</v>
      </c>
      <c r="BA30" s="181">
        <v>0</v>
      </c>
      <c r="BB30" s="182">
        <v>0</v>
      </c>
      <c r="BC30" s="182">
        <v>0</v>
      </c>
      <c r="BD30" s="183">
        <v>0</v>
      </c>
      <c r="BE30" s="184">
        <v>2</v>
      </c>
      <c r="BF30" s="184">
        <v>1</v>
      </c>
      <c r="BG30" s="184">
        <v>2</v>
      </c>
      <c r="BH30" s="182">
        <v>0</v>
      </c>
      <c r="BI30" s="185">
        <v>5</v>
      </c>
      <c r="BJ30" s="187">
        <v>5</v>
      </c>
      <c r="BK30" s="188">
        <v>0</v>
      </c>
      <c r="BL30" s="182">
        <v>0</v>
      </c>
      <c r="BM30" s="182">
        <v>0</v>
      </c>
      <c r="BN30" s="183">
        <v>0</v>
      </c>
      <c r="BO30" s="184">
        <v>0</v>
      </c>
      <c r="BP30" s="184">
        <v>0</v>
      </c>
      <c r="BQ30" s="184">
        <v>0</v>
      </c>
      <c r="BR30" s="182">
        <v>0</v>
      </c>
      <c r="BS30" s="185">
        <v>0</v>
      </c>
      <c r="BT30" s="186">
        <v>0</v>
      </c>
      <c r="BU30" s="181">
        <v>0</v>
      </c>
      <c r="BV30" s="182">
        <v>0</v>
      </c>
      <c r="BW30" s="182">
        <v>0</v>
      </c>
      <c r="BX30" s="183">
        <v>0</v>
      </c>
      <c r="BY30" s="184">
        <v>0</v>
      </c>
      <c r="BZ30" s="184">
        <v>0</v>
      </c>
      <c r="CA30" s="184">
        <v>0</v>
      </c>
      <c r="CB30" s="182">
        <v>0</v>
      </c>
      <c r="CC30" s="185">
        <v>0</v>
      </c>
      <c r="CD30" s="187">
        <v>0</v>
      </c>
      <c r="CE30" s="188">
        <v>0</v>
      </c>
      <c r="CF30" s="182">
        <v>0</v>
      </c>
      <c r="CG30" s="182">
        <v>0</v>
      </c>
      <c r="CH30" s="183">
        <v>0</v>
      </c>
      <c r="CI30" s="184">
        <v>0</v>
      </c>
      <c r="CJ30" s="184">
        <v>0</v>
      </c>
      <c r="CK30" s="184">
        <v>0</v>
      </c>
      <c r="CL30" s="182">
        <v>0</v>
      </c>
      <c r="CM30" s="185">
        <v>0</v>
      </c>
      <c r="CN30" s="187">
        <v>0</v>
      </c>
      <c r="CO30" s="188">
        <v>0</v>
      </c>
      <c r="CP30" s="182">
        <v>0</v>
      </c>
      <c r="CQ30" s="182">
        <v>0</v>
      </c>
      <c r="CR30" s="183">
        <v>0</v>
      </c>
      <c r="CS30" s="184">
        <v>0</v>
      </c>
      <c r="CT30" s="184">
        <v>0</v>
      </c>
      <c r="CU30" s="184">
        <v>4</v>
      </c>
      <c r="CV30" s="182">
        <v>1</v>
      </c>
      <c r="CW30" s="185">
        <v>5</v>
      </c>
      <c r="CX30" s="186">
        <v>5</v>
      </c>
      <c r="CY30" s="181">
        <v>0</v>
      </c>
      <c r="CZ30" s="182">
        <v>0</v>
      </c>
      <c r="DA30" s="182">
        <v>0</v>
      </c>
      <c r="DB30" s="183">
        <v>0</v>
      </c>
      <c r="DC30" s="184">
        <v>0</v>
      </c>
      <c r="DD30" s="184">
        <v>0</v>
      </c>
      <c r="DE30" s="184">
        <v>3</v>
      </c>
      <c r="DF30" s="182">
        <v>0</v>
      </c>
      <c r="DG30" s="185">
        <v>3</v>
      </c>
      <c r="DH30" s="187">
        <v>3</v>
      </c>
      <c r="DI30" s="188">
        <v>0</v>
      </c>
      <c r="DJ30" s="182">
        <v>0</v>
      </c>
      <c r="DK30" s="182">
        <v>0</v>
      </c>
      <c r="DL30" s="183">
        <v>0</v>
      </c>
      <c r="DM30" s="184">
        <v>0</v>
      </c>
      <c r="DN30" s="184">
        <v>0</v>
      </c>
      <c r="DO30" s="184">
        <v>1</v>
      </c>
      <c r="DP30" s="182">
        <v>1</v>
      </c>
      <c r="DQ30" s="185">
        <v>2</v>
      </c>
      <c r="DR30" s="187">
        <v>2</v>
      </c>
      <c r="DS30" s="188">
        <v>0</v>
      </c>
      <c r="DT30" s="182">
        <v>0</v>
      </c>
      <c r="DU30" s="182">
        <v>0</v>
      </c>
      <c r="DV30" s="183">
        <v>13</v>
      </c>
      <c r="DW30" s="184">
        <v>21</v>
      </c>
      <c r="DX30" s="184">
        <v>52</v>
      </c>
      <c r="DY30" s="184">
        <v>85</v>
      </c>
      <c r="DZ30" s="182">
        <v>55</v>
      </c>
      <c r="EA30" s="185">
        <v>226</v>
      </c>
      <c r="EB30" s="187">
        <v>226</v>
      </c>
      <c r="EC30" s="32"/>
    </row>
    <row r="31" spans="2:133" ht="21" customHeight="1" x14ac:dyDescent="0.2">
      <c r="B31" s="472" t="s">
        <v>28</v>
      </c>
      <c r="C31" s="181">
        <v>0</v>
      </c>
      <c r="D31" s="182">
        <v>0</v>
      </c>
      <c r="E31" s="182">
        <v>0</v>
      </c>
      <c r="F31" s="183">
        <v>0</v>
      </c>
      <c r="G31" s="184">
        <v>2</v>
      </c>
      <c r="H31" s="184">
        <v>17</v>
      </c>
      <c r="I31" s="184">
        <v>14</v>
      </c>
      <c r="J31" s="182">
        <v>18</v>
      </c>
      <c r="K31" s="185">
        <v>51</v>
      </c>
      <c r="L31" s="186">
        <v>51</v>
      </c>
      <c r="M31" s="181">
        <v>0</v>
      </c>
      <c r="N31" s="182">
        <v>0</v>
      </c>
      <c r="O31" s="185">
        <v>0</v>
      </c>
      <c r="P31" s="183">
        <v>0</v>
      </c>
      <c r="Q31" s="184">
        <v>2</v>
      </c>
      <c r="R31" s="184">
        <v>17</v>
      </c>
      <c r="S31" s="184">
        <v>14</v>
      </c>
      <c r="T31" s="182">
        <v>17</v>
      </c>
      <c r="U31" s="185">
        <v>50</v>
      </c>
      <c r="V31" s="187">
        <v>50</v>
      </c>
      <c r="W31" s="188">
        <v>0</v>
      </c>
      <c r="X31" s="182">
        <v>0</v>
      </c>
      <c r="Y31" s="185">
        <v>0</v>
      </c>
      <c r="Z31" s="188">
        <v>0</v>
      </c>
      <c r="AA31" s="184">
        <v>0</v>
      </c>
      <c r="AB31" s="184">
        <v>0</v>
      </c>
      <c r="AC31" s="184">
        <v>0</v>
      </c>
      <c r="AD31" s="182">
        <v>1</v>
      </c>
      <c r="AE31" s="185">
        <v>1</v>
      </c>
      <c r="AF31" s="189">
        <v>1</v>
      </c>
      <c r="AG31" s="188">
        <v>0</v>
      </c>
      <c r="AH31" s="182">
        <v>0</v>
      </c>
      <c r="AI31" s="185">
        <v>0</v>
      </c>
      <c r="AJ31" s="188">
        <v>3</v>
      </c>
      <c r="AK31" s="184">
        <v>8</v>
      </c>
      <c r="AL31" s="184">
        <v>11</v>
      </c>
      <c r="AM31" s="184">
        <v>6</v>
      </c>
      <c r="AN31" s="182">
        <v>4</v>
      </c>
      <c r="AO31" s="185">
        <v>32</v>
      </c>
      <c r="AP31" s="189">
        <v>32</v>
      </c>
      <c r="AQ31" s="188">
        <v>0</v>
      </c>
      <c r="AR31" s="182">
        <v>0</v>
      </c>
      <c r="AS31" s="185">
        <v>0</v>
      </c>
      <c r="AT31" s="183">
        <v>3</v>
      </c>
      <c r="AU31" s="184">
        <v>8</v>
      </c>
      <c r="AV31" s="184">
        <v>11</v>
      </c>
      <c r="AW31" s="184">
        <v>6</v>
      </c>
      <c r="AX31" s="182">
        <v>4</v>
      </c>
      <c r="AY31" s="185">
        <v>32</v>
      </c>
      <c r="AZ31" s="186">
        <v>32</v>
      </c>
      <c r="BA31" s="181">
        <v>0</v>
      </c>
      <c r="BB31" s="182">
        <v>0</v>
      </c>
      <c r="BC31" s="182">
        <v>0</v>
      </c>
      <c r="BD31" s="183">
        <v>0</v>
      </c>
      <c r="BE31" s="184">
        <v>0</v>
      </c>
      <c r="BF31" s="184">
        <v>0</v>
      </c>
      <c r="BG31" s="184">
        <v>0</v>
      </c>
      <c r="BH31" s="182">
        <v>0</v>
      </c>
      <c r="BI31" s="185">
        <v>0</v>
      </c>
      <c r="BJ31" s="187">
        <v>0</v>
      </c>
      <c r="BK31" s="188">
        <v>0</v>
      </c>
      <c r="BL31" s="182">
        <v>0</v>
      </c>
      <c r="BM31" s="182">
        <v>0</v>
      </c>
      <c r="BN31" s="183">
        <v>0</v>
      </c>
      <c r="BO31" s="184">
        <v>0</v>
      </c>
      <c r="BP31" s="184">
        <v>0</v>
      </c>
      <c r="BQ31" s="184">
        <v>0</v>
      </c>
      <c r="BR31" s="182">
        <v>0</v>
      </c>
      <c r="BS31" s="185">
        <v>0</v>
      </c>
      <c r="BT31" s="186">
        <v>0</v>
      </c>
      <c r="BU31" s="181">
        <v>0</v>
      </c>
      <c r="BV31" s="182">
        <v>0</v>
      </c>
      <c r="BW31" s="182">
        <v>0</v>
      </c>
      <c r="BX31" s="183">
        <v>0</v>
      </c>
      <c r="BY31" s="184">
        <v>0</v>
      </c>
      <c r="BZ31" s="184">
        <v>0</v>
      </c>
      <c r="CA31" s="184">
        <v>0</v>
      </c>
      <c r="CB31" s="182">
        <v>0</v>
      </c>
      <c r="CC31" s="185">
        <v>0</v>
      </c>
      <c r="CD31" s="187">
        <v>0</v>
      </c>
      <c r="CE31" s="188">
        <v>0</v>
      </c>
      <c r="CF31" s="182">
        <v>0</v>
      </c>
      <c r="CG31" s="182">
        <v>0</v>
      </c>
      <c r="CH31" s="183">
        <v>0</v>
      </c>
      <c r="CI31" s="184">
        <v>0</v>
      </c>
      <c r="CJ31" s="184">
        <v>0</v>
      </c>
      <c r="CK31" s="184">
        <v>0</v>
      </c>
      <c r="CL31" s="182">
        <v>0</v>
      </c>
      <c r="CM31" s="185">
        <v>0</v>
      </c>
      <c r="CN31" s="187">
        <v>0</v>
      </c>
      <c r="CO31" s="188">
        <v>0</v>
      </c>
      <c r="CP31" s="182">
        <v>0</v>
      </c>
      <c r="CQ31" s="182">
        <v>0</v>
      </c>
      <c r="CR31" s="183">
        <v>0</v>
      </c>
      <c r="CS31" s="184">
        <v>0</v>
      </c>
      <c r="CT31" s="184">
        <v>0</v>
      </c>
      <c r="CU31" s="184">
        <v>0</v>
      </c>
      <c r="CV31" s="182">
        <v>0</v>
      </c>
      <c r="CW31" s="185">
        <v>0</v>
      </c>
      <c r="CX31" s="186">
        <v>0</v>
      </c>
      <c r="CY31" s="181">
        <v>0</v>
      </c>
      <c r="CZ31" s="182">
        <v>0</v>
      </c>
      <c r="DA31" s="182">
        <v>0</v>
      </c>
      <c r="DB31" s="183">
        <v>0</v>
      </c>
      <c r="DC31" s="184">
        <v>0</v>
      </c>
      <c r="DD31" s="184">
        <v>0</v>
      </c>
      <c r="DE31" s="184">
        <v>0</v>
      </c>
      <c r="DF31" s="182">
        <v>0</v>
      </c>
      <c r="DG31" s="185">
        <v>0</v>
      </c>
      <c r="DH31" s="187">
        <v>0</v>
      </c>
      <c r="DI31" s="188">
        <v>0</v>
      </c>
      <c r="DJ31" s="182">
        <v>0</v>
      </c>
      <c r="DK31" s="182">
        <v>0</v>
      </c>
      <c r="DL31" s="183">
        <v>0</v>
      </c>
      <c r="DM31" s="184">
        <v>0</v>
      </c>
      <c r="DN31" s="184">
        <v>0</v>
      </c>
      <c r="DO31" s="184">
        <v>0</v>
      </c>
      <c r="DP31" s="182">
        <v>0</v>
      </c>
      <c r="DQ31" s="185">
        <v>0</v>
      </c>
      <c r="DR31" s="187">
        <v>0</v>
      </c>
      <c r="DS31" s="188">
        <v>0</v>
      </c>
      <c r="DT31" s="182">
        <v>0</v>
      </c>
      <c r="DU31" s="182">
        <v>0</v>
      </c>
      <c r="DV31" s="183">
        <v>3</v>
      </c>
      <c r="DW31" s="184">
        <v>10</v>
      </c>
      <c r="DX31" s="184">
        <v>27</v>
      </c>
      <c r="DY31" s="184">
        <v>20</v>
      </c>
      <c r="DZ31" s="182">
        <v>22</v>
      </c>
      <c r="EA31" s="185">
        <v>82</v>
      </c>
      <c r="EB31" s="187">
        <v>82</v>
      </c>
      <c r="EC31" s="32"/>
    </row>
    <row r="32" spans="2:133" ht="21" customHeight="1" x14ac:dyDescent="0.2">
      <c r="B32" s="472" t="s">
        <v>29</v>
      </c>
      <c r="C32" s="181">
        <v>0</v>
      </c>
      <c r="D32" s="182">
        <v>0</v>
      </c>
      <c r="E32" s="182">
        <v>0</v>
      </c>
      <c r="F32" s="183">
        <v>0</v>
      </c>
      <c r="G32" s="184">
        <v>2</v>
      </c>
      <c r="H32" s="184">
        <v>11</v>
      </c>
      <c r="I32" s="184">
        <v>31</v>
      </c>
      <c r="J32" s="182">
        <v>19</v>
      </c>
      <c r="K32" s="185">
        <v>63</v>
      </c>
      <c r="L32" s="186">
        <v>63</v>
      </c>
      <c r="M32" s="181">
        <v>0</v>
      </c>
      <c r="N32" s="182">
        <v>0</v>
      </c>
      <c r="O32" s="185">
        <v>0</v>
      </c>
      <c r="P32" s="183">
        <v>0</v>
      </c>
      <c r="Q32" s="184">
        <v>2</v>
      </c>
      <c r="R32" s="184">
        <v>11</v>
      </c>
      <c r="S32" s="184">
        <v>31</v>
      </c>
      <c r="T32" s="182">
        <v>19</v>
      </c>
      <c r="U32" s="185">
        <v>63</v>
      </c>
      <c r="V32" s="187">
        <v>63</v>
      </c>
      <c r="W32" s="188">
        <v>0</v>
      </c>
      <c r="X32" s="182">
        <v>0</v>
      </c>
      <c r="Y32" s="185">
        <v>0</v>
      </c>
      <c r="Z32" s="188">
        <v>0</v>
      </c>
      <c r="AA32" s="184">
        <v>0</v>
      </c>
      <c r="AB32" s="184">
        <v>0</v>
      </c>
      <c r="AC32" s="184">
        <v>0</v>
      </c>
      <c r="AD32" s="182">
        <v>0</v>
      </c>
      <c r="AE32" s="185">
        <v>0</v>
      </c>
      <c r="AF32" s="189">
        <v>0</v>
      </c>
      <c r="AG32" s="188">
        <v>0</v>
      </c>
      <c r="AH32" s="182">
        <v>0</v>
      </c>
      <c r="AI32" s="185">
        <v>0</v>
      </c>
      <c r="AJ32" s="188">
        <v>2</v>
      </c>
      <c r="AK32" s="184">
        <v>11</v>
      </c>
      <c r="AL32" s="184">
        <v>11</v>
      </c>
      <c r="AM32" s="184">
        <v>11</v>
      </c>
      <c r="AN32" s="182">
        <v>8</v>
      </c>
      <c r="AO32" s="185">
        <v>43</v>
      </c>
      <c r="AP32" s="189">
        <v>43</v>
      </c>
      <c r="AQ32" s="188">
        <v>0</v>
      </c>
      <c r="AR32" s="182">
        <v>0</v>
      </c>
      <c r="AS32" s="185">
        <v>0</v>
      </c>
      <c r="AT32" s="183">
        <v>2</v>
      </c>
      <c r="AU32" s="184">
        <v>11</v>
      </c>
      <c r="AV32" s="184">
        <v>11</v>
      </c>
      <c r="AW32" s="184">
        <v>11</v>
      </c>
      <c r="AX32" s="182">
        <v>8</v>
      </c>
      <c r="AY32" s="185">
        <v>43</v>
      </c>
      <c r="AZ32" s="186">
        <v>43</v>
      </c>
      <c r="BA32" s="181">
        <v>0</v>
      </c>
      <c r="BB32" s="182">
        <v>0</v>
      </c>
      <c r="BC32" s="182">
        <v>0</v>
      </c>
      <c r="BD32" s="183">
        <v>0</v>
      </c>
      <c r="BE32" s="184">
        <v>0</v>
      </c>
      <c r="BF32" s="184">
        <v>0</v>
      </c>
      <c r="BG32" s="184">
        <v>0</v>
      </c>
      <c r="BH32" s="182">
        <v>0</v>
      </c>
      <c r="BI32" s="185">
        <v>0</v>
      </c>
      <c r="BJ32" s="187">
        <v>0</v>
      </c>
      <c r="BK32" s="188">
        <v>0</v>
      </c>
      <c r="BL32" s="182">
        <v>0</v>
      </c>
      <c r="BM32" s="182">
        <v>0</v>
      </c>
      <c r="BN32" s="183">
        <v>0</v>
      </c>
      <c r="BO32" s="184">
        <v>0</v>
      </c>
      <c r="BP32" s="184">
        <v>0</v>
      </c>
      <c r="BQ32" s="184">
        <v>0</v>
      </c>
      <c r="BR32" s="182">
        <v>0</v>
      </c>
      <c r="BS32" s="185">
        <v>0</v>
      </c>
      <c r="BT32" s="186">
        <v>0</v>
      </c>
      <c r="BU32" s="181">
        <v>0</v>
      </c>
      <c r="BV32" s="182">
        <v>0</v>
      </c>
      <c r="BW32" s="182">
        <v>0</v>
      </c>
      <c r="BX32" s="183">
        <v>0</v>
      </c>
      <c r="BY32" s="184">
        <v>0</v>
      </c>
      <c r="BZ32" s="184">
        <v>0</v>
      </c>
      <c r="CA32" s="184">
        <v>0</v>
      </c>
      <c r="CB32" s="182">
        <v>0</v>
      </c>
      <c r="CC32" s="185">
        <v>0</v>
      </c>
      <c r="CD32" s="187">
        <v>0</v>
      </c>
      <c r="CE32" s="188">
        <v>0</v>
      </c>
      <c r="CF32" s="182">
        <v>0</v>
      </c>
      <c r="CG32" s="182">
        <v>0</v>
      </c>
      <c r="CH32" s="183">
        <v>0</v>
      </c>
      <c r="CI32" s="184">
        <v>0</v>
      </c>
      <c r="CJ32" s="184">
        <v>0</v>
      </c>
      <c r="CK32" s="184">
        <v>0</v>
      </c>
      <c r="CL32" s="182">
        <v>0</v>
      </c>
      <c r="CM32" s="185">
        <v>0</v>
      </c>
      <c r="CN32" s="187">
        <v>0</v>
      </c>
      <c r="CO32" s="188">
        <v>0</v>
      </c>
      <c r="CP32" s="182">
        <v>0</v>
      </c>
      <c r="CQ32" s="182">
        <v>0</v>
      </c>
      <c r="CR32" s="183">
        <v>0</v>
      </c>
      <c r="CS32" s="184">
        <v>0</v>
      </c>
      <c r="CT32" s="184">
        <v>0</v>
      </c>
      <c r="CU32" s="184">
        <v>0</v>
      </c>
      <c r="CV32" s="182">
        <v>0</v>
      </c>
      <c r="CW32" s="185">
        <v>0</v>
      </c>
      <c r="CX32" s="186">
        <v>0</v>
      </c>
      <c r="CY32" s="181">
        <v>0</v>
      </c>
      <c r="CZ32" s="182">
        <v>0</v>
      </c>
      <c r="DA32" s="182">
        <v>0</v>
      </c>
      <c r="DB32" s="183">
        <v>0</v>
      </c>
      <c r="DC32" s="184">
        <v>0</v>
      </c>
      <c r="DD32" s="184">
        <v>0</v>
      </c>
      <c r="DE32" s="184">
        <v>0</v>
      </c>
      <c r="DF32" s="182">
        <v>0</v>
      </c>
      <c r="DG32" s="185">
        <v>0</v>
      </c>
      <c r="DH32" s="187">
        <v>0</v>
      </c>
      <c r="DI32" s="188">
        <v>0</v>
      </c>
      <c r="DJ32" s="182">
        <v>0</v>
      </c>
      <c r="DK32" s="182">
        <v>0</v>
      </c>
      <c r="DL32" s="183">
        <v>0</v>
      </c>
      <c r="DM32" s="184">
        <v>0</v>
      </c>
      <c r="DN32" s="184">
        <v>0</v>
      </c>
      <c r="DO32" s="184">
        <v>0</v>
      </c>
      <c r="DP32" s="182">
        <v>0</v>
      </c>
      <c r="DQ32" s="185">
        <v>0</v>
      </c>
      <c r="DR32" s="187">
        <v>0</v>
      </c>
      <c r="DS32" s="188">
        <v>0</v>
      </c>
      <c r="DT32" s="182">
        <v>0</v>
      </c>
      <c r="DU32" s="182">
        <v>0</v>
      </c>
      <c r="DV32" s="183">
        <v>2</v>
      </c>
      <c r="DW32" s="184">
        <v>13</v>
      </c>
      <c r="DX32" s="184">
        <v>22</v>
      </c>
      <c r="DY32" s="184">
        <v>42</v>
      </c>
      <c r="DZ32" s="182">
        <v>27</v>
      </c>
      <c r="EA32" s="185">
        <v>106</v>
      </c>
      <c r="EB32" s="187">
        <v>106</v>
      </c>
      <c r="EC32" s="32"/>
    </row>
    <row r="33" spans="2:133" ht="21" customHeight="1" x14ac:dyDescent="0.2">
      <c r="B33" s="472" t="s">
        <v>30</v>
      </c>
      <c r="C33" s="181">
        <v>0</v>
      </c>
      <c r="D33" s="182">
        <v>0</v>
      </c>
      <c r="E33" s="182">
        <v>0</v>
      </c>
      <c r="F33" s="183">
        <v>1</v>
      </c>
      <c r="G33" s="184">
        <v>0</v>
      </c>
      <c r="H33" s="184">
        <v>25</v>
      </c>
      <c r="I33" s="184">
        <v>33</v>
      </c>
      <c r="J33" s="182">
        <v>17</v>
      </c>
      <c r="K33" s="185">
        <v>76</v>
      </c>
      <c r="L33" s="186">
        <v>76</v>
      </c>
      <c r="M33" s="181">
        <v>0</v>
      </c>
      <c r="N33" s="182">
        <v>0</v>
      </c>
      <c r="O33" s="185">
        <v>0</v>
      </c>
      <c r="P33" s="183">
        <v>1</v>
      </c>
      <c r="Q33" s="184">
        <v>0</v>
      </c>
      <c r="R33" s="184">
        <v>25</v>
      </c>
      <c r="S33" s="184">
        <v>33</v>
      </c>
      <c r="T33" s="182">
        <v>17</v>
      </c>
      <c r="U33" s="185">
        <v>76</v>
      </c>
      <c r="V33" s="187">
        <v>76</v>
      </c>
      <c r="W33" s="188">
        <v>0</v>
      </c>
      <c r="X33" s="182">
        <v>0</v>
      </c>
      <c r="Y33" s="185">
        <v>0</v>
      </c>
      <c r="Z33" s="188">
        <v>0</v>
      </c>
      <c r="AA33" s="184">
        <v>0</v>
      </c>
      <c r="AB33" s="184">
        <v>0</v>
      </c>
      <c r="AC33" s="184">
        <v>0</v>
      </c>
      <c r="AD33" s="182">
        <v>0</v>
      </c>
      <c r="AE33" s="185">
        <v>0</v>
      </c>
      <c r="AF33" s="189">
        <v>0</v>
      </c>
      <c r="AG33" s="188">
        <v>0</v>
      </c>
      <c r="AH33" s="182">
        <v>0</v>
      </c>
      <c r="AI33" s="185">
        <v>0</v>
      </c>
      <c r="AJ33" s="188">
        <v>13</v>
      </c>
      <c r="AK33" s="184">
        <v>3</v>
      </c>
      <c r="AL33" s="184">
        <v>12</v>
      </c>
      <c r="AM33" s="184">
        <v>16</v>
      </c>
      <c r="AN33" s="182">
        <v>6</v>
      </c>
      <c r="AO33" s="185">
        <v>50</v>
      </c>
      <c r="AP33" s="189">
        <v>50</v>
      </c>
      <c r="AQ33" s="188">
        <v>0</v>
      </c>
      <c r="AR33" s="182">
        <v>0</v>
      </c>
      <c r="AS33" s="185">
        <v>0</v>
      </c>
      <c r="AT33" s="183">
        <v>13</v>
      </c>
      <c r="AU33" s="184">
        <v>3</v>
      </c>
      <c r="AV33" s="184">
        <v>11</v>
      </c>
      <c r="AW33" s="184">
        <v>16</v>
      </c>
      <c r="AX33" s="182">
        <v>6</v>
      </c>
      <c r="AY33" s="185">
        <v>49</v>
      </c>
      <c r="AZ33" s="186">
        <v>49</v>
      </c>
      <c r="BA33" s="181">
        <v>0</v>
      </c>
      <c r="BB33" s="182">
        <v>0</v>
      </c>
      <c r="BC33" s="182">
        <v>0</v>
      </c>
      <c r="BD33" s="183">
        <v>0</v>
      </c>
      <c r="BE33" s="184">
        <v>0</v>
      </c>
      <c r="BF33" s="184">
        <v>1</v>
      </c>
      <c r="BG33" s="184">
        <v>0</v>
      </c>
      <c r="BH33" s="182">
        <v>0</v>
      </c>
      <c r="BI33" s="185">
        <v>1</v>
      </c>
      <c r="BJ33" s="187">
        <v>1</v>
      </c>
      <c r="BK33" s="188">
        <v>0</v>
      </c>
      <c r="BL33" s="182">
        <v>0</v>
      </c>
      <c r="BM33" s="182">
        <v>0</v>
      </c>
      <c r="BN33" s="183">
        <v>0</v>
      </c>
      <c r="BO33" s="184">
        <v>0</v>
      </c>
      <c r="BP33" s="184">
        <v>0</v>
      </c>
      <c r="BQ33" s="184">
        <v>0</v>
      </c>
      <c r="BR33" s="182">
        <v>0</v>
      </c>
      <c r="BS33" s="185">
        <v>0</v>
      </c>
      <c r="BT33" s="186">
        <v>0</v>
      </c>
      <c r="BU33" s="181">
        <v>0</v>
      </c>
      <c r="BV33" s="182">
        <v>0</v>
      </c>
      <c r="BW33" s="182">
        <v>0</v>
      </c>
      <c r="BX33" s="183">
        <v>0</v>
      </c>
      <c r="BY33" s="184">
        <v>0</v>
      </c>
      <c r="BZ33" s="184">
        <v>0</v>
      </c>
      <c r="CA33" s="184">
        <v>0</v>
      </c>
      <c r="CB33" s="182">
        <v>0</v>
      </c>
      <c r="CC33" s="185">
        <v>0</v>
      </c>
      <c r="CD33" s="187">
        <v>0</v>
      </c>
      <c r="CE33" s="188">
        <v>0</v>
      </c>
      <c r="CF33" s="182">
        <v>0</v>
      </c>
      <c r="CG33" s="182">
        <v>0</v>
      </c>
      <c r="CH33" s="183">
        <v>0</v>
      </c>
      <c r="CI33" s="184">
        <v>0</v>
      </c>
      <c r="CJ33" s="184">
        <v>0</v>
      </c>
      <c r="CK33" s="184">
        <v>0</v>
      </c>
      <c r="CL33" s="182">
        <v>0</v>
      </c>
      <c r="CM33" s="185">
        <v>0</v>
      </c>
      <c r="CN33" s="187">
        <v>0</v>
      </c>
      <c r="CO33" s="188">
        <v>0</v>
      </c>
      <c r="CP33" s="182">
        <v>0</v>
      </c>
      <c r="CQ33" s="182">
        <v>0</v>
      </c>
      <c r="CR33" s="183">
        <v>0</v>
      </c>
      <c r="CS33" s="184">
        <v>0</v>
      </c>
      <c r="CT33" s="184">
        <v>0</v>
      </c>
      <c r="CU33" s="184">
        <v>2</v>
      </c>
      <c r="CV33" s="182">
        <v>2</v>
      </c>
      <c r="CW33" s="185">
        <v>4</v>
      </c>
      <c r="CX33" s="186">
        <v>4</v>
      </c>
      <c r="CY33" s="181">
        <v>0</v>
      </c>
      <c r="CZ33" s="182">
        <v>0</v>
      </c>
      <c r="DA33" s="182">
        <v>0</v>
      </c>
      <c r="DB33" s="183">
        <v>0</v>
      </c>
      <c r="DC33" s="184">
        <v>0</v>
      </c>
      <c r="DD33" s="184">
        <v>0</v>
      </c>
      <c r="DE33" s="184">
        <v>2</v>
      </c>
      <c r="DF33" s="182">
        <v>1</v>
      </c>
      <c r="DG33" s="185">
        <v>3</v>
      </c>
      <c r="DH33" s="187">
        <v>3</v>
      </c>
      <c r="DI33" s="188">
        <v>0</v>
      </c>
      <c r="DJ33" s="182">
        <v>0</v>
      </c>
      <c r="DK33" s="182">
        <v>0</v>
      </c>
      <c r="DL33" s="183">
        <v>0</v>
      </c>
      <c r="DM33" s="184">
        <v>0</v>
      </c>
      <c r="DN33" s="184">
        <v>0</v>
      </c>
      <c r="DO33" s="184">
        <v>0</v>
      </c>
      <c r="DP33" s="182">
        <v>1</v>
      </c>
      <c r="DQ33" s="185">
        <v>1</v>
      </c>
      <c r="DR33" s="187">
        <v>1</v>
      </c>
      <c r="DS33" s="188">
        <v>0</v>
      </c>
      <c r="DT33" s="182">
        <v>0</v>
      </c>
      <c r="DU33" s="182">
        <v>0</v>
      </c>
      <c r="DV33" s="183">
        <v>14</v>
      </c>
      <c r="DW33" s="184">
        <v>3</v>
      </c>
      <c r="DX33" s="184">
        <v>37</v>
      </c>
      <c r="DY33" s="184">
        <v>51</v>
      </c>
      <c r="DZ33" s="182">
        <v>25</v>
      </c>
      <c r="EA33" s="185">
        <v>130</v>
      </c>
      <c r="EB33" s="187">
        <v>130</v>
      </c>
      <c r="EC33" s="32"/>
    </row>
    <row r="34" spans="2:133" ht="21" customHeight="1" x14ac:dyDescent="0.2">
      <c r="B34" s="472" t="s">
        <v>31</v>
      </c>
      <c r="C34" s="181">
        <v>0</v>
      </c>
      <c r="D34" s="182">
        <v>0</v>
      </c>
      <c r="E34" s="182">
        <v>0</v>
      </c>
      <c r="F34" s="183">
        <v>1</v>
      </c>
      <c r="G34" s="184">
        <v>2</v>
      </c>
      <c r="H34" s="184">
        <v>30</v>
      </c>
      <c r="I34" s="184">
        <v>31</v>
      </c>
      <c r="J34" s="182">
        <v>22</v>
      </c>
      <c r="K34" s="185">
        <v>86</v>
      </c>
      <c r="L34" s="186">
        <v>86</v>
      </c>
      <c r="M34" s="181">
        <v>0</v>
      </c>
      <c r="N34" s="182">
        <v>0</v>
      </c>
      <c r="O34" s="185">
        <v>0</v>
      </c>
      <c r="P34" s="183">
        <v>1</v>
      </c>
      <c r="Q34" s="184">
        <v>2</v>
      </c>
      <c r="R34" s="184">
        <v>30</v>
      </c>
      <c r="S34" s="184">
        <v>31</v>
      </c>
      <c r="T34" s="182">
        <v>22</v>
      </c>
      <c r="U34" s="185">
        <v>86</v>
      </c>
      <c r="V34" s="187">
        <v>86</v>
      </c>
      <c r="W34" s="188">
        <v>0</v>
      </c>
      <c r="X34" s="182">
        <v>0</v>
      </c>
      <c r="Y34" s="185">
        <v>0</v>
      </c>
      <c r="Z34" s="188">
        <v>0</v>
      </c>
      <c r="AA34" s="184">
        <v>0</v>
      </c>
      <c r="AB34" s="184">
        <v>0</v>
      </c>
      <c r="AC34" s="184">
        <v>0</v>
      </c>
      <c r="AD34" s="182">
        <v>0</v>
      </c>
      <c r="AE34" s="185">
        <v>0</v>
      </c>
      <c r="AF34" s="189">
        <v>0</v>
      </c>
      <c r="AG34" s="188">
        <v>0</v>
      </c>
      <c r="AH34" s="182">
        <v>0</v>
      </c>
      <c r="AI34" s="185">
        <v>0</v>
      </c>
      <c r="AJ34" s="188">
        <v>2</v>
      </c>
      <c r="AK34" s="184">
        <v>10</v>
      </c>
      <c r="AL34" s="184">
        <v>10</v>
      </c>
      <c r="AM34" s="184">
        <v>13</v>
      </c>
      <c r="AN34" s="182">
        <v>5</v>
      </c>
      <c r="AO34" s="185">
        <v>40</v>
      </c>
      <c r="AP34" s="189">
        <v>40</v>
      </c>
      <c r="AQ34" s="188">
        <v>0</v>
      </c>
      <c r="AR34" s="182">
        <v>0</v>
      </c>
      <c r="AS34" s="185">
        <v>0</v>
      </c>
      <c r="AT34" s="183">
        <v>2</v>
      </c>
      <c r="AU34" s="184">
        <v>10</v>
      </c>
      <c r="AV34" s="184">
        <v>10</v>
      </c>
      <c r="AW34" s="184">
        <v>13</v>
      </c>
      <c r="AX34" s="182">
        <v>5</v>
      </c>
      <c r="AY34" s="185">
        <v>40</v>
      </c>
      <c r="AZ34" s="186">
        <v>40</v>
      </c>
      <c r="BA34" s="181">
        <v>0</v>
      </c>
      <c r="BB34" s="182">
        <v>0</v>
      </c>
      <c r="BC34" s="182">
        <v>0</v>
      </c>
      <c r="BD34" s="183">
        <v>0</v>
      </c>
      <c r="BE34" s="184">
        <v>0</v>
      </c>
      <c r="BF34" s="184">
        <v>0</v>
      </c>
      <c r="BG34" s="184">
        <v>0</v>
      </c>
      <c r="BH34" s="182">
        <v>0</v>
      </c>
      <c r="BI34" s="185">
        <v>0</v>
      </c>
      <c r="BJ34" s="187">
        <v>0</v>
      </c>
      <c r="BK34" s="188">
        <v>0</v>
      </c>
      <c r="BL34" s="182">
        <v>0</v>
      </c>
      <c r="BM34" s="182">
        <v>0</v>
      </c>
      <c r="BN34" s="183">
        <v>0</v>
      </c>
      <c r="BO34" s="184">
        <v>0</v>
      </c>
      <c r="BP34" s="184">
        <v>0</v>
      </c>
      <c r="BQ34" s="184">
        <v>0</v>
      </c>
      <c r="BR34" s="182">
        <v>0</v>
      </c>
      <c r="BS34" s="185">
        <v>0</v>
      </c>
      <c r="BT34" s="186">
        <v>0</v>
      </c>
      <c r="BU34" s="181">
        <v>0</v>
      </c>
      <c r="BV34" s="182">
        <v>0</v>
      </c>
      <c r="BW34" s="182">
        <v>0</v>
      </c>
      <c r="BX34" s="183">
        <v>0</v>
      </c>
      <c r="BY34" s="184">
        <v>0</v>
      </c>
      <c r="BZ34" s="184">
        <v>0</v>
      </c>
      <c r="CA34" s="184">
        <v>0</v>
      </c>
      <c r="CB34" s="182">
        <v>0</v>
      </c>
      <c r="CC34" s="185">
        <v>0</v>
      </c>
      <c r="CD34" s="187">
        <v>0</v>
      </c>
      <c r="CE34" s="188">
        <v>0</v>
      </c>
      <c r="CF34" s="182">
        <v>0</v>
      </c>
      <c r="CG34" s="182">
        <v>0</v>
      </c>
      <c r="CH34" s="183">
        <v>0</v>
      </c>
      <c r="CI34" s="184">
        <v>0</v>
      </c>
      <c r="CJ34" s="184">
        <v>0</v>
      </c>
      <c r="CK34" s="184">
        <v>0</v>
      </c>
      <c r="CL34" s="182">
        <v>0</v>
      </c>
      <c r="CM34" s="185">
        <v>0</v>
      </c>
      <c r="CN34" s="187">
        <v>0</v>
      </c>
      <c r="CO34" s="188">
        <v>0</v>
      </c>
      <c r="CP34" s="182">
        <v>0</v>
      </c>
      <c r="CQ34" s="182">
        <v>0</v>
      </c>
      <c r="CR34" s="183">
        <v>1</v>
      </c>
      <c r="CS34" s="184">
        <v>1</v>
      </c>
      <c r="CT34" s="184">
        <v>0</v>
      </c>
      <c r="CU34" s="184">
        <v>2</v>
      </c>
      <c r="CV34" s="182">
        <v>1</v>
      </c>
      <c r="CW34" s="185">
        <v>5</v>
      </c>
      <c r="CX34" s="186">
        <v>5</v>
      </c>
      <c r="CY34" s="181">
        <v>0</v>
      </c>
      <c r="CZ34" s="182">
        <v>0</v>
      </c>
      <c r="DA34" s="182">
        <v>0</v>
      </c>
      <c r="DB34" s="183">
        <v>1</v>
      </c>
      <c r="DC34" s="184">
        <v>1</v>
      </c>
      <c r="DD34" s="184">
        <v>0</v>
      </c>
      <c r="DE34" s="184">
        <v>2</v>
      </c>
      <c r="DF34" s="182">
        <v>1</v>
      </c>
      <c r="DG34" s="185">
        <v>5</v>
      </c>
      <c r="DH34" s="187">
        <v>5</v>
      </c>
      <c r="DI34" s="188">
        <v>0</v>
      </c>
      <c r="DJ34" s="182">
        <v>0</v>
      </c>
      <c r="DK34" s="182">
        <v>0</v>
      </c>
      <c r="DL34" s="183">
        <v>0</v>
      </c>
      <c r="DM34" s="184">
        <v>0</v>
      </c>
      <c r="DN34" s="184">
        <v>0</v>
      </c>
      <c r="DO34" s="184">
        <v>0</v>
      </c>
      <c r="DP34" s="182">
        <v>0</v>
      </c>
      <c r="DQ34" s="185">
        <v>0</v>
      </c>
      <c r="DR34" s="187">
        <v>0</v>
      </c>
      <c r="DS34" s="188">
        <v>0</v>
      </c>
      <c r="DT34" s="182">
        <v>0</v>
      </c>
      <c r="DU34" s="182">
        <v>0</v>
      </c>
      <c r="DV34" s="183">
        <v>4</v>
      </c>
      <c r="DW34" s="184">
        <v>13</v>
      </c>
      <c r="DX34" s="184">
        <v>40</v>
      </c>
      <c r="DY34" s="184">
        <v>45</v>
      </c>
      <c r="DZ34" s="182">
        <v>28</v>
      </c>
      <c r="EA34" s="185">
        <v>130</v>
      </c>
      <c r="EB34" s="187">
        <v>130</v>
      </c>
      <c r="EC34" s="32"/>
    </row>
    <row r="35" spans="2:133" ht="21" customHeight="1" x14ac:dyDescent="0.2">
      <c r="B35" s="472" t="s">
        <v>32</v>
      </c>
      <c r="C35" s="181">
        <v>0</v>
      </c>
      <c r="D35" s="182">
        <v>0</v>
      </c>
      <c r="E35" s="182">
        <v>0</v>
      </c>
      <c r="F35" s="183">
        <v>2</v>
      </c>
      <c r="G35" s="184">
        <v>0</v>
      </c>
      <c r="H35" s="184">
        <v>15</v>
      </c>
      <c r="I35" s="184">
        <v>25</v>
      </c>
      <c r="J35" s="182">
        <v>17</v>
      </c>
      <c r="K35" s="185">
        <v>59</v>
      </c>
      <c r="L35" s="186">
        <v>59</v>
      </c>
      <c r="M35" s="181">
        <v>0</v>
      </c>
      <c r="N35" s="182">
        <v>0</v>
      </c>
      <c r="O35" s="185">
        <v>0</v>
      </c>
      <c r="P35" s="183">
        <v>2</v>
      </c>
      <c r="Q35" s="184">
        <v>0</v>
      </c>
      <c r="R35" s="184">
        <v>15</v>
      </c>
      <c r="S35" s="184">
        <v>24</v>
      </c>
      <c r="T35" s="182">
        <v>16</v>
      </c>
      <c r="U35" s="185">
        <v>57</v>
      </c>
      <c r="V35" s="187">
        <v>57</v>
      </c>
      <c r="W35" s="188">
        <v>0</v>
      </c>
      <c r="X35" s="182">
        <v>0</v>
      </c>
      <c r="Y35" s="185">
        <v>0</v>
      </c>
      <c r="Z35" s="188">
        <v>0</v>
      </c>
      <c r="AA35" s="184">
        <v>0</v>
      </c>
      <c r="AB35" s="184">
        <v>0</v>
      </c>
      <c r="AC35" s="184">
        <v>1</v>
      </c>
      <c r="AD35" s="182">
        <v>1</v>
      </c>
      <c r="AE35" s="185">
        <v>2</v>
      </c>
      <c r="AF35" s="189">
        <v>2</v>
      </c>
      <c r="AG35" s="188">
        <v>0</v>
      </c>
      <c r="AH35" s="182">
        <v>0</v>
      </c>
      <c r="AI35" s="185">
        <v>0</v>
      </c>
      <c r="AJ35" s="188">
        <v>4</v>
      </c>
      <c r="AK35" s="184">
        <v>6</v>
      </c>
      <c r="AL35" s="184">
        <v>14</v>
      </c>
      <c r="AM35" s="184">
        <v>19</v>
      </c>
      <c r="AN35" s="182">
        <v>5</v>
      </c>
      <c r="AO35" s="185">
        <v>48</v>
      </c>
      <c r="AP35" s="189">
        <v>48</v>
      </c>
      <c r="AQ35" s="188">
        <v>0</v>
      </c>
      <c r="AR35" s="182">
        <v>0</v>
      </c>
      <c r="AS35" s="185">
        <v>0</v>
      </c>
      <c r="AT35" s="183">
        <v>4</v>
      </c>
      <c r="AU35" s="184">
        <v>6</v>
      </c>
      <c r="AV35" s="184">
        <v>14</v>
      </c>
      <c r="AW35" s="184">
        <v>19</v>
      </c>
      <c r="AX35" s="182">
        <v>5</v>
      </c>
      <c r="AY35" s="185">
        <v>48</v>
      </c>
      <c r="AZ35" s="186">
        <v>48</v>
      </c>
      <c r="BA35" s="181">
        <v>0</v>
      </c>
      <c r="BB35" s="182">
        <v>0</v>
      </c>
      <c r="BC35" s="182">
        <v>0</v>
      </c>
      <c r="BD35" s="183">
        <v>0</v>
      </c>
      <c r="BE35" s="184">
        <v>0</v>
      </c>
      <c r="BF35" s="184">
        <v>0</v>
      </c>
      <c r="BG35" s="184">
        <v>0</v>
      </c>
      <c r="BH35" s="182">
        <v>0</v>
      </c>
      <c r="BI35" s="185">
        <v>0</v>
      </c>
      <c r="BJ35" s="187">
        <v>0</v>
      </c>
      <c r="BK35" s="188">
        <v>0</v>
      </c>
      <c r="BL35" s="182">
        <v>0</v>
      </c>
      <c r="BM35" s="182">
        <v>0</v>
      </c>
      <c r="BN35" s="183">
        <v>0</v>
      </c>
      <c r="BO35" s="184">
        <v>0</v>
      </c>
      <c r="BP35" s="184">
        <v>0</v>
      </c>
      <c r="BQ35" s="184">
        <v>0</v>
      </c>
      <c r="BR35" s="182">
        <v>0</v>
      </c>
      <c r="BS35" s="185">
        <v>0</v>
      </c>
      <c r="BT35" s="186">
        <v>0</v>
      </c>
      <c r="BU35" s="181">
        <v>0</v>
      </c>
      <c r="BV35" s="182">
        <v>0</v>
      </c>
      <c r="BW35" s="182">
        <v>0</v>
      </c>
      <c r="BX35" s="183">
        <v>0</v>
      </c>
      <c r="BY35" s="184">
        <v>0</v>
      </c>
      <c r="BZ35" s="184">
        <v>0</v>
      </c>
      <c r="CA35" s="184">
        <v>0</v>
      </c>
      <c r="CB35" s="182">
        <v>0</v>
      </c>
      <c r="CC35" s="185">
        <v>0</v>
      </c>
      <c r="CD35" s="187">
        <v>0</v>
      </c>
      <c r="CE35" s="188">
        <v>0</v>
      </c>
      <c r="CF35" s="182">
        <v>0</v>
      </c>
      <c r="CG35" s="182">
        <v>0</v>
      </c>
      <c r="CH35" s="183">
        <v>0</v>
      </c>
      <c r="CI35" s="184">
        <v>0</v>
      </c>
      <c r="CJ35" s="184">
        <v>0</v>
      </c>
      <c r="CK35" s="184">
        <v>0</v>
      </c>
      <c r="CL35" s="182">
        <v>0</v>
      </c>
      <c r="CM35" s="185">
        <v>0</v>
      </c>
      <c r="CN35" s="187">
        <v>0</v>
      </c>
      <c r="CO35" s="188">
        <v>0</v>
      </c>
      <c r="CP35" s="182">
        <v>0</v>
      </c>
      <c r="CQ35" s="182">
        <v>0</v>
      </c>
      <c r="CR35" s="183">
        <v>0</v>
      </c>
      <c r="CS35" s="184">
        <v>2</v>
      </c>
      <c r="CT35" s="184">
        <v>2</v>
      </c>
      <c r="CU35" s="184">
        <v>0</v>
      </c>
      <c r="CV35" s="182">
        <v>1</v>
      </c>
      <c r="CW35" s="185">
        <v>5</v>
      </c>
      <c r="CX35" s="186">
        <v>5</v>
      </c>
      <c r="CY35" s="181">
        <v>0</v>
      </c>
      <c r="CZ35" s="182">
        <v>0</v>
      </c>
      <c r="DA35" s="182">
        <v>0</v>
      </c>
      <c r="DB35" s="183">
        <v>0</v>
      </c>
      <c r="DC35" s="184">
        <v>2</v>
      </c>
      <c r="DD35" s="184">
        <v>2</v>
      </c>
      <c r="DE35" s="184">
        <v>0</v>
      </c>
      <c r="DF35" s="182">
        <v>1</v>
      </c>
      <c r="DG35" s="185">
        <v>5</v>
      </c>
      <c r="DH35" s="187">
        <v>5</v>
      </c>
      <c r="DI35" s="188">
        <v>0</v>
      </c>
      <c r="DJ35" s="182">
        <v>0</v>
      </c>
      <c r="DK35" s="182">
        <v>0</v>
      </c>
      <c r="DL35" s="183">
        <v>0</v>
      </c>
      <c r="DM35" s="184">
        <v>0</v>
      </c>
      <c r="DN35" s="184">
        <v>0</v>
      </c>
      <c r="DO35" s="184">
        <v>0</v>
      </c>
      <c r="DP35" s="182">
        <v>0</v>
      </c>
      <c r="DQ35" s="185">
        <v>0</v>
      </c>
      <c r="DR35" s="187">
        <v>0</v>
      </c>
      <c r="DS35" s="188">
        <v>0</v>
      </c>
      <c r="DT35" s="182">
        <v>0</v>
      </c>
      <c r="DU35" s="182">
        <v>0</v>
      </c>
      <c r="DV35" s="183">
        <v>6</v>
      </c>
      <c r="DW35" s="184">
        <v>8</v>
      </c>
      <c r="DX35" s="184">
        <v>31</v>
      </c>
      <c r="DY35" s="184">
        <v>44</v>
      </c>
      <c r="DZ35" s="182">
        <v>23</v>
      </c>
      <c r="EA35" s="185">
        <v>112</v>
      </c>
      <c r="EB35" s="187">
        <v>112</v>
      </c>
      <c r="EC35" s="32"/>
    </row>
    <row r="36" spans="2:133" ht="21" customHeight="1" x14ac:dyDescent="0.2">
      <c r="B36" s="472" t="s">
        <v>33</v>
      </c>
      <c r="C36" s="181">
        <v>0</v>
      </c>
      <c r="D36" s="182">
        <v>0</v>
      </c>
      <c r="E36" s="182">
        <v>0</v>
      </c>
      <c r="F36" s="183">
        <v>0</v>
      </c>
      <c r="G36" s="184">
        <v>6</v>
      </c>
      <c r="H36" s="184">
        <v>22</v>
      </c>
      <c r="I36" s="184">
        <v>31</v>
      </c>
      <c r="J36" s="182">
        <v>21</v>
      </c>
      <c r="K36" s="185">
        <v>80</v>
      </c>
      <c r="L36" s="186">
        <v>80</v>
      </c>
      <c r="M36" s="181">
        <v>0</v>
      </c>
      <c r="N36" s="182">
        <v>0</v>
      </c>
      <c r="O36" s="185">
        <v>0</v>
      </c>
      <c r="P36" s="183">
        <v>0</v>
      </c>
      <c r="Q36" s="184">
        <v>6</v>
      </c>
      <c r="R36" s="184">
        <v>22</v>
      </c>
      <c r="S36" s="184">
        <v>31</v>
      </c>
      <c r="T36" s="182">
        <v>21</v>
      </c>
      <c r="U36" s="185">
        <v>80</v>
      </c>
      <c r="V36" s="187">
        <v>80</v>
      </c>
      <c r="W36" s="188">
        <v>0</v>
      </c>
      <c r="X36" s="182">
        <v>0</v>
      </c>
      <c r="Y36" s="185">
        <v>0</v>
      </c>
      <c r="Z36" s="188">
        <v>0</v>
      </c>
      <c r="AA36" s="184">
        <v>0</v>
      </c>
      <c r="AB36" s="184">
        <v>0</v>
      </c>
      <c r="AC36" s="184">
        <v>0</v>
      </c>
      <c r="AD36" s="182">
        <v>0</v>
      </c>
      <c r="AE36" s="185">
        <v>0</v>
      </c>
      <c r="AF36" s="189">
        <v>0</v>
      </c>
      <c r="AG36" s="188">
        <v>0</v>
      </c>
      <c r="AH36" s="182">
        <v>0</v>
      </c>
      <c r="AI36" s="185">
        <v>0</v>
      </c>
      <c r="AJ36" s="188">
        <v>7</v>
      </c>
      <c r="AK36" s="184">
        <v>8</v>
      </c>
      <c r="AL36" s="184">
        <v>11</v>
      </c>
      <c r="AM36" s="184">
        <v>20</v>
      </c>
      <c r="AN36" s="182">
        <v>5</v>
      </c>
      <c r="AO36" s="185">
        <v>51</v>
      </c>
      <c r="AP36" s="189">
        <v>51</v>
      </c>
      <c r="AQ36" s="188">
        <v>0</v>
      </c>
      <c r="AR36" s="182">
        <v>0</v>
      </c>
      <c r="AS36" s="185">
        <v>0</v>
      </c>
      <c r="AT36" s="183">
        <v>7</v>
      </c>
      <c r="AU36" s="184">
        <v>8</v>
      </c>
      <c r="AV36" s="184">
        <v>11</v>
      </c>
      <c r="AW36" s="184">
        <v>20</v>
      </c>
      <c r="AX36" s="182">
        <v>5</v>
      </c>
      <c r="AY36" s="185">
        <v>51</v>
      </c>
      <c r="AZ36" s="186">
        <v>51</v>
      </c>
      <c r="BA36" s="181">
        <v>0</v>
      </c>
      <c r="BB36" s="182">
        <v>0</v>
      </c>
      <c r="BC36" s="182">
        <v>0</v>
      </c>
      <c r="BD36" s="183">
        <v>0</v>
      </c>
      <c r="BE36" s="184">
        <v>0</v>
      </c>
      <c r="BF36" s="184">
        <v>0</v>
      </c>
      <c r="BG36" s="184">
        <v>0</v>
      </c>
      <c r="BH36" s="182">
        <v>0</v>
      </c>
      <c r="BI36" s="185">
        <v>0</v>
      </c>
      <c r="BJ36" s="187">
        <v>0</v>
      </c>
      <c r="BK36" s="188">
        <v>0</v>
      </c>
      <c r="BL36" s="182">
        <v>0</v>
      </c>
      <c r="BM36" s="182">
        <v>0</v>
      </c>
      <c r="BN36" s="183">
        <v>0</v>
      </c>
      <c r="BO36" s="184">
        <v>0</v>
      </c>
      <c r="BP36" s="184">
        <v>0</v>
      </c>
      <c r="BQ36" s="184">
        <v>0</v>
      </c>
      <c r="BR36" s="182">
        <v>0</v>
      </c>
      <c r="BS36" s="185">
        <v>0</v>
      </c>
      <c r="BT36" s="186">
        <v>0</v>
      </c>
      <c r="BU36" s="181">
        <v>0</v>
      </c>
      <c r="BV36" s="182">
        <v>0</v>
      </c>
      <c r="BW36" s="182">
        <v>0</v>
      </c>
      <c r="BX36" s="183">
        <v>0</v>
      </c>
      <c r="BY36" s="184">
        <v>0</v>
      </c>
      <c r="BZ36" s="184">
        <v>0</v>
      </c>
      <c r="CA36" s="184">
        <v>0</v>
      </c>
      <c r="CB36" s="182">
        <v>0</v>
      </c>
      <c r="CC36" s="185">
        <v>0</v>
      </c>
      <c r="CD36" s="187">
        <v>0</v>
      </c>
      <c r="CE36" s="188">
        <v>0</v>
      </c>
      <c r="CF36" s="182">
        <v>0</v>
      </c>
      <c r="CG36" s="182">
        <v>0</v>
      </c>
      <c r="CH36" s="183">
        <v>0</v>
      </c>
      <c r="CI36" s="184">
        <v>0</v>
      </c>
      <c r="CJ36" s="184">
        <v>0</v>
      </c>
      <c r="CK36" s="184">
        <v>0</v>
      </c>
      <c r="CL36" s="182">
        <v>0</v>
      </c>
      <c r="CM36" s="185">
        <v>0</v>
      </c>
      <c r="CN36" s="187">
        <v>0</v>
      </c>
      <c r="CO36" s="188">
        <v>0</v>
      </c>
      <c r="CP36" s="182">
        <v>0</v>
      </c>
      <c r="CQ36" s="182">
        <v>0</v>
      </c>
      <c r="CR36" s="183">
        <v>3</v>
      </c>
      <c r="CS36" s="184">
        <v>5</v>
      </c>
      <c r="CT36" s="184">
        <v>6</v>
      </c>
      <c r="CU36" s="184">
        <v>9</v>
      </c>
      <c r="CV36" s="182">
        <v>13</v>
      </c>
      <c r="CW36" s="185">
        <v>36</v>
      </c>
      <c r="CX36" s="186">
        <v>36</v>
      </c>
      <c r="CY36" s="181">
        <v>0</v>
      </c>
      <c r="CZ36" s="182">
        <v>0</v>
      </c>
      <c r="DA36" s="182">
        <v>0</v>
      </c>
      <c r="DB36" s="183">
        <v>3</v>
      </c>
      <c r="DC36" s="184">
        <v>5</v>
      </c>
      <c r="DD36" s="184">
        <v>6</v>
      </c>
      <c r="DE36" s="184">
        <v>9</v>
      </c>
      <c r="DF36" s="182">
        <v>13</v>
      </c>
      <c r="DG36" s="185">
        <v>36</v>
      </c>
      <c r="DH36" s="187">
        <v>36</v>
      </c>
      <c r="DI36" s="188">
        <v>0</v>
      </c>
      <c r="DJ36" s="182">
        <v>0</v>
      </c>
      <c r="DK36" s="182">
        <v>0</v>
      </c>
      <c r="DL36" s="183">
        <v>0</v>
      </c>
      <c r="DM36" s="184">
        <v>0</v>
      </c>
      <c r="DN36" s="184">
        <v>0</v>
      </c>
      <c r="DO36" s="184">
        <v>0</v>
      </c>
      <c r="DP36" s="182">
        <v>0</v>
      </c>
      <c r="DQ36" s="185">
        <v>0</v>
      </c>
      <c r="DR36" s="187">
        <v>0</v>
      </c>
      <c r="DS36" s="188">
        <v>0</v>
      </c>
      <c r="DT36" s="182">
        <v>0</v>
      </c>
      <c r="DU36" s="182">
        <v>0</v>
      </c>
      <c r="DV36" s="183">
        <v>10</v>
      </c>
      <c r="DW36" s="184">
        <v>19</v>
      </c>
      <c r="DX36" s="184">
        <v>39</v>
      </c>
      <c r="DY36" s="184">
        <v>60</v>
      </c>
      <c r="DZ36" s="182">
        <v>39</v>
      </c>
      <c r="EA36" s="185">
        <v>167</v>
      </c>
      <c r="EB36" s="187">
        <v>167</v>
      </c>
      <c r="EC36" s="32"/>
    </row>
    <row r="37" spans="2:133" ht="21" customHeight="1" x14ac:dyDescent="0.2">
      <c r="B37" s="472" t="s">
        <v>34</v>
      </c>
      <c r="C37" s="181">
        <v>0</v>
      </c>
      <c r="D37" s="182">
        <v>0</v>
      </c>
      <c r="E37" s="182">
        <v>0</v>
      </c>
      <c r="F37" s="183">
        <v>0</v>
      </c>
      <c r="G37" s="184">
        <v>0</v>
      </c>
      <c r="H37" s="184">
        <v>10</v>
      </c>
      <c r="I37" s="184">
        <v>20</v>
      </c>
      <c r="J37" s="182">
        <v>12</v>
      </c>
      <c r="K37" s="185">
        <v>42</v>
      </c>
      <c r="L37" s="186">
        <v>42</v>
      </c>
      <c r="M37" s="181">
        <v>0</v>
      </c>
      <c r="N37" s="182">
        <v>0</v>
      </c>
      <c r="O37" s="185">
        <v>0</v>
      </c>
      <c r="P37" s="183">
        <v>0</v>
      </c>
      <c r="Q37" s="184">
        <v>0</v>
      </c>
      <c r="R37" s="184">
        <v>10</v>
      </c>
      <c r="S37" s="184">
        <v>20</v>
      </c>
      <c r="T37" s="182">
        <v>12</v>
      </c>
      <c r="U37" s="185">
        <v>42</v>
      </c>
      <c r="V37" s="187">
        <v>42</v>
      </c>
      <c r="W37" s="188">
        <v>0</v>
      </c>
      <c r="X37" s="182">
        <v>0</v>
      </c>
      <c r="Y37" s="185">
        <v>0</v>
      </c>
      <c r="Z37" s="188">
        <v>0</v>
      </c>
      <c r="AA37" s="184">
        <v>0</v>
      </c>
      <c r="AB37" s="184">
        <v>0</v>
      </c>
      <c r="AC37" s="184">
        <v>0</v>
      </c>
      <c r="AD37" s="182">
        <v>0</v>
      </c>
      <c r="AE37" s="185">
        <v>0</v>
      </c>
      <c r="AF37" s="189">
        <v>0</v>
      </c>
      <c r="AG37" s="188">
        <v>0</v>
      </c>
      <c r="AH37" s="182">
        <v>0</v>
      </c>
      <c r="AI37" s="185">
        <v>0</v>
      </c>
      <c r="AJ37" s="188">
        <v>5</v>
      </c>
      <c r="AK37" s="184">
        <v>13</v>
      </c>
      <c r="AL37" s="184">
        <v>8</v>
      </c>
      <c r="AM37" s="184">
        <v>9</v>
      </c>
      <c r="AN37" s="182">
        <v>3</v>
      </c>
      <c r="AO37" s="185">
        <v>38</v>
      </c>
      <c r="AP37" s="189">
        <v>38</v>
      </c>
      <c r="AQ37" s="188">
        <v>0</v>
      </c>
      <c r="AR37" s="182">
        <v>0</v>
      </c>
      <c r="AS37" s="185">
        <v>0</v>
      </c>
      <c r="AT37" s="183">
        <v>5</v>
      </c>
      <c r="AU37" s="184">
        <v>12</v>
      </c>
      <c r="AV37" s="184">
        <v>8</v>
      </c>
      <c r="AW37" s="184">
        <v>9</v>
      </c>
      <c r="AX37" s="182">
        <v>3</v>
      </c>
      <c r="AY37" s="185">
        <v>37</v>
      </c>
      <c r="AZ37" s="186">
        <v>37</v>
      </c>
      <c r="BA37" s="181">
        <v>0</v>
      </c>
      <c r="BB37" s="182">
        <v>0</v>
      </c>
      <c r="BC37" s="182">
        <v>0</v>
      </c>
      <c r="BD37" s="183">
        <v>0</v>
      </c>
      <c r="BE37" s="184">
        <v>1</v>
      </c>
      <c r="BF37" s="184">
        <v>0</v>
      </c>
      <c r="BG37" s="184">
        <v>0</v>
      </c>
      <c r="BH37" s="182">
        <v>0</v>
      </c>
      <c r="BI37" s="185">
        <v>1</v>
      </c>
      <c r="BJ37" s="187">
        <v>1</v>
      </c>
      <c r="BK37" s="188">
        <v>0</v>
      </c>
      <c r="BL37" s="182">
        <v>0</v>
      </c>
      <c r="BM37" s="182">
        <v>0</v>
      </c>
      <c r="BN37" s="183">
        <v>0</v>
      </c>
      <c r="BO37" s="184">
        <v>0</v>
      </c>
      <c r="BP37" s="184">
        <v>0</v>
      </c>
      <c r="BQ37" s="184">
        <v>0</v>
      </c>
      <c r="BR37" s="182">
        <v>0</v>
      </c>
      <c r="BS37" s="185">
        <v>0</v>
      </c>
      <c r="BT37" s="186">
        <v>0</v>
      </c>
      <c r="BU37" s="181">
        <v>0</v>
      </c>
      <c r="BV37" s="182">
        <v>0</v>
      </c>
      <c r="BW37" s="182">
        <v>0</v>
      </c>
      <c r="BX37" s="183">
        <v>0</v>
      </c>
      <c r="BY37" s="184">
        <v>0</v>
      </c>
      <c r="BZ37" s="184">
        <v>0</v>
      </c>
      <c r="CA37" s="184">
        <v>0</v>
      </c>
      <c r="CB37" s="182">
        <v>0</v>
      </c>
      <c r="CC37" s="185">
        <v>0</v>
      </c>
      <c r="CD37" s="187">
        <v>0</v>
      </c>
      <c r="CE37" s="188">
        <v>0</v>
      </c>
      <c r="CF37" s="182">
        <v>0</v>
      </c>
      <c r="CG37" s="182">
        <v>0</v>
      </c>
      <c r="CH37" s="183">
        <v>0</v>
      </c>
      <c r="CI37" s="184">
        <v>0</v>
      </c>
      <c r="CJ37" s="184">
        <v>0</v>
      </c>
      <c r="CK37" s="184">
        <v>0</v>
      </c>
      <c r="CL37" s="182">
        <v>0</v>
      </c>
      <c r="CM37" s="185">
        <v>0</v>
      </c>
      <c r="CN37" s="187">
        <v>0</v>
      </c>
      <c r="CO37" s="188">
        <v>0</v>
      </c>
      <c r="CP37" s="182">
        <v>0</v>
      </c>
      <c r="CQ37" s="182">
        <v>0</v>
      </c>
      <c r="CR37" s="183">
        <v>0</v>
      </c>
      <c r="CS37" s="184">
        <v>0</v>
      </c>
      <c r="CT37" s="184">
        <v>0</v>
      </c>
      <c r="CU37" s="184">
        <v>2</v>
      </c>
      <c r="CV37" s="182">
        <v>1</v>
      </c>
      <c r="CW37" s="185">
        <v>3</v>
      </c>
      <c r="CX37" s="186">
        <v>3</v>
      </c>
      <c r="CY37" s="181">
        <v>0</v>
      </c>
      <c r="CZ37" s="182">
        <v>0</v>
      </c>
      <c r="DA37" s="182">
        <v>0</v>
      </c>
      <c r="DB37" s="183">
        <v>0</v>
      </c>
      <c r="DC37" s="184">
        <v>0</v>
      </c>
      <c r="DD37" s="184">
        <v>0</v>
      </c>
      <c r="DE37" s="184">
        <v>2</v>
      </c>
      <c r="DF37" s="182">
        <v>0</v>
      </c>
      <c r="DG37" s="185">
        <v>2</v>
      </c>
      <c r="DH37" s="187">
        <v>2</v>
      </c>
      <c r="DI37" s="188">
        <v>0</v>
      </c>
      <c r="DJ37" s="182">
        <v>0</v>
      </c>
      <c r="DK37" s="182">
        <v>0</v>
      </c>
      <c r="DL37" s="183">
        <v>0</v>
      </c>
      <c r="DM37" s="184">
        <v>0</v>
      </c>
      <c r="DN37" s="184">
        <v>0</v>
      </c>
      <c r="DO37" s="184">
        <v>0</v>
      </c>
      <c r="DP37" s="182">
        <v>1</v>
      </c>
      <c r="DQ37" s="185">
        <v>1</v>
      </c>
      <c r="DR37" s="187">
        <v>1</v>
      </c>
      <c r="DS37" s="188">
        <v>0</v>
      </c>
      <c r="DT37" s="182">
        <v>0</v>
      </c>
      <c r="DU37" s="182">
        <v>0</v>
      </c>
      <c r="DV37" s="183">
        <v>5</v>
      </c>
      <c r="DW37" s="184">
        <v>13</v>
      </c>
      <c r="DX37" s="184">
        <v>17</v>
      </c>
      <c r="DY37" s="184">
        <v>31</v>
      </c>
      <c r="DZ37" s="182">
        <v>16</v>
      </c>
      <c r="EA37" s="185">
        <v>82</v>
      </c>
      <c r="EB37" s="187">
        <v>82</v>
      </c>
      <c r="EC37" s="32"/>
    </row>
    <row r="38" spans="2:133" ht="21" customHeight="1" x14ac:dyDescent="0.2">
      <c r="B38" s="472" t="s">
        <v>35</v>
      </c>
      <c r="C38" s="181">
        <v>0</v>
      </c>
      <c r="D38" s="182">
        <v>0</v>
      </c>
      <c r="E38" s="182">
        <v>0</v>
      </c>
      <c r="F38" s="183">
        <v>1</v>
      </c>
      <c r="G38" s="184">
        <v>2</v>
      </c>
      <c r="H38" s="184">
        <v>23</v>
      </c>
      <c r="I38" s="184">
        <v>49</v>
      </c>
      <c r="J38" s="182">
        <v>34</v>
      </c>
      <c r="K38" s="185">
        <v>109</v>
      </c>
      <c r="L38" s="186">
        <v>109</v>
      </c>
      <c r="M38" s="181">
        <v>0</v>
      </c>
      <c r="N38" s="182">
        <v>0</v>
      </c>
      <c r="O38" s="185">
        <v>0</v>
      </c>
      <c r="P38" s="183">
        <v>1</v>
      </c>
      <c r="Q38" s="184">
        <v>2</v>
      </c>
      <c r="R38" s="184">
        <v>23</v>
      </c>
      <c r="S38" s="184">
        <v>49</v>
      </c>
      <c r="T38" s="182">
        <v>34</v>
      </c>
      <c r="U38" s="185">
        <v>109</v>
      </c>
      <c r="V38" s="187">
        <v>109</v>
      </c>
      <c r="W38" s="188">
        <v>0</v>
      </c>
      <c r="X38" s="182">
        <v>0</v>
      </c>
      <c r="Y38" s="185">
        <v>0</v>
      </c>
      <c r="Z38" s="188">
        <v>0</v>
      </c>
      <c r="AA38" s="184">
        <v>0</v>
      </c>
      <c r="AB38" s="184">
        <v>0</v>
      </c>
      <c r="AC38" s="184">
        <v>0</v>
      </c>
      <c r="AD38" s="182">
        <v>0</v>
      </c>
      <c r="AE38" s="185">
        <v>0</v>
      </c>
      <c r="AF38" s="189">
        <v>0</v>
      </c>
      <c r="AG38" s="188">
        <v>0</v>
      </c>
      <c r="AH38" s="182">
        <v>0</v>
      </c>
      <c r="AI38" s="185">
        <v>0</v>
      </c>
      <c r="AJ38" s="188">
        <v>19</v>
      </c>
      <c r="AK38" s="184">
        <v>26</v>
      </c>
      <c r="AL38" s="184">
        <v>31</v>
      </c>
      <c r="AM38" s="184">
        <v>6</v>
      </c>
      <c r="AN38" s="182">
        <v>12</v>
      </c>
      <c r="AO38" s="185">
        <v>94</v>
      </c>
      <c r="AP38" s="189">
        <v>94</v>
      </c>
      <c r="AQ38" s="188">
        <v>0</v>
      </c>
      <c r="AR38" s="182">
        <v>0</v>
      </c>
      <c r="AS38" s="185">
        <v>0</v>
      </c>
      <c r="AT38" s="183">
        <v>19</v>
      </c>
      <c r="AU38" s="184">
        <v>26</v>
      </c>
      <c r="AV38" s="184">
        <v>31</v>
      </c>
      <c r="AW38" s="184">
        <v>6</v>
      </c>
      <c r="AX38" s="182">
        <v>12</v>
      </c>
      <c r="AY38" s="185">
        <v>94</v>
      </c>
      <c r="AZ38" s="186">
        <v>94</v>
      </c>
      <c r="BA38" s="181">
        <v>0</v>
      </c>
      <c r="BB38" s="182">
        <v>0</v>
      </c>
      <c r="BC38" s="182">
        <v>0</v>
      </c>
      <c r="BD38" s="183">
        <v>0</v>
      </c>
      <c r="BE38" s="184">
        <v>0</v>
      </c>
      <c r="BF38" s="184">
        <v>0</v>
      </c>
      <c r="BG38" s="184">
        <v>0</v>
      </c>
      <c r="BH38" s="182">
        <v>0</v>
      </c>
      <c r="BI38" s="185">
        <v>0</v>
      </c>
      <c r="BJ38" s="187">
        <v>0</v>
      </c>
      <c r="BK38" s="188">
        <v>0</v>
      </c>
      <c r="BL38" s="182">
        <v>0</v>
      </c>
      <c r="BM38" s="182">
        <v>0</v>
      </c>
      <c r="BN38" s="183">
        <v>0</v>
      </c>
      <c r="BO38" s="184">
        <v>0</v>
      </c>
      <c r="BP38" s="184">
        <v>0</v>
      </c>
      <c r="BQ38" s="184">
        <v>0</v>
      </c>
      <c r="BR38" s="182">
        <v>0</v>
      </c>
      <c r="BS38" s="185">
        <v>0</v>
      </c>
      <c r="BT38" s="186">
        <v>0</v>
      </c>
      <c r="BU38" s="181">
        <v>0</v>
      </c>
      <c r="BV38" s="182">
        <v>0</v>
      </c>
      <c r="BW38" s="182">
        <v>0</v>
      </c>
      <c r="BX38" s="183">
        <v>0</v>
      </c>
      <c r="BY38" s="184">
        <v>0</v>
      </c>
      <c r="BZ38" s="184">
        <v>0</v>
      </c>
      <c r="CA38" s="184">
        <v>0</v>
      </c>
      <c r="CB38" s="182">
        <v>0</v>
      </c>
      <c r="CC38" s="185">
        <v>0</v>
      </c>
      <c r="CD38" s="187">
        <v>0</v>
      </c>
      <c r="CE38" s="188">
        <v>0</v>
      </c>
      <c r="CF38" s="182">
        <v>0</v>
      </c>
      <c r="CG38" s="182">
        <v>0</v>
      </c>
      <c r="CH38" s="183">
        <v>0</v>
      </c>
      <c r="CI38" s="184">
        <v>0</v>
      </c>
      <c r="CJ38" s="184">
        <v>0</v>
      </c>
      <c r="CK38" s="184">
        <v>0</v>
      </c>
      <c r="CL38" s="182">
        <v>0</v>
      </c>
      <c r="CM38" s="185">
        <v>0</v>
      </c>
      <c r="CN38" s="187">
        <v>0</v>
      </c>
      <c r="CO38" s="188">
        <v>0</v>
      </c>
      <c r="CP38" s="182">
        <v>0</v>
      </c>
      <c r="CQ38" s="182">
        <v>0</v>
      </c>
      <c r="CR38" s="183">
        <v>4</v>
      </c>
      <c r="CS38" s="184">
        <v>1</v>
      </c>
      <c r="CT38" s="184">
        <v>5</v>
      </c>
      <c r="CU38" s="184">
        <v>6</v>
      </c>
      <c r="CV38" s="182">
        <v>6</v>
      </c>
      <c r="CW38" s="185">
        <v>22</v>
      </c>
      <c r="CX38" s="186">
        <v>22</v>
      </c>
      <c r="CY38" s="181">
        <v>0</v>
      </c>
      <c r="CZ38" s="182">
        <v>0</v>
      </c>
      <c r="DA38" s="182">
        <v>0</v>
      </c>
      <c r="DB38" s="183">
        <v>3</v>
      </c>
      <c r="DC38" s="184">
        <v>1</v>
      </c>
      <c r="DD38" s="184">
        <v>5</v>
      </c>
      <c r="DE38" s="184">
        <v>6</v>
      </c>
      <c r="DF38" s="182">
        <v>6</v>
      </c>
      <c r="DG38" s="185">
        <v>21</v>
      </c>
      <c r="DH38" s="187">
        <v>21</v>
      </c>
      <c r="DI38" s="188">
        <v>0</v>
      </c>
      <c r="DJ38" s="182">
        <v>0</v>
      </c>
      <c r="DK38" s="182">
        <v>0</v>
      </c>
      <c r="DL38" s="183">
        <v>1</v>
      </c>
      <c r="DM38" s="184">
        <v>0</v>
      </c>
      <c r="DN38" s="184">
        <v>0</v>
      </c>
      <c r="DO38" s="184">
        <v>0</v>
      </c>
      <c r="DP38" s="182">
        <v>0</v>
      </c>
      <c r="DQ38" s="185">
        <v>1</v>
      </c>
      <c r="DR38" s="187">
        <v>1</v>
      </c>
      <c r="DS38" s="188">
        <v>0</v>
      </c>
      <c r="DT38" s="182">
        <v>0</v>
      </c>
      <c r="DU38" s="182">
        <v>0</v>
      </c>
      <c r="DV38" s="183">
        <v>24</v>
      </c>
      <c r="DW38" s="184">
        <v>29</v>
      </c>
      <c r="DX38" s="184">
        <v>59</v>
      </c>
      <c r="DY38" s="184">
        <v>60</v>
      </c>
      <c r="DZ38" s="182">
        <v>52</v>
      </c>
      <c r="EA38" s="185">
        <v>224</v>
      </c>
      <c r="EB38" s="187">
        <v>224</v>
      </c>
      <c r="EC38" s="32"/>
    </row>
    <row r="39" spans="2:133" ht="21" customHeight="1" x14ac:dyDescent="0.2">
      <c r="B39" s="472" t="s">
        <v>36</v>
      </c>
      <c r="C39" s="181">
        <v>0</v>
      </c>
      <c r="D39" s="182">
        <v>0</v>
      </c>
      <c r="E39" s="182">
        <v>0</v>
      </c>
      <c r="F39" s="183">
        <v>0</v>
      </c>
      <c r="G39" s="184">
        <v>2</v>
      </c>
      <c r="H39" s="184">
        <v>60</v>
      </c>
      <c r="I39" s="184">
        <v>79</v>
      </c>
      <c r="J39" s="182">
        <v>77</v>
      </c>
      <c r="K39" s="185">
        <v>218</v>
      </c>
      <c r="L39" s="186">
        <v>218</v>
      </c>
      <c r="M39" s="181">
        <v>0</v>
      </c>
      <c r="N39" s="182">
        <v>0</v>
      </c>
      <c r="O39" s="185">
        <v>0</v>
      </c>
      <c r="P39" s="183">
        <v>0</v>
      </c>
      <c r="Q39" s="184">
        <v>2</v>
      </c>
      <c r="R39" s="184">
        <v>59</v>
      </c>
      <c r="S39" s="184">
        <v>75</v>
      </c>
      <c r="T39" s="182">
        <v>77</v>
      </c>
      <c r="U39" s="185">
        <v>213</v>
      </c>
      <c r="V39" s="187">
        <v>213</v>
      </c>
      <c r="W39" s="188">
        <v>0</v>
      </c>
      <c r="X39" s="182">
        <v>0</v>
      </c>
      <c r="Y39" s="185">
        <v>0</v>
      </c>
      <c r="Z39" s="188">
        <v>0</v>
      </c>
      <c r="AA39" s="184">
        <v>0</v>
      </c>
      <c r="AB39" s="184">
        <v>1</v>
      </c>
      <c r="AC39" s="184">
        <v>4</v>
      </c>
      <c r="AD39" s="182">
        <v>0</v>
      </c>
      <c r="AE39" s="185">
        <v>5</v>
      </c>
      <c r="AF39" s="189">
        <v>5</v>
      </c>
      <c r="AG39" s="188">
        <v>0</v>
      </c>
      <c r="AH39" s="182">
        <v>0</v>
      </c>
      <c r="AI39" s="185">
        <v>0</v>
      </c>
      <c r="AJ39" s="188">
        <v>16</v>
      </c>
      <c r="AK39" s="184">
        <v>20</v>
      </c>
      <c r="AL39" s="184">
        <v>39</v>
      </c>
      <c r="AM39" s="184">
        <v>56</v>
      </c>
      <c r="AN39" s="182">
        <v>23</v>
      </c>
      <c r="AO39" s="185">
        <v>154</v>
      </c>
      <c r="AP39" s="189">
        <v>154</v>
      </c>
      <c r="AQ39" s="188">
        <v>0</v>
      </c>
      <c r="AR39" s="182">
        <v>0</v>
      </c>
      <c r="AS39" s="185">
        <v>0</v>
      </c>
      <c r="AT39" s="183">
        <v>16</v>
      </c>
      <c r="AU39" s="184">
        <v>20</v>
      </c>
      <c r="AV39" s="184">
        <v>39</v>
      </c>
      <c r="AW39" s="184">
        <v>54</v>
      </c>
      <c r="AX39" s="182">
        <v>23</v>
      </c>
      <c r="AY39" s="185">
        <v>152</v>
      </c>
      <c r="AZ39" s="186">
        <v>152</v>
      </c>
      <c r="BA39" s="181">
        <v>0</v>
      </c>
      <c r="BB39" s="182">
        <v>0</v>
      </c>
      <c r="BC39" s="182">
        <v>0</v>
      </c>
      <c r="BD39" s="183">
        <v>0</v>
      </c>
      <c r="BE39" s="184">
        <v>0</v>
      </c>
      <c r="BF39" s="184">
        <v>0</v>
      </c>
      <c r="BG39" s="184">
        <v>2</v>
      </c>
      <c r="BH39" s="182">
        <v>0</v>
      </c>
      <c r="BI39" s="185">
        <v>2</v>
      </c>
      <c r="BJ39" s="187">
        <v>2</v>
      </c>
      <c r="BK39" s="188">
        <v>0</v>
      </c>
      <c r="BL39" s="182">
        <v>0</v>
      </c>
      <c r="BM39" s="182">
        <v>0</v>
      </c>
      <c r="BN39" s="183">
        <v>0</v>
      </c>
      <c r="BO39" s="184">
        <v>0</v>
      </c>
      <c r="BP39" s="184">
        <v>0</v>
      </c>
      <c r="BQ39" s="184">
        <v>2</v>
      </c>
      <c r="BR39" s="182">
        <v>1</v>
      </c>
      <c r="BS39" s="185">
        <v>3</v>
      </c>
      <c r="BT39" s="186">
        <v>3</v>
      </c>
      <c r="BU39" s="181">
        <v>0</v>
      </c>
      <c r="BV39" s="182">
        <v>0</v>
      </c>
      <c r="BW39" s="182">
        <v>0</v>
      </c>
      <c r="BX39" s="183">
        <v>0</v>
      </c>
      <c r="BY39" s="184">
        <v>0</v>
      </c>
      <c r="BZ39" s="184">
        <v>0</v>
      </c>
      <c r="CA39" s="184">
        <v>2</v>
      </c>
      <c r="CB39" s="182">
        <v>1</v>
      </c>
      <c r="CC39" s="185">
        <v>3</v>
      </c>
      <c r="CD39" s="187">
        <v>3</v>
      </c>
      <c r="CE39" s="188">
        <v>0</v>
      </c>
      <c r="CF39" s="182">
        <v>0</v>
      </c>
      <c r="CG39" s="182">
        <v>0</v>
      </c>
      <c r="CH39" s="183">
        <v>0</v>
      </c>
      <c r="CI39" s="184">
        <v>0</v>
      </c>
      <c r="CJ39" s="184">
        <v>0</v>
      </c>
      <c r="CK39" s="184">
        <v>0</v>
      </c>
      <c r="CL39" s="182">
        <v>0</v>
      </c>
      <c r="CM39" s="185">
        <v>0</v>
      </c>
      <c r="CN39" s="187">
        <v>0</v>
      </c>
      <c r="CO39" s="188">
        <v>0</v>
      </c>
      <c r="CP39" s="182">
        <v>0</v>
      </c>
      <c r="CQ39" s="182">
        <v>0</v>
      </c>
      <c r="CR39" s="183">
        <v>0</v>
      </c>
      <c r="CS39" s="184">
        <v>0</v>
      </c>
      <c r="CT39" s="184">
        <v>0</v>
      </c>
      <c r="CU39" s="184">
        <v>5</v>
      </c>
      <c r="CV39" s="182">
        <v>2</v>
      </c>
      <c r="CW39" s="185">
        <v>7</v>
      </c>
      <c r="CX39" s="186">
        <v>7</v>
      </c>
      <c r="CY39" s="181">
        <v>0</v>
      </c>
      <c r="CZ39" s="182">
        <v>0</v>
      </c>
      <c r="DA39" s="182">
        <v>0</v>
      </c>
      <c r="DB39" s="183">
        <v>0</v>
      </c>
      <c r="DC39" s="184">
        <v>0</v>
      </c>
      <c r="DD39" s="184">
        <v>0</v>
      </c>
      <c r="DE39" s="184">
        <v>4</v>
      </c>
      <c r="DF39" s="182">
        <v>2</v>
      </c>
      <c r="DG39" s="185">
        <v>6</v>
      </c>
      <c r="DH39" s="187">
        <v>6</v>
      </c>
      <c r="DI39" s="188">
        <v>0</v>
      </c>
      <c r="DJ39" s="182">
        <v>0</v>
      </c>
      <c r="DK39" s="182">
        <v>0</v>
      </c>
      <c r="DL39" s="183">
        <v>0</v>
      </c>
      <c r="DM39" s="184">
        <v>0</v>
      </c>
      <c r="DN39" s="184">
        <v>0</v>
      </c>
      <c r="DO39" s="184">
        <v>1</v>
      </c>
      <c r="DP39" s="182">
        <v>0</v>
      </c>
      <c r="DQ39" s="185">
        <v>1</v>
      </c>
      <c r="DR39" s="187">
        <v>1</v>
      </c>
      <c r="DS39" s="188">
        <v>0</v>
      </c>
      <c r="DT39" s="182">
        <v>0</v>
      </c>
      <c r="DU39" s="182">
        <v>0</v>
      </c>
      <c r="DV39" s="183">
        <v>16</v>
      </c>
      <c r="DW39" s="184">
        <v>22</v>
      </c>
      <c r="DX39" s="184">
        <v>99</v>
      </c>
      <c r="DY39" s="184">
        <v>141</v>
      </c>
      <c r="DZ39" s="182">
        <v>101</v>
      </c>
      <c r="EA39" s="185">
        <v>379</v>
      </c>
      <c r="EB39" s="187">
        <v>379</v>
      </c>
      <c r="EC39" s="32"/>
    </row>
    <row r="40" spans="2:133" ht="21" customHeight="1" thickBot="1" x14ac:dyDescent="0.25">
      <c r="B40" s="473" t="s">
        <v>37</v>
      </c>
      <c r="C40" s="190">
        <v>0</v>
      </c>
      <c r="D40" s="191">
        <v>0</v>
      </c>
      <c r="E40" s="191">
        <v>0</v>
      </c>
      <c r="F40" s="192">
        <v>0</v>
      </c>
      <c r="G40" s="193">
        <v>0</v>
      </c>
      <c r="H40" s="193">
        <v>8</v>
      </c>
      <c r="I40" s="193">
        <v>8</v>
      </c>
      <c r="J40" s="191">
        <v>5</v>
      </c>
      <c r="K40" s="194">
        <v>21</v>
      </c>
      <c r="L40" s="195">
        <v>21</v>
      </c>
      <c r="M40" s="190">
        <v>0</v>
      </c>
      <c r="N40" s="191">
        <v>0</v>
      </c>
      <c r="O40" s="194">
        <v>0</v>
      </c>
      <c r="P40" s="192">
        <v>0</v>
      </c>
      <c r="Q40" s="193">
        <v>0</v>
      </c>
      <c r="R40" s="193">
        <v>8</v>
      </c>
      <c r="S40" s="193">
        <v>8</v>
      </c>
      <c r="T40" s="191">
        <v>5</v>
      </c>
      <c r="U40" s="194">
        <v>21</v>
      </c>
      <c r="V40" s="196">
        <v>21</v>
      </c>
      <c r="W40" s="197">
        <v>0</v>
      </c>
      <c r="X40" s="191">
        <v>0</v>
      </c>
      <c r="Y40" s="194">
        <v>0</v>
      </c>
      <c r="Z40" s="197">
        <v>0</v>
      </c>
      <c r="AA40" s="193">
        <v>0</v>
      </c>
      <c r="AB40" s="193">
        <v>0</v>
      </c>
      <c r="AC40" s="193">
        <v>0</v>
      </c>
      <c r="AD40" s="191">
        <v>0</v>
      </c>
      <c r="AE40" s="194">
        <v>0</v>
      </c>
      <c r="AF40" s="198">
        <v>0</v>
      </c>
      <c r="AG40" s="197">
        <v>0</v>
      </c>
      <c r="AH40" s="191">
        <v>0</v>
      </c>
      <c r="AI40" s="194">
        <v>0</v>
      </c>
      <c r="AJ40" s="197">
        <v>2</v>
      </c>
      <c r="AK40" s="193">
        <v>2</v>
      </c>
      <c r="AL40" s="193">
        <v>8</v>
      </c>
      <c r="AM40" s="193">
        <v>1</v>
      </c>
      <c r="AN40" s="191">
        <v>3</v>
      </c>
      <c r="AO40" s="194">
        <v>16</v>
      </c>
      <c r="AP40" s="198">
        <v>16</v>
      </c>
      <c r="AQ40" s="197">
        <v>0</v>
      </c>
      <c r="AR40" s="191">
        <v>0</v>
      </c>
      <c r="AS40" s="194">
        <v>0</v>
      </c>
      <c r="AT40" s="192">
        <v>2</v>
      </c>
      <c r="AU40" s="193">
        <v>2</v>
      </c>
      <c r="AV40" s="193">
        <v>8</v>
      </c>
      <c r="AW40" s="193">
        <v>1</v>
      </c>
      <c r="AX40" s="191">
        <v>3</v>
      </c>
      <c r="AY40" s="194">
        <v>16</v>
      </c>
      <c r="AZ40" s="195">
        <v>16</v>
      </c>
      <c r="BA40" s="190">
        <v>0</v>
      </c>
      <c r="BB40" s="191">
        <v>0</v>
      </c>
      <c r="BC40" s="191">
        <v>0</v>
      </c>
      <c r="BD40" s="192">
        <v>0</v>
      </c>
      <c r="BE40" s="193">
        <v>0</v>
      </c>
      <c r="BF40" s="193">
        <v>0</v>
      </c>
      <c r="BG40" s="193">
        <v>0</v>
      </c>
      <c r="BH40" s="191">
        <v>0</v>
      </c>
      <c r="BI40" s="194">
        <v>0</v>
      </c>
      <c r="BJ40" s="196">
        <v>0</v>
      </c>
      <c r="BK40" s="197">
        <v>0</v>
      </c>
      <c r="BL40" s="191">
        <v>0</v>
      </c>
      <c r="BM40" s="191">
        <v>0</v>
      </c>
      <c r="BN40" s="192">
        <v>0</v>
      </c>
      <c r="BO40" s="193">
        <v>0</v>
      </c>
      <c r="BP40" s="193">
        <v>0</v>
      </c>
      <c r="BQ40" s="193">
        <v>0</v>
      </c>
      <c r="BR40" s="191">
        <v>0</v>
      </c>
      <c r="BS40" s="194">
        <v>0</v>
      </c>
      <c r="BT40" s="195">
        <v>0</v>
      </c>
      <c r="BU40" s="190">
        <v>0</v>
      </c>
      <c r="BV40" s="191">
        <v>0</v>
      </c>
      <c r="BW40" s="191">
        <v>0</v>
      </c>
      <c r="BX40" s="192">
        <v>0</v>
      </c>
      <c r="BY40" s="193">
        <v>0</v>
      </c>
      <c r="BZ40" s="193">
        <v>0</v>
      </c>
      <c r="CA40" s="193">
        <v>0</v>
      </c>
      <c r="CB40" s="191">
        <v>0</v>
      </c>
      <c r="CC40" s="194">
        <v>0</v>
      </c>
      <c r="CD40" s="196">
        <v>0</v>
      </c>
      <c r="CE40" s="197">
        <v>0</v>
      </c>
      <c r="CF40" s="191">
        <v>0</v>
      </c>
      <c r="CG40" s="191">
        <v>0</v>
      </c>
      <c r="CH40" s="192">
        <v>0</v>
      </c>
      <c r="CI40" s="193">
        <v>0</v>
      </c>
      <c r="CJ40" s="193">
        <v>0</v>
      </c>
      <c r="CK40" s="193">
        <v>0</v>
      </c>
      <c r="CL40" s="191">
        <v>0</v>
      </c>
      <c r="CM40" s="194">
        <v>0</v>
      </c>
      <c r="CN40" s="196">
        <v>0</v>
      </c>
      <c r="CO40" s="197">
        <v>0</v>
      </c>
      <c r="CP40" s="191">
        <v>0</v>
      </c>
      <c r="CQ40" s="191">
        <v>0</v>
      </c>
      <c r="CR40" s="192">
        <v>0</v>
      </c>
      <c r="CS40" s="193">
        <v>0</v>
      </c>
      <c r="CT40" s="193">
        <v>0</v>
      </c>
      <c r="CU40" s="193">
        <v>0</v>
      </c>
      <c r="CV40" s="191">
        <v>0</v>
      </c>
      <c r="CW40" s="194">
        <v>0</v>
      </c>
      <c r="CX40" s="195">
        <v>0</v>
      </c>
      <c r="CY40" s="190">
        <v>0</v>
      </c>
      <c r="CZ40" s="191">
        <v>0</v>
      </c>
      <c r="DA40" s="191">
        <v>0</v>
      </c>
      <c r="DB40" s="192">
        <v>0</v>
      </c>
      <c r="DC40" s="193">
        <v>0</v>
      </c>
      <c r="DD40" s="193">
        <v>0</v>
      </c>
      <c r="DE40" s="193">
        <v>0</v>
      </c>
      <c r="DF40" s="191">
        <v>0</v>
      </c>
      <c r="DG40" s="194">
        <v>0</v>
      </c>
      <c r="DH40" s="196">
        <v>0</v>
      </c>
      <c r="DI40" s="197">
        <v>0</v>
      </c>
      <c r="DJ40" s="191">
        <v>0</v>
      </c>
      <c r="DK40" s="191">
        <v>0</v>
      </c>
      <c r="DL40" s="192">
        <v>0</v>
      </c>
      <c r="DM40" s="193">
        <v>0</v>
      </c>
      <c r="DN40" s="193">
        <v>0</v>
      </c>
      <c r="DO40" s="193">
        <v>0</v>
      </c>
      <c r="DP40" s="191">
        <v>0</v>
      </c>
      <c r="DQ40" s="194">
        <v>0</v>
      </c>
      <c r="DR40" s="196">
        <v>0</v>
      </c>
      <c r="DS40" s="197">
        <v>0</v>
      </c>
      <c r="DT40" s="191">
        <v>0</v>
      </c>
      <c r="DU40" s="191">
        <v>0</v>
      </c>
      <c r="DV40" s="192">
        <v>2</v>
      </c>
      <c r="DW40" s="193">
        <v>2</v>
      </c>
      <c r="DX40" s="193">
        <v>16</v>
      </c>
      <c r="DY40" s="193">
        <v>9</v>
      </c>
      <c r="DZ40" s="191">
        <v>8</v>
      </c>
      <c r="EA40" s="194">
        <v>37</v>
      </c>
      <c r="EB40" s="196">
        <v>37</v>
      </c>
      <c r="EC40" s="32"/>
    </row>
    <row r="41" spans="2:133" x14ac:dyDescent="0.2">
      <c r="C41" s="33"/>
      <c r="D41" s="33"/>
      <c r="E41" s="33"/>
      <c r="F41" s="33"/>
      <c r="G41" s="33"/>
      <c r="H41" s="33"/>
      <c r="I41" s="33"/>
      <c r="J41" s="33"/>
      <c r="K41" s="33"/>
      <c r="L41" s="33"/>
      <c r="M41" s="33"/>
      <c r="N41" s="33"/>
      <c r="O41" s="33"/>
      <c r="P41" s="33"/>
      <c r="Q41" s="33"/>
      <c r="R41" s="33"/>
      <c r="S41" s="33"/>
      <c r="T41" s="33"/>
      <c r="U41" s="33"/>
      <c r="V41" s="33"/>
      <c r="W41" s="33"/>
      <c r="X41" s="33"/>
      <c r="Y41" s="33"/>
      <c r="Z41" s="33"/>
      <c r="AA41" s="33"/>
      <c r="AB41" s="33"/>
      <c r="AC41" s="33"/>
      <c r="AD41" s="33"/>
      <c r="AE41" s="33"/>
      <c r="AF41" s="33"/>
      <c r="AG41" s="32"/>
      <c r="AH41" s="32"/>
      <c r="AI41" s="32"/>
      <c r="AJ41" s="32"/>
      <c r="AK41" s="32"/>
      <c r="AL41" s="32"/>
      <c r="AM41" s="32"/>
      <c r="AN41" s="32"/>
      <c r="AO41" s="32"/>
      <c r="AP41" s="32"/>
      <c r="AQ41" s="32"/>
      <c r="AR41" s="32"/>
      <c r="AS41" s="32"/>
      <c r="AT41" s="32"/>
      <c r="AU41" s="32"/>
      <c r="AV41" s="32"/>
      <c r="AW41" s="32"/>
      <c r="AX41" s="32"/>
      <c r="AY41" s="32"/>
      <c r="AZ41" s="32"/>
      <c r="BA41" s="32"/>
      <c r="BB41" s="32"/>
      <c r="BC41" s="32"/>
      <c r="BD41" s="32"/>
      <c r="BE41" s="32"/>
      <c r="BF41" s="32"/>
      <c r="BG41" s="32"/>
      <c r="BH41" s="32"/>
      <c r="BI41" s="32"/>
      <c r="BJ41" s="32"/>
      <c r="BK41" s="32"/>
      <c r="BL41" s="32"/>
      <c r="BM41" s="32"/>
      <c r="BN41" s="32"/>
      <c r="BO41" s="32"/>
      <c r="BP41" s="32"/>
      <c r="BQ41" s="32"/>
      <c r="BR41" s="32"/>
      <c r="BS41" s="32"/>
      <c r="BT41" s="32"/>
      <c r="BU41" s="32"/>
      <c r="BV41" s="32"/>
      <c r="BW41" s="32"/>
      <c r="BX41" s="32"/>
      <c r="BY41" s="32"/>
      <c r="BZ41" s="32"/>
      <c r="CA41" s="32"/>
      <c r="CB41" s="32"/>
      <c r="CC41" s="32"/>
      <c r="CD41" s="32"/>
      <c r="CE41" s="32"/>
      <c r="CF41" s="32"/>
      <c r="CG41" s="32"/>
      <c r="CH41" s="32"/>
      <c r="CI41" s="32"/>
      <c r="CJ41" s="32"/>
      <c r="CK41" s="32"/>
      <c r="CL41" s="32"/>
      <c r="CM41" s="32"/>
      <c r="CN41" s="32"/>
      <c r="CO41" s="32"/>
      <c r="CP41" s="32"/>
      <c r="CQ41" s="32"/>
      <c r="CR41" s="32"/>
      <c r="CS41" s="32"/>
      <c r="CT41" s="32"/>
      <c r="CU41" s="32"/>
      <c r="CV41" s="32"/>
      <c r="CW41" s="32"/>
      <c r="CX41" s="32"/>
      <c r="CY41" s="32"/>
      <c r="CZ41" s="32"/>
      <c r="DA41" s="32"/>
      <c r="DB41" s="32"/>
      <c r="DC41" s="32"/>
      <c r="DD41" s="32"/>
      <c r="DE41" s="32"/>
      <c r="DF41" s="32"/>
      <c r="DG41" s="32"/>
      <c r="DH41" s="32"/>
      <c r="DI41" s="32"/>
      <c r="DJ41" s="32"/>
      <c r="DK41" s="32"/>
      <c r="DL41" s="32"/>
      <c r="DM41" s="32"/>
      <c r="DN41" s="32"/>
      <c r="DO41" s="32"/>
      <c r="DP41" s="32"/>
      <c r="DQ41" s="32"/>
      <c r="DR41" s="32"/>
      <c r="DS41" s="32"/>
      <c r="DT41" s="32"/>
      <c r="DU41" s="32"/>
      <c r="DV41" s="32"/>
      <c r="DW41" s="32"/>
      <c r="DX41" s="32"/>
      <c r="DY41" s="32"/>
      <c r="DZ41" s="32"/>
      <c r="EA41" s="32"/>
      <c r="EB41" s="32"/>
      <c r="EC41" s="32"/>
    </row>
    <row r="42" spans="2:133" x14ac:dyDescent="0.2">
      <c r="C42" s="33"/>
      <c r="D42" s="33"/>
      <c r="E42" s="33"/>
      <c r="F42" s="33"/>
      <c r="G42" s="33"/>
      <c r="H42" s="33"/>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2"/>
      <c r="AH42" s="32"/>
      <c r="AI42" s="32"/>
      <c r="AJ42" s="32"/>
      <c r="AK42" s="32"/>
      <c r="AL42" s="32"/>
      <c r="AM42" s="32"/>
      <c r="AN42" s="32"/>
      <c r="AO42" s="32"/>
      <c r="AP42" s="32"/>
      <c r="AQ42" s="32"/>
      <c r="AR42" s="32"/>
      <c r="AS42" s="32"/>
      <c r="AT42" s="32"/>
      <c r="AU42" s="32"/>
      <c r="AV42" s="32"/>
      <c r="AW42" s="32"/>
      <c r="AX42" s="32"/>
      <c r="AY42" s="32"/>
      <c r="AZ42" s="32"/>
      <c r="BA42" s="32"/>
      <c r="BB42" s="32"/>
      <c r="BC42" s="32"/>
      <c r="BD42" s="32"/>
      <c r="BE42" s="32"/>
      <c r="BF42" s="32"/>
      <c r="BG42" s="32"/>
      <c r="BH42" s="32"/>
      <c r="BI42" s="32"/>
      <c r="BJ42" s="32"/>
      <c r="BK42" s="32"/>
      <c r="BL42" s="32"/>
      <c r="BM42" s="32"/>
      <c r="BN42" s="32"/>
      <c r="BO42" s="32"/>
      <c r="BP42" s="32"/>
      <c r="BQ42" s="32"/>
      <c r="BR42" s="32"/>
      <c r="BS42" s="32"/>
      <c r="BT42" s="32"/>
      <c r="BU42" s="32"/>
      <c r="BV42" s="32"/>
      <c r="BW42" s="32"/>
      <c r="BX42" s="32"/>
      <c r="BY42" s="32"/>
      <c r="BZ42" s="32"/>
      <c r="CA42" s="32"/>
      <c r="CB42" s="32"/>
      <c r="CC42" s="32"/>
      <c r="CD42" s="32"/>
      <c r="CE42" s="32"/>
      <c r="CF42" s="32"/>
      <c r="CG42" s="32"/>
      <c r="CH42" s="32"/>
      <c r="CI42" s="32"/>
      <c r="CJ42" s="32"/>
      <c r="CK42" s="32"/>
      <c r="CL42" s="32"/>
      <c r="CM42" s="32"/>
      <c r="CN42" s="32"/>
      <c r="CO42" s="32"/>
      <c r="CP42" s="32"/>
      <c r="CQ42" s="32"/>
      <c r="CR42" s="32"/>
      <c r="CS42" s="32"/>
      <c r="CT42" s="32"/>
      <c r="CU42" s="32"/>
      <c r="CV42" s="32"/>
      <c r="CW42" s="32"/>
      <c r="CX42" s="32"/>
      <c r="CY42" s="32"/>
      <c r="CZ42" s="32"/>
      <c r="DA42" s="32"/>
      <c r="DB42" s="32"/>
      <c r="DC42" s="32"/>
      <c r="DD42" s="32"/>
      <c r="DE42" s="32"/>
      <c r="DF42" s="32"/>
      <c r="DG42" s="32"/>
      <c r="DH42" s="32"/>
      <c r="DI42" s="32"/>
      <c r="DJ42" s="32"/>
      <c r="DK42" s="32"/>
      <c r="DL42" s="32"/>
      <c r="DM42" s="32"/>
      <c r="DN42" s="32"/>
      <c r="DO42" s="32"/>
      <c r="DP42" s="32"/>
      <c r="DQ42" s="32"/>
      <c r="DR42" s="32"/>
      <c r="DS42" s="32"/>
      <c r="DT42" s="32"/>
      <c r="DU42" s="32"/>
      <c r="DV42" s="32"/>
      <c r="DW42" s="32"/>
      <c r="DX42" s="32"/>
      <c r="DY42" s="32"/>
      <c r="DZ42" s="32"/>
      <c r="EA42" s="32"/>
      <c r="EB42" s="32"/>
      <c r="EC42" s="32"/>
    </row>
    <row r="43" spans="2:133" x14ac:dyDescent="0.2">
      <c r="C43" s="33"/>
      <c r="D43" s="33"/>
      <c r="E43" s="33"/>
      <c r="F43" s="33"/>
      <c r="G43" s="33"/>
      <c r="H43" s="33"/>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2"/>
      <c r="AH43" s="32"/>
      <c r="AI43" s="32"/>
      <c r="AJ43" s="32"/>
      <c r="AK43" s="32"/>
      <c r="AL43" s="32"/>
      <c r="AM43" s="32"/>
      <c r="AN43" s="32"/>
      <c r="AO43" s="32"/>
      <c r="AP43" s="32"/>
      <c r="AQ43" s="32"/>
      <c r="AR43" s="32"/>
      <c r="AS43" s="32"/>
      <c r="AT43" s="32"/>
      <c r="AU43" s="32"/>
      <c r="AV43" s="32"/>
      <c r="AW43" s="32"/>
      <c r="AX43" s="32"/>
      <c r="AY43" s="32"/>
      <c r="AZ43" s="32"/>
      <c r="BA43" s="32"/>
      <c r="BB43" s="32"/>
      <c r="BC43" s="32"/>
      <c r="BD43" s="32"/>
      <c r="BE43" s="32"/>
      <c r="BF43" s="32"/>
      <c r="BG43" s="32"/>
      <c r="BH43" s="32"/>
      <c r="BI43" s="32"/>
      <c r="BJ43" s="32"/>
      <c r="BK43" s="32"/>
      <c r="BL43" s="32"/>
      <c r="BM43" s="32"/>
      <c r="BN43" s="32"/>
      <c r="BO43" s="32"/>
      <c r="BP43" s="32"/>
      <c r="BQ43" s="32"/>
      <c r="BR43" s="32"/>
      <c r="BS43" s="32"/>
      <c r="BT43" s="32"/>
      <c r="BU43" s="32"/>
      <c r="BV43" s="32"/>
      <c r="BW43" s="32"/>
      <c r="BX43" s="32"/>
      <c r="BY43" s="32"/>
      <c r="BZ43" s="32"/>
      <c r="CA43" s="32"/>
      <c r="CB43" s="32"/>
      <c r="CC43" s="32"/>
      <c r="CD43" s="32"/>
      <c r="CE43" s="32"/>
      <c r="CF43" s="32"/>
      <c r="CG43" s="32"/>
      <c r="CH43" s="32"/>
      <c r="CI43" s="32"/>
      <c r="CJ43" s="32"/>
      <c r="CK43" s="32"/>
      <c r="CL43" s="32"/>
      <c r="CM43" s="32"/>
      <c r="CN43" s="32"/>
      <c r="CO43" s="32"/>
      <c r="CP43" s="32"/>
      <c r="CQ43" s="32"/>
      <c r="CR43" s="32"/>
      <c r="CS43" s="32"/>
      <c r="CT43" s="32"/>
      <c r="CU43" s="32"/>
      <c r="CV43" s="32"/>
      <c r="CW43" s="32"/>
      <c r="CX43" s="32"/>
      <c r="CY43" s="32"/>
      <c r="CZ43" s="32"/>
      <c r="DA43" s="32"/>
      <c r="DB43" s="32"/>
      <c r="DC43" s="32"/>
      <c r="DD43" s="32"/>
      <c r="DE43" s="32"/>
      <c r="DF43" s="32"/>
      <c r="DG43" s="32"/>
      <c r="DH43" s="32"/>
      <c r="DI43" s="32"/>
      <c r="DJ43" s="32"/>
      <c r="DK43" s="32"/>
      <c r="DL43" s="32"/>
      <c r="DM43" s="32"/>
      <c r="DN43" s="32"/>
      <c r="DO43" s="32"/>
      <c r="DP43" s="32"/>
      <c r="DQ43" s="32"/>
      <c r="DR43" s="32"/>
      <c r="DS43" s="32"/>
      <c r="DT43" s="32"/>
      <c r="DU43" s="32"/>
      <c r="DV43" s="32"/>
      <c r="DW43" s="32"/>
      <c r="DX43" s="32"/>
      <c r="DY43" s="32"/>
      <c r="DZ43" s="32"/>
      <c r="EA43" s="32"/>
      <c r="EB43" s="32"/>
      <c r="EC43" s="32"/>
    </row>
    <row r="44" spans="2:133" x14ac:dyDescent="0.2">
      <c r="C44" s="33"/>
      <c r="D44" s="33"/>
      <c r="E44" s="33"/>
      <c r="F44" s="33"/>
      <c r="G44" s="33"/>
      <c r="H44" s="33"/>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2"/>
      <c r="AH44" s="32"/>
      <c r="AI44" s="32"/>
      <c r="AJ44" s="32"/>
      <c r="AK44" s="32"/>
      <c r="AL44" s="32"/>
      <c r="AM44" s="32"/>
      <c r="AN44" s="32"/>
      <c r="AO44" s="32"/>
      <c r="AP44" s="32"/>
      <c r="AQ44" s="32"/>
      <c r="AR44" s="32"/>
      <c r="AS44" s="32"/>
      <c r="AT44" s="32"/>
      <c r="AU44" s="32"/>
      <c r="AV44" s="32"/>
      <c r="AW44" s="32"/>
      <c r="AX44" s="32"/>
      <c r="AY44" s="32"/>
      <c r="AZ44" s="32"/>
      <c r="BA44" s="32"/>
      <c r="BB44" s="32"/>
      <c r="BC44" s="32"/>
      <c r="BD44" s="32"/>
      <c r="BE44" s="32"/>
      <c r="BF44" s="32"/>
      <c r="BG44" s="32"/>
      <c r="BH44" s="32"/>
      <c r="BI44" s="32"/>
      <c r="BJ44" s="32"/>
      <c r="BK44" s="32"/>
      <c r="BL44" s="32"/>
      <c r="BM44" s="32"/>
      <c r="BN44" s="32"/>
      <c r="BO44" s="32"/>
      <c r="BP44" s="32"/>
      <c r="BQ44" s="32"/>
      <c r="BR44" s="32"/>
      <c r="BS44" s="32"/>
      <c r="BT44" s="32"/>
      <c r="BU44" s="32"/>
      <c r="BV44" s="32"/>
      <c r="BW44" s="32"/>
      <c r="BX44" s="32"/>
      <c r="BY44" s="32"/>
      <c r="BZ44" s="32"/>
      <c r="CA44" s="32"/>
      <c r="CB44" s="32"/>
      <c r="CC44" s="32"/>
      <c r="CD44" s="32"/>
      <c r="CE44" s="32"/>
      <c r="CF44" s="32"/>
      <c r="CG44" s="32"/>
      <c r="CH44" s="32"/>
      <c r="CI44" s="32"/>
      <c r="CJ44" s="32"/>
      <c r="CK44" s="32"/>
      <c r="CL44" s="32"/>
      <c r="CM44" s="32"/>
      <c r="CN44" s="32"/>
      <c r="CO44" s="32"/>
      <c r="CP44" s="32"/>
      <c r="CQ44" s="32"/>
      <c r="CR44" s="32"/>
      <c r="CS44" s="32"/>
      <c r="CT44" s="32"/>
      <c r="CU44" s="32"/>
      <c r="CV44" s="32"/>
      <c r="CW44" s="32"/>
      <c r="CX44" s="32"/>
      <c r="CY44" s="32"/>
      <c r="CZ44" s="32"/>
      <c r="DA44" s="32"/>
      <c r="DB44" s="32"/>
      <c r="DC44" s="32"/>
      <c r="DD44" s="32"/>
      <c r="DE44" s="32"/>
      <c r="DF44" s="32"/>
      <c r="DG44" s="32"/>
      <c r="DH44" s="32"/>
      <c r="DI44" s="32"/>
      <c r="DJ44" s="32"/>
      <c r="DK44" s="32"/>
      <c r="DL44" s="32"/>
      <c r="DM44" s="32"/>
      <c r="DN44" s="32"/>
      <c r="DO44" s="32"/>
      <c r="DP44" s="32"/>
      <c r="DQ44" s="32"/>
      <c r="DR44" s="32"/>
      <c r="DS44" s="32"/>
      <c r="DT44" s="32"/>
      <c r="DU44" s="32"/>
      <c r="DV44" s="32"/>
      <c r="DW44" s="32"/>
      <c r="DX44" s="32"/>
      <c r="DY44" s="32"/>
      <c r="DZ44" s="32"/>
      <c r="EA44" s="32"/>
      <c r="EB44" s="32"/>
      <c r="EC44" s="32"/>
    </row>
    <row r="45" spans="2:133" x14ac:dyDescent="0.2">
      <c r="C45" s="33"/>
      <c r="D45" s="33"/>
      <c r="E45" s="33"/>
      <c r="F45" s="33"/>
      <c r="G45" s="33"/>
      <c r="H45" s="33"/>
      <c r="I45" s="33"/>
      <c r="J45" s="33"/>
      <c r="K45" s="33"/>
      <c r="L45" s="33"/>
      <c r="M45" s="33"/>
      <c r="N45" s="33"/>
      <c r="O45" s="33"/>
      <c r="P45" s="33"/>
      <c r="Q45" s="33"/>
      <c r="R45" s="33"/>
      <c r="S45" s="33"/>
      <c r="T45" s="33"/>
      <c r="U45" s="33"/>
      <c r="V45" s="33"/>
      <c r="W45" s="33"/>
      <c r="X45" s="33"/>
      <c r="Y45" s="33"/>
      <c r="Z45" s="33"/>
      <c r="AA45" s="33"/>
      <c r="AB45" s="33"/>
      <c r="AC45" s="33"/>
      <c r="AD45" s="33"/>
      <c r="AE45" s="33"/>
      <c r="AF45" s="33"/>
      <c r="AG45" s="32"/>
      <c r="AH45" s="32"/>
      <c r="AI45" s="32"/>
      <c r="AJ45" s="32"/>
      <c r="AK45" s="32"/>
      <c r="AL45" s="32"/>
      <c r="AM45" s="32"/>
      <c r="AN45" s="32"/>
      <c r="AO45" s="32"/>
      <c r="AP45" s="32"/>
      <c r="AQ45" s="32"/>
      <c r="AR45" s="32"/>
      <c r="AS45" s="32"/>
      <c r="AT45" s="32"/>
      <c r="AU45" s="32"/>
      <c r="AV45" s="32"/>
      <c r="AW45" s="32"/>
      <c r="AX45" s="32"/>
      <c r="AY45" s="32"/>
      <c r="AZ45" s="32"/>
      <c r="BA45" s="32"/>
      <c r="BB45" s="32"/>
      <c r="BC45" s="32"/>
      <c r="BD45" s="32"/>
      <c r="BE45" s="32"/>
      <c r="BF45" s="32"/>
      <c r="BG45" s="32"/>
      <c r="BH45" s="32"/>
      <c r="BI45" s="32"/>
      <c r="BJ45" s="32"/>
      <c r="BK45" s="32"/>
      <c r="BL45" s="32"/>
      <c r="BM45" s="32"/>
      <c r="BN45" s="32"/>
      <c r="BO45" s="32"/>
      <c r="BP45" s="32"/>
      <c r="BQ45" s="32"/>
      <c r="BR45" s="32"/>
      <c r="BS45" s="32"/>
      <c r="BT45" s="32"/>
      <c r="BU45" s="32"/>
      <c r="BV45" s="32"/>
      <c r="BW45" s="32"/>
      <c r="BX45" s="32"/>
      <c r="BY45" s="32"/>
      <c r="BZ45" s="32"/>
      <c r="CA45" s="32"/>
      <c r="CB45" s="32"/>
      <c r="CC45" s="32"/>
      <c r="CD45" s="32"/>
      <c r="CE45" s="32"/>
      <c r="CF45" s="32"/>
      <c r="CG45" s="32"/>
      <c r="CH45" s="32"/>
      <c r="CI45" s="32"/>
      <c r="CJ45" s="32"/>
      <c r="CK45" s="32"/>
      <c r="CL45" s="32"/>
      <c r="CM45" s="32"/>
      <c r="CN45" s="32"/>
      <c r="CO45" s="32"/>
      <c r="CP45" s="32"/>
      <c r="CQ45" s="32"/>
      <c r="CR45" s="32"/>
      <c r="CS45" s="32"/>
      <c r="CT45" s="32"/>
      <c r="CU45" s="32"/>
      <c r="CV45" s="32"/>
      <c r="CW45" s="32"/>
      <c r="CX45" s="32"/>
      <c r="CY45" s="32"/>
      <c r="CZ45" s="32"/>
      <c r="DA45" s="32"/>
      <c r="DB45" s="32"/>
      <c r="DC45" s="32"/>
      <c r="DD45" s="32"/>
      <c r="DE45" s="32"/>
      <c r="DF45" s="32"/>
      <c r="DG45" s="32"/>
      <c r="DH45" s="32"/>
      <c r="DI45" s="32"/>
      <c r="DJ45" s="32"/>
      <c r="DK45" s="32"/>
      <c r="DL45" s="32"/>
      <c r="DM45" s="32"/>
      <c r="DN45" s="32"/>
      <c r="DO45" s="32"/>
      <c r="DP45" s="32"/>
      <c r="DQ45" s="32"/>
      <c r="DR45" s="32"/>
      <c r="DS45" s="32"/>
      <c r="DT45" s="32"/>
      <c r="DU45" s="32"/>
      <c r="DV45" s="32"/>
      <c r="DW45" s="32"/>
      <c r="DX45" s="32"/>
      <c r="DY45" s="32"/>
      <c r="DZ45" s="32"/>
      <c r="EA45" s="32"/>
      <c r="EB45" s="32"/>
      <c r="EC45" s="32"/>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5" width="7.88671875" style="38" customWidth="1"/>
    <col min="6" max="6" width="8.109375" style="38" customWidth="1"/>
    <col min="7"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102" width="9" style="38"/>
    <col min="103" max="148" width="9" style="39"/>
    <col min="149" max="149" width="7.77734375" style="39" customWidth="1"/>
    <col min="150" max="159" width="9" style="39"/>
    <col min="160" max="160" width="8.109375" style="39" customWidth="1"/>
    <col min="161" max="16384" width="9" style="39"/>
  </cols>
  <sheetData>
    <row r="1" spans="2:299" ht="24" customHeight="1" x14ac:dyDescent="0.2">
      <c r="B1" s="10" t="s">
        <v>121</v>
      </c>
      <c r="F1" s="500">
        <f>第１表!F2</f>
        <v>5</v>
      </c>
      <c r="G1" s="500"/>
      <c r="H1" s="235">
        <f>第１表!G2</f>
        <v>11</v>
      </c>
      <c r="I1" s="482">
        <f>H1</f>
        <v>11</v>
      </c>
      <c r="J1" s="482"/>
    </row>
    <row r="2" spans="2:299" ht="24" customHeight="1" thickBot="1" x14ac:dyDescent="0.25">
      <c r="B2" s="15" t="s">
        <v>129</v>
      </c>
    </row>
    <row r="3" spans="2:299" ht="21" customHeight="1" thickBot="1" x14ac:dyDescent="0.25">
      <c r="B3" s="483" t="s">
        <v>38</v>
      </c>
      <c r="C3" s="495" t="s">
        <v>96</v>
      </c>
      <c r="D3" s="495"/>
      <c r="E3" s="495"/>
      <c r="F3" s="495"/>
      <c r="G3" s="495"/>
      <c r="H3" s="495"/>
      <c r="I3" s="495"/>
      <c r="J3" s="495"/>
      <c r="K3" s="495"/>
      <c r="L3" s="495"/>
      <c r="M3" s="495"/>
      <c r="N3" s="495"/>
      <c r="O3" s="495"/>
      <c r="P3" s="495"/>
      <c r="Q3" s="495"/>
      <c r="R3" s="495"/>
      <c r="S3" s="495"/>
      <c r="T3" s="495"/>
      <c r="U3" s="495"/>
      <c r="V3" s="495"/>
      <c r="W3" s="495"/>
      <c r="X3" s="495"/>
      <c r="Y3" s="495"/>
      <c r="Z3" s="495"/>
      <c r="AA3" s="495"/>
      <c r="AB3" s="495"/>
      <c r="AC3" s="495"/>
      <c r="AD3" s="495"/>
      <c r="AE3" s="495"/>
      <c r="AF3" s="495"/>
      <c r="AG3" s="495"/>
      <c r="AH3" s="495"/>
      <c r="AI3" s="495"/>
      <c r="AJ3" s="495"/>
      <c r="AK3" s="495"/>
      <c r="AL3" s="495"/>
      <c r="AM3" s="495"/>
      <c r="AN3" s="495"/>
      <c r="AO3" s="495"/>
      <c r="AP3" s="495"/>
      <c r="AQ3" s="495"/>
      <c r="AR3" s="495"/>
      <c r="AS3" s="495"/>
      <c r="AT3" s="495"/>
      <c r="AU3" s="495"/>
      <c r="AV3" s="495"/>
      <c r="AW3" s="495"/>
      <c r="AX3" s="495"/>
      <c r="AY3" s="495"/>
      <c r="AZ3" s="495"/>
      <c r="BA3" s="495"/>
      <c r="BB3" s="495"/>
      <c r="BC3" s="495"/>
      <c r="BD3" s="495"/>
      <c r="BE3" s="495"/>
      <c r="BF3" s="495"/>
      <c r="BG3" s="495"/>
      <c r="BH3" s="495"/>
      <c r="BI3" s="495"/>
      <c r="BJ3" s="495"/>
      <c r="BK3" s="495"/>
      <c r="BL3" s="495"/>
      <c r="BM3" s="495"/>
      <c r="BN3" s="495"/>
      <c r="BO3" s="495"/>
      <c r="BP3" s="495"/>
      <c r="BQ3" s="495"/>
      <c r="BR3" s="495"/>
      <c r="BS3" s="495"/>
      <c r="BT3" s="495"/>
      <c r="BU3" s="495"/>
      <c r="BV3" s="495"/>
      <c r="BW3" s="495"/>
      <c r="BX3" s="495"/>
      <c r="BY3" s="495"/>
      <c r="BZ3" s="495"/>
      <c r="CA3" s="495"/>
      <c r="CB3" s="495"/>
      <c r="CC3" s="495"/>
      <c r="CD3" s="495"/>
      <c r="CE3" s="495"/>
      <c r="CF3" s="495"/>
      <c r="CG3" s="495"/>
      <c r="CH3" s="495"/>
      <c r="CI3" s="495"/>
      <c r="CJ3" s="495"/>
      <c r="CK3" s="495"/>
      <c r="CL3" s="495"/>
      <c r="CM3" s="495"/>
      <c r="CN3" s="495"/>
      <c r="CO3" s="495"/>
      <c r="CP3" s="495"/>
      <c r="CQ3" s="495"/>
      <c r="CR3" s="495"/>
      <c r="CS3" s="495"/>
      <c r="CT3" s="495"/>
      <c r="CU3" s="495"/>
      <c r="CV3" s="495"/>
      <c r="CW3" s="496"/>
      <c r="CX3" s="495" t="s">
        <v>103</v>
      </c>
      <c r="CY3" s="495"/>
      <c r="CZ3" s="495"/>
      <c r="DA3" s="495"/>
      <c r="DB3" s="495"/>
      <c r="DC3" s="495"/>
      <c r="DD3" s="495"/>
      <c r="DE3" s="495"/>
      <c r="DF3" s="495"/>
      <c r="DG3" s="495"/>
      <c r="DH3" s="495"/>
      <c r="DI3" s="495"/>
      <c r="DJ3" s="495"/>
      <c r="DK3" s="495"/>
      <c r="DL3" s="495"/>
      <c r="DM3" s="495"/>
      <c r="DN3" s="495"/>
      <c r="DO3" s="495"/>
      <c r="DP3" s="495"/>
      <c r="DQ3" s="495"/>
      <c r="DR3" s="495"/>
      <c r="DS3" s="495"/>
      <c r="DT3" s="495"/>
      <c r="DU3" s="495"/>
      <c r="DV3" s="495"/>
      <c r="DW3" s="495"/>
      <c r="DX3" s="495"/>
      <c r="DY3" s="495"/>
      <c r="DZ3" s="495"/>
      <c r="EA3" s="495"/>
      <c r="EB3" s="495"/>
      <c r="EC3" s="495"/>
      <c r="ED3" s="495"/>
      <c r="EE3" s="495"/>
      <c r="EF3" s="495"/>
      <c r="EG3" s="495"/>
      <c r="EH3" s="495"/>
      <c r="EI3" s="495"/>
      <c r="EJ3" s="495"/>
      <c r="EK3" s="495"/>
      <c r="EL3" s="495"/>
      <c r="EM3" s="495"/>
      <c r="EN3" s="495"/>
      <c r="EO3" s="495"/>
      <c r="EP3" s="495"/>
      <c r="EQ3" s="495"/>
      <c r="ER3" s="495"/>
      <c r="ES3" s="495"/>
      <c r="ET3" s="495"/>
      <c r="EU3" s="495"/>
      <c r="EV3" s="495"/>
      <c r="EW3" s="495"/>
      <c r="EX3" s="495"/>
      <c r="EY3" s="495"/>
      <c r="EZ3" s="495"/>
      <c r="FA3" s="495"/>
      <c r="FB3" s="495"/>
      <c r="FC3" s="495"/>
      <c r="FD3" s="495"/>
      <c r="FE3" s="495"/>
      <c r="FF3" s="495"/>
      <c r="FG3" s="495"/>
      <c r="FH3" s="495"/>
      <c r="FI3" s="495"/>
      <c r="FJ3" s="495"/>
      <c r="FK3" s="495"/>
      <c r="FL3" s="495"/>
      <c r="FM3" s="495"/>
      <c r="FN3" s="495"/>
      <c r="FO3" s="495"/>
      <c r="FP3" s="495"/>
      <c r="FQ3" s="495"/>
      <c r="FR3" s="495"/>
      <c r="FS3" s="495"/>
      <c r="FT3" s="495"/>
      <c r="FU3" s="495"/>
      <c r="FV3" s="495"/>
      <c r="FW3" s="495"/>
      <c r="FX3" s="495"/>
      <c r="FY3" s="495"/>
      <c r="FZ3" s="495"/>
      <c r="GA3" s="495"/>
      <c r="GB3" s="495"/>
      <c r="GC3" s="495"/>
      <c r="GD3" s="495"/>
      <c r="GE3" s="495"/>
      <c r="GF3" s="495"/>
      <c r="GG3" s="495"/>
      <c r="GH3" s="495"/>
      <c r="GI3" s="495"/>
      <c r="GJ3" s="495"/>
      <c r="GK3" s="495"/>
      <c r="GL3" s="495"/>
      <c r="GM3" s="495"/>
      <c r="GN3" s="495"/>
      <c r="GO3" s="495"/>
      <c r="GP3" s="495"/>
      <c r="GQ3" s="495"/>
      <c r="GR3" s="496"/>
      <c r="GS3" s="495" t="s">
        <v>104</v>
      </c>
      <c r="GT3" s="495"/>
      <c r="GU3" s="495"/>
      <c r="GV3" s="495"/>
      <c r="GW3" s="495"/>
      <c r="GX3" s="495"/>
      <c r="GY3" s="495"/>
      <c r="GZ3" s="495"/>
      <c r="HA3" s="495"/>
      <c r="HB3" s="495"/>
      <c r="HC3" s="495"/>
      <c r="HD3" s="495"/>
      <c r="HE3" s="495"/>
      <c r="HF3" s="495"/>
      <c r="HG3" s="495"/>
      <c r="HH3" s="495"/>
      <c r="HI3" s="495"/>
      <c r="HJ3" s="495"/>
      <c r="HK3" s="495"/>
      <c r="HL3" s="495"/>
      <c r="HM3" s="495"/>
      <c r="HN3" s="495"/>
      <c r="HO3" s="495"/>
      <c r="HP3" s="495"/>
      <c r="HQ3" s="495"/>
      <c r="HR3" s="495"/>
      <c r="HS3" s="495"/>
      <c r="HT3" s="495"/>
      <c r="HU3" s="495"/>
      <c r="HV3" s="495"/>
      <c r="HW3" s="495"/>
      <c r="HX3" s="495"/>
      <c r="HY3" s="495"/>
      <c r="HZ3" s="495"/>
      <c r="IA3" s="495"/>
      <c r="IB3" s="495"/>
      <c r="IC3" s="495"/>
      <c r="ID3" s="495"/>
      <c r="IE3" s="495"/>
      <c r="IF3" s="495"/>
      <c r="IG3" s="495"/>
      <c r="IH3" s="495"/>
      <c r="II3" s="495"/>
      <c r="IJ3" s="495"/>
      <c r="IK3" s="495"/>
      <c r="IL3" s="495"/>
      <c r="IM3" s="495"/>
      <c r="IN3" s="495"/>
      <c r="IO3" s="495"/>
      <c r="IP3" s="495"/>
      <c r="IQ3" s="495"/>
      <c r="IR3" s="495"/>
      <c r="IS3" s="495"/>
      <c r="IT3" s="495"/>
      <c r="IU3" s="495"/>
      <c r="IV3" s="495"/>
      <c r="IW3" s="495"/>
      <c r="IX3" s="495"/>
      <c r="IY3" s="495"/>
      <c r="IZ3" s="495"/>
      <c r="JA3" s="495"/>
      <c r="JB3" s="495"/>
      <c r="JC3" s="495"/>
      <c r="JD3" s="495"/>
      <c r="JE3" s="495"/>
      <c r="JF3" s="495"/>
      <c r="JG3" s="495"/>
      <c r="JH3" s="495"/>
      <c r="JI3" s="495"/>
      <c r="JJ3" s="495"/>
      <c r="JK3" s="495"/>
      <c r="JL3" s="495"/>
      <c r="JM3" s="495"/>
      <c r="JN3" s="495"/>
      <c r="JO3" s="495"/>
      <c r="JP3" s="495"/>
      <c r="JQ3" s="495"/>
      <c r="JR3" s="495"/>
      <c r="JS3" s="495"/>
      <c r="JT3" s="495"/>
      <c r="JU3" s="495"/>
      <c r="JV3" s="495"/>
      <c r="JW3" s="495"/>
      <c r="JX3" s="495"/>
      <c r="JY3" s="495"/>
      <c r="JZ3" s="495"/>
      <c r="KA3" s="495"/>
      <c r="KB3" s="495"/>
      <c r="KC3" s="495"/>
      <c r="KD3" s="495"/>
      <c r="KE3" s="495"/>
      <c r="KF3" s="495"/>
      <c r="KG3" s="495"/>
      <c r="KH3" s="495"/>
      <c r="KI3" s="495"/>
      <c r="KJ3" s="495"/>
      <c r="KK3" s="495"/>
      <c r="KL3" s="495"/>
      <c r="KM3" s="496"/>
    </row>
    <row r="4" spans="2:299" ht="21" customHeight="1" thickBot="1" x14ac:dyDescent="0.25">
      <c r="B4" s="501"/>
      <c r="C4" s="497" t="s">
        <v>39</v>
      </c>
      <c r="D4" s="498"/>
      <c r="E4" s="498"/>
      <c r="F4" s="498"/>
      <c r="G4" s="498"/>
      <c r="H4" s="498"/>
      <c r="I4" s="498"/>
      <c r="J4" s="498"/>
      <c r="K4" s="498"/>
      <c r="L4" s="498"/>
      <c r="M4" s="498"/>
      <c r="N4" s="498"/>
      <c r="O4" s="498"/>
      <c r="P4" s="498"/>
      <c r="Q4" s="498"/>
      <c r="R4" s="498"/>
      <c r="S4" s="498"/>
      <c r="T4" s="498"/>
      <c r="U4" s="498"/>
      <c r="V4" s="498"/>
      <c r="W4" s="498"/>
      <c r="X4" s="498"/>
      <c r="Y4" s="498"/>
      <c r="Z4" s="498"/>
      <c r="AA4" s="498"/>
      <c r="AB4" s="498"/>
      <c r="AC4" s="498"/>
      <c r="AD4" s="498"/>
      <c r="AE4" s="498"/>
      <c r="AF4" s="498"/>
      <c r="AG4" s="498"/>
      <c r="AH4" s="498"/>
      <c r="AI4" s="498"/>
      <c r="AJ4" s="498"/>
      <c r="AK4" s="498"/>
      <c r="AL4" s="498"/>
      <c r="AM4" s="498"/>
      <c r="AN4" s="498"/>
      <c r="AO4" s="498"/>
      <c r="AP4" s="498"/>
      <c r="AQ4" s="498"/>
      <c r="AR4" s="498"/>
      <c r="AS4" s="498"/>
      <c r="AT4" s="498"/>
      <c r="AU4" s="498"/>
      <c r="AV4" s="498"/>
      <c r="AW4" s="498"/>
      <c r="AX4" s="498"/>
      <c r="AY4" s="498"/>
      <c r="AZ4" s="498"/>
      <c r="BA4" s="498"/>
      <c r="BB4" s="498"/>
      <c r="BC4" s="498"/>
      <c r="BD4" s="498"/>
      <c r="BE4" s="498"/>
      <c r="BF4" s="498"/>
      <c r="BG4" s="498"/>
      <c r="BH4" s="498"/>
      <c r="BI4" s="498"/>
      <c r="BJ4" s="498"/>
      <c r="BK4" s="498"/>
      <c r="BL4" s="498"/>
      <c r="BM4" s="498"/>
      <c r="BN4" s="498"/>
      <c r="BO4" s="498"/>
      <c r="BP4" s="498"/>
      <c r="BQ4" s="498"/>
      <c r="BR4" s="498"/>
      <c r="BS4" s="498"/>
      <c r="BT4" s="498"/>
      <c r="BU4" s="498"/>
      <c r="BV4" s="498"/>
      <c r="BW4" s="498"/>
      <c r="BX4" s="498"/>
      <c r="BY4" s="498"/>
      <c r="BZ4" s="498"/>
      <c r="CA4" s="499"/>
      <c r="CB4" s="483" t="s">
        <v>40</v>
      </c>
      <c r="CC4" s="484"/>
      <c r="CD4" s="484"/>
      <c r="CE4" s="484"/>
      <c r="CF4" s="484"/>
      <c r="CG4" s="484"/>
      <c r="CH4" s="484"/>
      <c r="CI4" s="484"/>
      <c r="CJ4" s="484"/>
      <c r="CK4" s="484"/>
      <c r="CL4" s="485"/>
      <c r="CM4" s="483" t="s">
        <v>41</v>
      </c>
      <c r="CN4" s="484"/>
      <c r="CO4" s="484"/>
      <c r="CP4" s="484"/>
      <c r="CQ4" s="484"/>
      <c r="CR4" s="484"/>
      <c r="CS4" s="484"/>
      <c r="CT4" s="484"/>
      <c r="CU4" s="484"/>
      <c r="CV4" s="484"/>
      <c r="CW4" s="485"/>
      <c r="CX4" s="497" t="s">
        <v>39</v>
      </c>
      <c r="CY4" s="498"/>
      <c r="CZ4" s="498"/>
      <c r="DA4" s="498"/>
      <c r="DB4" s="498"/>
      <c r="DC4" s="498"/>
      <c r="DD4" s="498"/>
      <c r="DE4" s="498"/>
      <c r="DF4" s="498"/>
      <c r="DG4" s="498"/>
      <c r="DH4" s="498"/>
      <c r="DI4" s="498"/>
      <c r="DJ4" s="498"/>
      <c r="DK4" s="498"/>
      <c r="DL4" s="498"/>
      <c r="DM4" s="498"/>
      <c r="DN4" s="498"/>
      <c r="DO4" s="498"/>
      <c r="DP4" s="498"/>
      <c r="DQ4" s="498"/>
      <c r="DR4" s="498"/>
      <c r="DS4" s="498"/>
      <c r="DT4" s="498"/>
      <c r="DU4" s="498"/>
      <c r="DV4" s="498"/>
      <c r="DW4" s="498"/>
      <c r="DX4" s="498"/>
      <c r="DY4" s="498"/>
      <c r="DZ4" s="498"/>
      <c r="EA4" s="498"/>
      <c r="EB4" s="498"/>
      <c r="EC4" s="498"/>
      <c r="ED4" s="498"/>
      <c r="EE4" s="498"/>
      <c r="EF4" s="498"/>
      <c r="EG4" s="498"/>
      <c r="EH4" s="498"/>
      <c r="EI4" s="498"/>
      <c r="EJ4" s="498"/>
      <c r="EK4" s="498"/>
      <c r="EL4" s="498"/>
      <c r="EM4" s="498"/>
      <c r="EN4" s="498"/>
      <c r="EO4" s="498"/>
      <c r="EP4" s="498"/>
      <c r="EQ4" s="498"/>
      <c r="ER4" s="498"/>
      <c r="ES4" s="498"/>
      <c r="ET4" s="498"/>
      <c r="EU4" s="498"/>
      <c r="EV4" s="498"/>
      <c r="EW4" s="498"/>
      <c r="EX4" s="498"/>
      <c r="EY4" s="498"/>
      <c r="EZ4" s="498"/>
      <c r="FA4" s="498"/>
      <c r="FB4" s="498"/>
      <c r="FC4" s="498"/>
      <c r="FD4" s="498"/>
      <c r="FE4" s="498"/>
      <c r="FF4" s="498"/>
      <c r="FG4" s="498"/>
      <c r="FH4" s="498"/>
      <c r="FI4" s="498"/>
      <c r="FJ4" s="498"/>
      <c r="FK4" s="498"/>
      <c r="FL4" s="498"/>
      <c r="FM4" s="498"/>
      <c r="FN4" s="498"/>
      <c r="FO4" s="498"/>
      <c r="FP4" s="498"/>
      <c r="FQ4" s="498"/>
      <c r="FR4" s="498"/>
      <c r="FS4" s="498"/>
      <c r="FT4" s="498"/>
      <c r="FU4" s="498"/>
      <c r="FV4" s="499"/>
      <c r="FW4" s="483" t="s">
        <v>40</v>
      </c>
      <c r="FX4" s="484"/>
      <c r="FY4" s="484"/>
      <c r="FZ4" s="484"/>
      <c r="GA4" s="484"/>
      <c r="GB4" s="484"/>
      <c r="GC4" s="484"/>
      <c r="GD4" s="484"/>
      <c r="GE4" s="484"/>
      <c r="GF4" s="484"/>
      <c r="GG4" s="485"/>
      <c r="GH4" s="483" t="s">
        <v>41</v>
      </c>
      <c r="GI4" s="484"/>
      <c r="GJ4" s="484"/>
      <c r="GK4" s="484"/>
      <c r="GL4" s="484"/>
      <c r="GM4" s="484"/>
      <c r="GN4" s="484"/>
      <c r="GO4" s="484"/>
      <c r="GP4" s="484"/>
      <c r="GQ4" s="484"/>
      <c r="GR4" s="485"/>
      <c r="GS4" s="497" t="s">
        <v>39</v>
      </c>
      <c r="GT4" s="498"/>
      <c r="GU4" s="498"/>
      <c r="GV4" s="498"/>
      <c r="GW4" s="498"/>
      <c r="GX4" s="498"/>
      <c r="GY4" s="498"/>
      <c r="GZ4" s="498"/>
      <c r="HA4" s="498"/>
      <c r="HB4" s="498"/>
      <c r="HC4" s="498"/>
      <c r="HD4" s="498"/>
      <c r="HE4" s="498"/>
      <c r="HF4" s="498"/>
      <c r="HG4" s="498"/>
      <c r="HH4" s="498"/>
      <c r="HI4" s="498"/>
      <c r="HJ4" s="498"/>
      <c r="HK4" s="498"/>
      <c r="HL4" s="498"/>
      <c r="HM4" s="498"/>
      <c r="HN4" s="498"/>
      <c r="HO4" s="498"/>
      <c r="HP4" s="498"/>
      <c r="HQ4" s="498"/>
      <c r="HR4" s="498"/>
      <c r="HS4" s="498"/>
      <c r="HT4" s="498"/>
      <c r="HU4" s="498"/>
      <c r="HV4" s="498"/>
      <c r="HW4" s="498"/>
      <c r="HX4" s="498"/>
      <c r="HY4" s="498"/>
      <c r="HZ4" s="498"/>
      <c r="IA4" s="498"/>
      <c r="IB4" s="498"/>
      <c r="IC4" s="498"/>
      <c r="ID4" s="498"/>
      <c r="IE4" s="498"/>
      <c r="IF4" s="498"/>
      <c r="IG4" s="498"/>
      <c r="IH4" s="498"/>
      <c r="II4" s="498"/>
      <c r="IJ4" s="498"/>
      <c r="IK4" s="498"/>
      <c r="IL4" s="498"/>
      <c r="IM4" s="498"/>
      <c r="IN4" s="498"/>
      <c r="IO4" s="498"/>
      <c r="IP4" s="498"/>
      <c r="IQ4" s="498"/>
      <c r="IR4" s="498"/>
      <c r="IS4" s="498"/>
      <c r="IT4" s="498"/>
      <c r="IU4" s="498"/>
      <c r="IV4" s="498"/>
      <c r="IW4" s="498"/>
      <c r="IX4" s="498"/>
      <c r="IY4" s="498"/>
      <c r="IZ4" s="498"/>
      <c r="JA4" s="498"/>
      <c r="JB4" s="498"/>
      <c r="JC4" s="498"/>
      <c r="JD4" s="498"/>
      <c r="JE4" s="498"/>
      <c r="JF4" s="498"/>
      <c r="JG4" s="498"/>
      <c r="JH4" s="498"/>
      <c r="JI4" s="498"/>
      <c r="JJ4" s="498"/>
      <c r="JK4" s="498"/>
      <c r="JL4" s="498"/>
      <c r="JM4" s="498"/>
      <c r="JN4" s="498"/>
      <c r="JO4" s="498"/>
      <c r="JP4" s="498"/>
      <c r="JQ4" s="499"/>
      <c r="JR4" s="483" t="s">
        <v>40</v>
      </c>
      <c r="JS4" s="484"/>
      <c r="JT4" s="484"/>
      <c r="JU4" s="484"/>
      <c r="JV4" s="484"/>
      <c r="JW4" s="484"/>
      <c r="JX4" s="484"/>
      <c r="JY4" s="484"/>
      <c r="JZ4" s="484"/>
      <c r="KA4" s="484"/>
      <c r="KB4" s="485"/>
      <c r="KC4" s="483" t="s">
        <v>41</v>
      </c>
      <c r="KD4" s="484"/>
      <c r="KE4" s="484"/>
      <c r="KF4" s="484"/>
      <c r="KG4" s="484"/>
      <c r="KH4" s="484"/>
      <c r="KI4" s="484"/>
      <c r="KJ4" s="484"/>
      <c r="KK4" s="484"/>
      <c r="KL4" s="484"/>
      <c r="KM4" s="485"/>
    </row>
    <row r="5" spans="2:299" ht="21" customHeight="1" thickBot="1" x14ac:dyDescent="0.25">
      <c r="B5" s="489"/>
      <c r="C5" s="489"/>
      <c r="D5" s="490"/>
      <c r="E5" s="490"/>
      <c r="F5" s="490"/>
      <c r="G5" s="490"/>
      <c r="H5" s="490"/>
      <c r="I5" s="490"/>
      <c r="J5" s="490"/>
      <c r="K5" s="490"/>
      <c r="L5" s="490"/>
      <c r="M5" s="491"/>
      <c r="N5" s="492" t="s">
        <v>97</v>
      </c>
      <c r="O5" s="493"/>
      <c r="P5" s="493"/>
      <c r="Q5" s="493"/>
      <c r="R5" s="493"/>
      <c r="S5" s="493"/>
      <c r="T5" s="493"/>
      <c r="U5" s="493"/>
      <c r="V5" s="493"/>
      <c r="W5" s="493"/>
      <c r="X5" s="494"/>
      <c r="Y5" s="492" t="s">
        <v>98</v>
      </c>
      <c r="Z5" s="493"/>
      <c r="AA5" s="493"/>
      <c r="AB5" s="493"/>
      <c r="AC5" s="493"/>
      <c r="AD5" s="493"/>
      <c r="AE5" s="493"/>
      <c r="AF5" s="493"/>
      <c r="AG5" s="493"/>
      <c r="AH5" s="493"/>
      <c r="AI5" s="494"/>
      <c r="AJ5" s="492" t="s">
        <v>99</v>
      </c>
      <c r="AK5" s="493"/>
      <c r="AL5" s="493"/>
      <c r="AM5" s="493"/>
      <c r="AN5" s="493"/>
      <c r="AO5" s="493"/>
      <c r="AP5" s="493"/>
      <c r="AQ5" s="493"/>
      <c r="AR5" s="493"/>
      <c r="AS5" s="493"/>
      <c r="AT5" s="494"/>
      <c r="AU5" s="492" t="s">
        <v>100</v>
      </c>
      <c r="AV5" s="493"/>
      <c r="AW5" s="493"/>
      <c r="AX5" s="493"/>
      <c r="AY5" s="493"/>
      <c r="AZ5" s="493"/>
      <c r="BA5" s="493"/>
      <c r="BB5" s="493"/>
      <c r="BC5" s="493"/>
      <c r="BD5" s="493"/>
      <c r="BE5" s="494"/>
      <c r="BF5" s="492" t="s">
        <v>101</v>
      </c>
      <c r="BG5" s="493"/>
      <c r="BH5" s="493"/>
      <c r="BI5" s="493"/>
      <c r="BJ5" s="493"/>
      <c r="BK5" s="493"/>
      <c r="BL5" s="493"/>
      <c r="BM5" s="493"/>
      <c r="BN5" s="493"/>
      <c r="BO5" s="493"/>
      <c r="BP5" s="494"/>
      <c r="BQ5" s="492" t="s">
        <v>102</v>
      </c>
      <c r="BR5" s="493"/>
      <c r="BS5" s="493"/>
      <c r="BT5" s="493"/>
      <c r="BU5" s="493"/>
      <c r="BV5" s="493"/>
      <c r="BW5" s="493"/>
      <c r="BX5" s="493"/>
      <c r="BY5" s="493"/>
      <c r="BZ5" s="493"/>
      <c r="CA5" s="494"/>
      <c r="CB5" s="486"/>
      <c r="CC5" s="487"/>
      <c r="CD5" s="487"/>
      <c r="CE5" s="487"/>
      <c r="CF5" s="487"/>
      <c r="CG5" s="487"/>
      <c r="CH5" s="487"/>
      <c r="CI5" s="487"/>
      <c r="CJ5" s="487"/>
      <c r="CK5" s="487"/>
      <c r="CL5" s="488"/>
      <c r="CM5" s="486"/>
      <c r="CN5" s="487"/>
      <c r="CO5" s="487"/>
      <c r="CP5" s="487"/>
      <c r="CQ5" s="487"/>
      <c r="CR5" s="487"/>
      <c r="CS5" s="487"/>
      <c r="CT5" s="487"/>
      <c r="CU5" s="487"/>
      <c r="CV5" s="487"/>
      <c r="CW5" s="488"/>
      <c r="CX5" s="489"/>
      <c r="CY5" s="490"/>
      <c r="CZ5" s="490"/>
      <c r="DA5" s="490"/>
      <c r="DB5" s="490"/>
      <c r="DC5" s="490"/>
      <c r="DD5" s="490"/>
      <c r="DE5" s="490"/>
      <c r="DF5" s="490"/>
      <c r="DG5" s="490"/>
      <c r="DH5" s="491"/>
      <c r="DI5" s="492" t="s">
        <v>97</v>
      </c>
      <c r="DJ5" s="493"/>
      <c r="DK5" s="493"/>
      <c r="DL5" s="493"/>
      <c r="DM5" s="493"/>
      <c r="DN5" s="493"/>
      <c r="DO5" s="493"/>
      <c r="DP5" s="493"/>
      <c r="DQ5" s="493"/>
      <c r="DR5" s="493"/>
      <c r="DS5" s="494"/>
      <c r="DT5" s="492" t="s">
        <v>98</v>
      </c>
      <c r="DU5" s="493"/>
      <c r="DV5" s="493"/>
      <c r="DW5" s="493"/>
      <c r="DX5" s="493"/>
      <c r="DY5" s="493"/>
      <c r="DZ5" s="493"/>
      <c r="EA5" s="493"/>
      <c r="EB5" s="493"/>
      <c r="EC5" s="493"/>
      <c r="ED5" s="494"/>
      <c r="EE5" s="492" t="s">
        <v>99</v>
      </c>
      <c r="EF5" s="493"/>
      <c r="EG5" s="493"/>
      <c r="EH5" s="493"/>
      <c r="EI5" s="493"/>
      <c r="EJ5" s="493"/>
      <c r="EK5" s="493"/>
      <c r="EL5" s="493"/>
      <c r="EM5" s="493"/>
      <c r="EN5" s="493"/>
      <c r="EO5" s="494"/>
      <c r="EP5" s="492" t="s">
        <v>100</v>
      </c>
      <c r="EQ5" s="493"/>
      <c r="ER5" s="493"/>
      <c r="ES5" s="493"/>
      <c r="ET5" s="493"/>
      <c r="EU5" s="493"/>
      <c r="EV5" s="493"/>
      <c r="EW5" s="493"/>
      <c r="EX5" s="493"/>
      <c r="EY5" s="493"/>
      <c r="EZ5" s="494"/>
      <c r="FA5" s="492" t="s">
        <v>101</v>
      </c>
      <c r="FB5" s="493"/>
      <c r="FC5" s="493"/>
      <c r="FD5" s="493"/>
      <c r="FE5" s="493"/>
      <c r="FF5" s="493"/>
      <c r="FG5" s="493"/>
      <c r="FH5" s="493"/>
      <c r="FI5" s="493"/>
      <c r="FJ5" s="493"/>
      <c r="FK5" s="494"/>
      <c r="FL5" s="492" t="s">
        <v>102</v>
      </c>
      <c r="FM5" s="493"/>
      <c r="FN5" s="493"/>
      <c r="FO5" s="493"/>
      <c r="FP5" s="493"/>
      <c r="FQ5" s="493"/>
      <c r="FR5" s="493"/>
      <c r="FS5" s="493"/>
      <c r="FT5" s="493"/>
      <c r="FU5" s="493"/>
      <c r="FV5" s="494"/>
      <c r="FW5" s="486"/>
      <c r="FX5" s="487"/>
      <c r="FY5" s="487"/>
      <c r="FZ5" s="487"/>
      <c r="GA5" s="487"/>
      <c r="GB5" s="487"/>
      <c r="GC5" s="487"/>
      <c r="GD5" s="487"/>
      <c r="GE5" s="487"/>
      <c r="GF5" s="487"/>
      <c r="GG5" s="488"/>
      <c r="GH5" s="486"/>
      <c r="GI5" s="487"/>
      <c r="GJ5" s="487"/>
      <c r="GK5" s="487"/>
      <c r="GL5" s="487"/>
      <c r="GM5" s="487"/>
      <c r="GN5" s="487"/>
      <c r="GO5" s="487"/>
      <c r="GP5" s="487"/>
      <c r="GQ5" s="487"/>
      <c r="GR5" s="488"/>
      <c r="GS5" s="489"/>
      <c r="GT5" s="490"/>
      <c r="GU5" s="490"/>
      <c r="GV5" s="490"/>
      <c r="GW5" s="490"/>
      <c r="GX5" s="490"/>
      <c r="GY5" s="490"/>
      <c r="GZ5" s="490"/>
      <c r="HA5" s="490"/>
      <c r="HB5" s="490"/>
      <c r="HC5" s="491"/>
      <c r="HD5" s="492" t="s">
        <v>97</v>
      </c>
      <c r="HE5" s="493"/>
      <c r="HF5" s="493"/>
      <c r="HG5" s="493"/>
      <c r="HH5" s="493"/>
      <c r="HI5" s="493"/>
      <c r="HJ5" s="493"/>
      <c r="HK5" s="493"/>
      <c r="HL5" s="493"/>
      <c r="HM5" s="493"/>
      <c r="HN5" s="494"/>
      <c r="HO5" s="492" t="s">
        <v>98</v>
      </c>
      <c r="HP5" s="493"/>
      <c r="HQ5" s="493"/>
      <c r="HR5" s="493"/>
      <c r="HS5" s="493"/>
      <c r="HT5" s="493"/>
      <c r="HU5" s="493"/>
      <c r="HV5" s="493"/>
      <c r="HW5" s="493"/>
      <c r="HX5" s="493"/>
      <c r="HY5" s="494"/>
      <c r="HZ5" s="492" t="s">
        <v>99</v>
      </c>
      <c r="IA5" s="493"/>
      <c r="IB5" s="493"/>
      <c r="IC5" s="493"/>
      <c r="ID5" s="493"/>
      <c r="IE5" s="493"/>
      <c r="IF5" s="493"/>
      <c r="IG5" s="493"/>
      <c r="IH5" s="493"/>
      <c r="II5" s="493"/>
      <c r="IJ5" s="494"/>
      <c r="IK5" s="492" t="s">
        <v>100</v>
      </c>
      <c r="IL5" s="493"/>
      <c r="IM5" s="493"/>
      <c r="IN5" s="493"/>
      <c r="IO5" s="493"/>
      <c r="IP5" s="493"/>
      <c r="IQ5" s="493"/>
      <c r="IR5" s="493"/>
      <c r="IS5" s="493"/>
      <c r="IT5" s="493"/>
      <c r="IU5" s="494"/>
      <c r="IV5" s="492" t="s">
        <v>101</v>
      </c>
      <c r="IW5" s="493"/>
      <c r="IX5" s="493"/>
      <c r="IY5" s="493"/>
      <c r="IZ5" s="493"/>
      <c r="JA5" s="493"/>
      <c r="JB5" s="493"/>
      <c r="JC5" s="493"/>
      <c r="JD5" s="493"/>
      <c r="JE5" s="493"/>
      <c r="JF5" s="494"/>
      <c r="JG5" s="492" t="s">
        <v>102</v>
      </c>
      <c r="JH5" s="493"/>
      <c r="JI5" s="493"/>
      <c r="JJ5" s="493"/>
      <c r="JK5" s="493"/>
      <c r="JL5" s="493"/>
      <c r="JM5" s="493"/>
      <c r="JN5" s="493"/>
      <c r="JO5" s="493"/>
      <c r="JP5" s="493"/>
      <c r="JQ5" s="494"/>
      <c r="JR5" s="486"/>
      <c r="JS5" s="487"/>
      <c r="JT5" s="487"/>
      <c r="JU5" s="487"/>
      <c r="JV5" s="487"/>
      <c r="JW5" s="487"/>
      <c r="JX5" s="487"/>
      <c r="JY5" s="487"/>
      <c r="JZ5" s="487"/>
      <c r="KA5" s="487"/>
      <c r="KB5" s="488"/>
      <c r="KC5" s="486"/>
      <c r="KD5" s="487"/>
      <c r="KE5" s="487"/>
      <c r="KF5" s="487"/>
      <c r="KG5" s="487"/>
      <c r="KH5" s="487"/>
      <c r="KI5" s="487"/>
      <c r="KJ5" s="487"/>
      <c r="KK5" s="487"/>
      <c r="KL5" s="487"/>
      <c r="KM5" s="488"/>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20348</v>
      </c>
      <c r="D7" s="68">
        <v>20945</v>
      </c>
      <c r="E7" s="69">
        <v>41293</v>
      </c>
      <c r="F7" s="227"/>
      <c r="G7" s="68">
        <v>30806</v>
      </c>
      <c r="H7" s="68">
        <v>30605</v>
      </c>
      <c r="I7" s="68">
        <v>20689</v>
      </c>
      <c r="J7" s="68">
        <v>17401</v>
      </c>
      <c r="K7" s="68">
        <v>10659</v>
      </c>
      <c r="L7" s="70">
        <v>110160</v>
      </c>
      <c r="M7" s="71">
        <v>151453</v>
      </c>
      <c r="N7" s="56">
        <v>832</v>
      </c>
      <c r="O7" s="57">
        <v>1033</v>
      </c>
      <c r="P7" s="58">
        <v>1865</v>
      </c>
      <c r="Q7" s="230"/>
      <c r="R7" s="57">
        <v>1336</v>
      </c>
      <c r="S7" s="57">
        <v>1531</v>
      </c>
      <c r="T7" s="57">
        <v>1019</v>
      </c>
      <c r="U7" s="57">
        <v>946</v>
      </c>
      <c r="V7" s="57">
        <v>717</v>
      </c>
      <c r="W7" s="58">
        <v>5549</v>
      </c>
      <c r="X7" s="59">
        <v>7414</v>
      </c>
      <c r="Y7" s="56">
        <v>1907</v>
      </c>
      <c r="Z7" s="57">
        <v>2339</v>
      </c>
      <c r="AA7" s="58">
        <v>4246</v>
      </c>
      <c r="AB7" s="230"/>
      <c r="AC7" s="57">
        <v>2828</v>
      </c>
      <c r="AD7" s="57">
        <v>3360</v>
      </c>
      <c r="AE7" s="57">
        <v>2171</v>
      </c>
      <c r="AF7" s="57">
        <v>1955</v>
      </c>
      <c r="AG7" s="57">
        <v>1471</v>
      </c>
      <c r="AH7" s="58">
        <v>11785</v>
      </c>
      <c r="AI7" s="59">
        <v>16031</v>
      </c>
      <c r="AJ7" s="56">
        <v>3148</v>
      </c>
      <c r="AK7" s="57">
        <v>3494</v>
      </c>
      <c r="AL7" s="58">
        <v>6642</v>
      </c>
      <c r="AM7" s="230"/>
      <c r="AN7" s="57">
        <v>4841</v>
      </c>
      <c r="AO7" s="57">
        <v>4989</v>
      </c>
      <c r="AP7" s="57">
        <v>3435</v>
      </c>
      <c r="AQ7" s="57">
        <v>2884</v>
      </c>
      <c r="AR7" s="57">
        <v>1985</v>
      </c>
      <c r="AS7" s="58">
        <v>18134</v>
      </c>
      <c r="AT7" s="59">
        <v>24776</v>
      </c>
      <c r="AU7" s="56">
        <v>5318</v>
      </c>
      <c r="AV7" s="57">
        <v>5174</v>
      </c>
      <c r="AW7" s="58">
        <v>10492</v>
      </c>
      <c r="AX7" s="230"/>
      <c r="AY7" s="57">
        <v>7869</v>
      </c>
      <c r="AZ7" s="57">
        <v>7404</v>
      </c>
      <c r="BA7" s="57">
        <v>4796</v>
      </c>
      <c r="BB7" s="57">
        <v>3985</v>
      </c>
      <c r="BC7" s="57">
        <v>2450</v>
      </c>
      <c r="BD7" s="58">
        <v>26504</v>
      </c>
      <c r="BE7" s="59">
        <v>36996</v>
      </c>
      <c r="BF7" s="56">
        <v>5795</v>
      </c>
      <c r="BG7" s="57">
        <v>5353</v>
      </c>
      <c r="BH7" s="58">
        <v>11148</v>
      </c>
      <c r="BI7" s="230"/>
      <c r="BJ7" s="57">
        <v>8367</v>
      </c>
      <c r="BK7" s="57">
        <v>7457</v>
      </c>
      <c r="BL7" s="57">
        <v>5056</v>
      </c>
      <c r="BM7" s="57">
        <v>4145</v>
      </c>
      <c r="BN7" s="57">
        <v>2253</v>
      </c>
      <c r="BO7" s="58">
        <v>27278</v>
      </c>
      <c r="BP7" s="59">
        <v>38426</v>
      </c>
      <c r="BQ7" s="56">
        <v>3348</v>
      </c>
      <c r="BR7" s="57">
        <v>3552</v>
      </c>
      <c r="BS7" s="58">
        <v>6900</v>
      </c>
      <c r="BT7" s="230"/>
      <c r="BU7" s="57">
        <v>5565</v>
      </c>
      <c r="BV7" s="57">
        <v>5864</v>
      </c>
      <c r="BW7" s="57">
        <v>4212</v>
      </c>
      <c r="BX7" s="57">
        <v>3486</v>
      </c>
      <c r="BY7" s="57">
        <v>1783</v>
      </c>
      <c r="BZ7" s="58">
        <v>20910</v>
      </c>
      <c r="CA7" s="59">
        <v>27810</v>
      </c>
      <c r="CB7" s="56">
        <v>524</v>
      </c>
      <c r="CC7" s="57">
        <v>814</v>
      </c>
      <c r="CD7" s="58">
        <v>1338</v>
      </c>
      <c r="CE7" s="230"/>
      <c r="CF7" s="57">
        <v>885</v>
      </c>
      <c r="CG7" s="57">
        <v>1373</v>
      </c>
      <c r="CH7" s="57">
        <v>833</v>
      </c>
      <c r="CI7" s="57">
        <v>800</v>
      </c>
      <c r="CJ7" s="57">
        <v>736</v>
      </c>
      <c r="CK7" s="58">
        <v>4627</v>
      </c>
      <c r="CL7" s="59">
        <v>5965</v>
      </c>
      <c r="CM7" s="56">
        <v>20872</v>
      </c>
      <c r="CN7" s="57">
        <v>21759</v>
      </c>
      <c r="CO7" s="58">
        <v>42631</v>
      </c>
      <c r="CP7" s="230"/>
      <c r="CQ7" s="57">
        <v>31691</v>
      </c>
      <c r="CR7" s="57">
        <v>31978</v>
      </c>
      <c r="CS7" s="57">
        <v>21522</v>
      </c>
      <c r="CT7" s="57">
        <v>18201</v>
      </c>
      <c r="CU7" s="57">
        <v>11395</v>
      </c>
      <c r="CV7" s="58">
        <v>114787</v>
      </c>
      <c r="CW7" s="59">
        <v>157418</v>
      </c>
      <c r="CX7" s="112">
        <v>38917</v>
      </c>
      <c r="CY7" s="68">
        <v>45858</v>
      </c>
      <c r="CZ7" s="69">
        <v>84775</v>
      </c>
      <c r="DA7" s="227"/>
      <c r="DB7" s="68">
        <v>56266</v>
      </c>
      <c r="DC7" s="68">
        <v>53497</v>
      </c>
      <c r="DD7" s="68">
        <v>39458</v>
      </c>
      <c r="DE7" s="68">
        <v>38662</v>
      </c>
      <c r="DF7" s="68">
        <v>25837</v>
      </c>
      <c r="DG7" s="70">
        <v>213720</v>
      </c>
      <c r="DH7" s="71">
        <v>298495</v>
      </c>
      <c r="DI7" s="56">
        <v>827</v>
      </c>
      <c r="DJ7" s="57">
        <v>1079</v>
      </c>
      <c r="DK7" s="58">
        <v>1906</v>
      </c>
      <c r="DL7" s="230"/>
      <c r="DM7" s="57">
        <v>972</v>
      </c>
      <c r="DN7" s="57">
        <v>1062</v>
      </c>
      <c r="DO7" s="57">
        <v>686</v>
      </c>
      <c r="DP7" s="57">
        <v>694</v>
      </c>
      <c r="DQ7" s="57">
        <v>589</v>
      </c>
      <c r="DR7" s="58">
        <v>4003</v>
      </c>
      <c r="DS7" s="59">
        <v>5909</v>
      </c>
      <c r="DT7" s="56">
        <v>2574</v>
      </c>
      <c r="DU7" s="57">
        <v>3061</v>
      </c>
      <c r="DV7" s="58">
        <v>5635</v>
      </c>
      <c r="DW7" s="230"/>
      <c r="DX7" s="57">
        <v>2854</v>
      </c>
      <c r="DY7" s="57">
        <v>2820</v>
      </c>
      <c r="DZ7" s="57">
        <v>1782</v>
      </c>
      <c r="EA7" s="57">
        <v>1760</v>
      </c>
      <c r="EB7" s="57">
        <v>1384</v>
      </c>
      <c r="EC7" s="58">
        <v>10600</v>
      </c>
      <c r="ED7" s="59">
        <v>16235</v>
      </c>
      <c r="EE7" s="56">
        <v>5962</v>
      </c>
      <c r="EF7" s="57">
        <v>6798</v>
      </c>
      <c r="EG7" s="58">
        <v>12760</v>
      </c>
      <c r="EH7" s="230"/>
      <c r="EI7" s="57">
        <v>6694</v>
      </c>
      <c r="EJ7" s="57">
        <v>5705</v>
      </c>
      <c r="EK7" s="57">
        <v>3651</v>
      </c>
      <c r="EL7" s="57">
        <v>3304</v>
      </c>
      <c r="EM7" s="57">
        <v>2730</v>
      </c>
      <c r="EN7" s="58">
        <v>22084</v>
      </c>
      <c r="EO7" s="59">
        <v>34844</v>
      </c>
      <c r="EP7" s="56">
        <v>12022</v>
      </c>
      <c r="EQ7" s="57">
        <v>12570</v>
      </c>
      <c r="ER7" s="58">
        <v>24592</v>
      </c>
      <c r="ES7" s="230"/>
      <c r="ET7" s="57">
        <v>13731</v>
      </c>
      <c r="EU7" s="57">
        <v>11371</v>
      </c>
      <c r="EV7" s="57">
        <v>7363</v>
      </c>
      <c r="EW7" s="57">
        <v>6728</v>
      </c>
      <c r="EX7" s="57">
        <v>4554</v>
      </c>
      <c r="EY7" s="58">
        <v>43747</v>
      </c>
      <c r="EZ7" s="59">
        <v>68339</v>
      </c>
      <c r="FA7" s="56">
        <v>11437</v>
      </c>
      <c r="FB7" s="57">
        <v>13500</v>
      </c>
      <c r="FC7" s="58">
        <v>24937</v>
      </c>
      <c r="FD7" s="230"/>
      <c r="FE7" s="57">
        <v>17212</v>
      </c>
      <c r="FF7" s="57">
        <v>15382</v>
      </c>
      <c r="FG7" s="57">
        <v>10814</v>
      </c>
      <c r="FH7" s="57">
        <v>9738</v>
      </c>
      <c r="FI7" s="57">
        <v>6595</v>
      </c>
      <c r="FJ7" s="58">
        <v>59741</v>
      </c>
      <c r="FK7" s="59">
        <v>84678</v>
      </c>
      <c r="FL7" s="56">
        <v>6095</v>
      </c>
      <c r="FM7" s="57">
        <v>8850</v>
      </c>
      <c r="FN7" s="58">
        <v>14945</v>
      </c>
      <c r="FO7" s="230"/>
      <c r="FP7" s="57">
        <v>14803</v>
      </c>
      <c r="FQ7" s="57">
        <v>17157</v>
      </c>
      <c r="FR7" s="57">
        <v>15162</v>
      </c>
      <c r="FS7" s="57">
        <v>16438</v>
      </c>
      <c r="FT7" s="57">
        <v>9985</v>
      </c>
      <c r="FU7" s="58">
        <v>73545</v>
      </c>
      <c r="FV7" s="59">
        <v>88490</v>
      </c>
      <c r="FW7" s="56">
        <v>389</v>
      </c>
      <c r="FX7" s="57">
        <v>708</v>
      </c>
      <c r="FY7" s="58">
        <v>1097</v>
      </c>
      <c r="FZ7" s="230"/>
      <c r="GA7" s="57">
        <v>677</v>
      </c>
      <c r="GB7" s="57">
        <v>1095</v>
      </c>
      <c r="GC7" s="57">
        <v>634</v>
      </c>
      <c r="GD7" s="57">
        <v>579</v>
      </c>
      <c r="GE7" s="57">
        <v>621</v>
      </c>
      <c r="GF7" s="58">
        <v>3606</v>
      </c>
      <c r="GG7" s="59">
        <v>4703</v>
      </c>
      <c r="GH7" s="56">
        <v>39306</v>
      </c>
      <c r="GI7" s="57">
        <v>46566</v>
      </c>
      <c r="GJ7" s="58">
        <v>85872</v>
      </c>
      <c r="GK7" s="230"/>
      <c r="GL7" s="57">
        <v>56943</v>
      </c>
      <c r="GM7" s="57">
        <v>54592</v>
      </c>
      <c r="GN7" s="57">
        <v>40092</v>
      </c>
      <c r="GO7" s="57">
        <v>39241</v>
      </c>
      <c r="GP7" s="57">
        <v>26458</v>
      </c>
      <c r="GQ7" s="58">
        <v>217326</v>
      </c>
      <c r="GR7" s="59">
        <v>303198</v>
      </c>
      <c r="GS7" s="112">
        <v>59265</v>
      </c>
      <c r="GT7" s="68">
        <v>66803</v>
      </c>
      <c r="GU7" s="69">
        <v>126068</v>
      </c>
      <c r="GV7" s="227"/>
      <c r="GW7" s="68">
        <v>87072</v>
      </c>
      <c r="GX7" s="68">
        <v>84102</v>
      </c>
      <c r="GY7" s="68">
        <v>60147</v>
      </c>
      <c r="GZ7" s="68">
        <v>56063</v>
      </c>
      <c r="HA7" s="68">
        <v>36496</v>
      </c>
      <c r="HB7" s="70">
        <v>323880</v>
      </c>
      <c r="HC7" s="71">
        <v>449948</v>
      </c>
      <c r="HD7" s="56">
        <v>1659</v>
      </c>
      <c r="HE7" s="57">
        <v>2112</v>
      </c>
      <c r="HF7" s="58">
        <v>3771</v>
      </c>
      <c r="HG7" s="230"/>
      <c r="HH7" s="57">
        <v>2308</v>
      </c>
      <c r="HI7" s="57">
        <v>2593</v>
      </c>
      <c r="HJ7" s="57">
        <v>1705</v>
      </c>
      <c r="HK7" s="57">
        <v>1640</v>
      </c>
      <c r="HL7" s="57">
        <v>1306</v>
      </c>
      <c r="HM7" s="58">
        <v>9552</v>
      </c>
      <c r="HN7" s="59">
        <v>13323</v>
      </c>
      <c r="HO7" s="56">
        <v>4481</v>
      </c>
      <c r="HP7" s="57">
        <v>5400</v>
      </c>
      <c r="HQ7" s="58">
        <v>9881</v>
      </c>
      <c r="HR7" s="230"/>
      <c r="HS7" s="57">
        <v>5682</v>
      </c>
      <c r="HT7" s="57">
        <v>6180</v>
      </c>
      <c r="HU7" s="57">
        <v>3953</v>
      </c>
      <c r="HV7" s="57">
        <v>3715</v>
      </c>
      <c r="HW7" s="57">
        <v>2855</v>
      </c>
      <c r="HX7" s="58">
        <v>22385</v>
      </c>
      <c r="HY7" s="59">
        <v>32266</v>
      </c>
      <c r="HZ7" s="56">
        <v>9110</v>
      </c>
      <c r="IA7" s="57">
        <v>10292</v>
      </c>
      <c r="IB7" s="58">
        <v>19402</v>
      </c>
      <c r="IC7" s="230"/>
      <c r="ID7" s="57">
        <v>11535</v>
      </c>
      <c r="IE7" s="57">
        <v>10694</v>
      </c>
      <c r="IF7" s="57">
        <v>7086</v>
      </c>
      <c r="IG7" s="57">
        <v>6188</v>
      </c>
      <c r="IH7" s="57">
        <v>4715</v>
      </c>
      <c r="II7" s="58">
        <v>40218</v>
      </c>
      <c r="IJ7" s="59">
        <v>59620</v>
      </c>
      <c r="IK7" s="56">
        <v>17340</v>
      </c>
      <c r="IL7" s="57">
        <v>17744</v>
      </c>
      <c r="IM7" s="58">
        <v>35084</v>
      </c>
      <c r="IN7" s="230"/>
      <c r="IO7" s="57">
        <v>21600</v>
      </c>
      <c r="IP7" s="57">
        <v>18775</v>
      </c>
      <c r="IQ7" s="57">
        <v>12159</v>
      </c>
      <c r="IR7" s="57">
        <v>10713</v>
      </c>
      <c r="IS7" s="57">
        <v>7004</v>
      </c>
      <c r="IT7" s="58">
        <v>70251</v>
      </c>
      <c r="IU7" s="59">
        <v>105335</v>
      </c>
      <c r="IV7" s="56">
        <v>17232</v>
      </c>
      <c r="IW7" s="57">
        <v>18853</v>
      </c>
      <c r="IX7" s="58">
        <v>36085</v>
      </c>
      <c r="IY7" s="230"/>
      <c r="IZ7" s="57">
        <v>25579</v>
      </c>
      <c r="JA7" s="57">
        <v>22839</v>
      </c>
      <c r="JB7" s="57">
        <v>15870</v>
      </c>
      <c r="JC7" s="57">
        <v>13883</v>
      </c>
      <c r="JD7" s="57">
        <v>8848</v>
      </c>
      <c r="JE7" s="58">
        <v>87019</v>
      </c>
      <c r="JF7" s="59">
        <v>123104</v>
      </c>
      <c r="JG7" s="56">
        <v>9443</v>
      </c>
      <c r="JH7" s="57">
        <v>12402</v>
      </c>
      <c r="JI7" s="58">
        <v>21845</v>
      </c>
      <c r="JJ7" s="230"/>
      <c r="JK7" s="57">
        <v>20368</v>
      </c>
      <c r="JL7" s="57">
        <v>23021</v>
      </c>
      <c r="JM7" s="57">
        <v>19374</v>
      </c>
      <c r="JN7" s="57">
        <v>19924</v>
      </c>
      <c r="JO7" s="57">
        <v>11768</v>
      </c>
      <c r="JP7" s="58">
        <v>94455</v>
      </c>
      <c r="JQ7" s="59">
        <v>116300</v>
      </c>
      <c r="JR7" s="56">
        <v>913</v>
      </c>
      <c r="JS7" s="57">
        <v>1522</v>
      </c>
      <c r="JT7" s="58">
        <v>2435</v>
      </c>
      <c r="JU7" s="230"/>
      <c r="JV7" s="57">
        <v>1562</v>
      </c>
      <c r="JW7" s="57">
        <v>2468</v>
      </c>
      <c r="JX7" s="57">
        <v>1467</v>
      </c>
      <c r="JY7" s="57">
        <v>1379</v>
      </c>
      <c r="JZ7" s="57">
        <v>1357</v>
      </c>
      <c r="KA7" s="58">
        <v>8233</v>
      </c>
      <c r="KB7" s="59">
        <v>10668</v>
      </c>
      <c r="KC7" s="56">
        <v>60178</v>
      </c>
      <c r="KD7" s="57">
        <v>68325</v>
      </c>
      <c r="KE7" s="58">
        <v>128503</v>
      </c>
      <c r="KF7" s="230"/>
      <c r="KG7" s="57">
        <v>88634</v>
      </c>
      <c r="KH7" s="57">
        <v>86570</v>
      </c>
      <c r="KI7" s="57">
        <v>61614</v>
      </c>
      <c r="KJ7" s="57">
        <v>57442</v>
      </c>
      <c r="KK7" s="57">
        <v>37853</v>
      </c>
      <c r="KL7" s="58">
        <v>332113</v>
      </c>
      <c r="KM7" s="59">
        <v>460616</v>
      </c>
    </row>
    <row r="8" spans="2:299" ht="21" customHeight="1" x14ac:dyDescent="0.2">
      <c r="B8" s="471" t="s">
        <v>5</v>
      </c>
      <c r="C8" s="293">
        <v>8044</v>
      </c>
      <c r="D8" s="72">
        <v>9871</v>
      </c>
      <c r="E8" s="73">
        <v>17915</v>
      </c>
      <c r="F8" s="228"/>
      <c r="G8" s="72">
        <v>10127</v>
      </c>
      <c r="H8" s="72">
        <v>13592</v>
      </c>
      <c r="I8" s="72">
        <v>8796</v>
      </c>
      <c r="J8" s="72">
        <v>7209</v>
      </c>
      <c r="K8" s="72">
        <v>4404</v>
      </c>
      <c r="L8" s="74">
        <v>44128</v>
      </c>
      <c r="M8" s="75">
        <v>62043</v>
      </c>
      <c r="N8" s="60">
        <v>307</v>
      </c>
      <c r="O8" s="61">
        <v>479</v>
      </c>
      <c r="P8" s="62">
        <v>786</v>
      </c>
      <c r="Q8" s="231"/>
      <c r="R8" s="61">
        <v>414</v>
      </c>
      <c r="S8" s="61">
        <v>680</v>
      </c>
      <c r="T8" s="61">
        <v>445</v>
      </c>
      <c r="U8" s="61">
        <v>388</v>
      </c>
      <c r="V8" s="61">
        <v>303</v>
      </c>
      <c r="W8" s="62">
        <v>2230</v>
      </c>
      <c r="X8" s="63">
        <v>3016</v>
      </c>
      <c r="Y8" s="60">
        <v>733</v>
      </c>
      <c r="Z8" s="61">
        <v>1047</v>
      </c>
      <c r="AA8" s="62">
        <v>1780</v>
      </c>
      <c r="AB8" s="231"/>
      <c r="AC8" s="61">
        <v>837</v>
      </c>
      <c r="AD8" s="61">
        <v>1529</v>
      </c>
      <c r="AE8" s="61">
        <v>930</v>
      </c>
      <c r="AF8" s="61">
        <v>811</v>
      </c>
      <c r="AG8" s="61">
        <v>592</v>
      </c>
      <c r="AH8" s="62">
        <v>4699</v>
      </c>
      <c r="AI8" s="63">
        <v>6479</v>
      </c>
      <c r="AJ8" s="60">
        <v>1193</v>
      </c>
      <c r="AK8" s="61">
        <v>1613</v>
      </c>
      <c r="AL8" s="62">
        <v>2806</v>
      </c>
      <c r="AM8" s="231"/>
      <c r="AN8" s="61">
        <v>1523</v>
      </c>
      <c r="AO8" s="61">
        <v>2168</v>
      </c>
      <c r="AP8" s="61">
        <v>1447</v>
      </c>
      <c r="AQ8" s="61">
        <v>1153</v>
      </c>
      <c r="AR8" s="61">
        <v>814</v>
      </c>
      <c r="AS8" s="62">
        <v>7105</v>
      </c>
      <c r="AT8" s="63">
        <v>9911</v>
      </c>
      <c r="AU8" s="60">
        <v>2048</v>
      </c>
      <c r="AV8" s="61">
        <v>2408</v>
      </c>
      <c r="AW8" s="62">
        <v>4456</v>
      </c>
      <c r="AX8" s="231"/>
      <c r="AY8" s="61">
        <v>2489</v>
      </c>
      <c r="AZ8" s="61">
        <v>3148</v>
      </c>
      <c r="BA8" s="61">
        <v>1943</v>
      </c>
      <c r="BB8" s="61">
        <v>1626</v>
      </c>
      <c r="BC8" s="61">
        <v>1015</v>
      </c>
      <c r="BD8" s="62">
        <v>10221</v>
      </c>
      <c r="BE8" s="63">
        <v>14677</v>
      </c>
      <c r="BF8" s="60">
        <v>2392</v>
      </c>
      <c r="BG8" s="61">
        <v>2540</v>
      </c>
      <c r="BH8" s="62">
        <v>4932</v>
      </c>
      <c r="BI8" s="231"/>
      <c r="BJ8" s="61">
        <v>2915</v>
      </c>
      <c r="BK8" s="61">
        <v>3341</v>
      </c>
      <c r="BL8" s="61">
        <v>2165</v>
      </c>
      <c r="BM8" s="61">
        <v>1751</v>
      </c>
      <c r="BN8" s="61">
        <v>899</v>
      </c>
      <c r="BO8" s="62">
        <v>11071</v>
      </c>
      <c r="BP8" s="63">
        <v>16003</v>
      </c>
      <c r="BQ8" s="60">
        <v>1371</v>
      </c>
      <c r="BR8" s="61">
        <v>1784</v>
      </c>
      <c r="BS8" s="62">
        <v>3155</v>
      </c>
      <c r="BT8" s="231"/>
      <c r="BU8" s="61">
        <v>1949</v>
      </c>
      <c r="BV8" s="61">
        <v>2726</v>
      </c>
      <c r="BW8" s="61">
        <v>1866</v>
      </c>
      <c r="BX8" s="61">
        <v>1480</v>
      </c>
      <c r="BY8" s="61">
        <v>781</v>
      </c>
      <c r="BZ8" s="62">
        <v>8802</v>
      </c>
      <c r="CA8" s="63">
        <v>11957</v>
      </c>
      <c r="CB8" s="60">
        <v>179</v>
      </c>
      <c r="CC8" s="61">
        <v>356</v>
      </c>
      <c r="CD8" s="62">
        <v>535</v>
      </c>
      <c r="CE8" s="231"/>
      <c r="CF8" s="61">
        <v>249</v>
      </c>
      <c r="CG8" s="61">
        <v>611</v>
      </c>
      <c r="CH8" s="61">
        <v>369</v>
      </c>
      <c r="CI8" s="61">
        <v>331</v>
      </c>
      <c r="CJ8" s="61">
        <v>333</v>
      </c>
      <c r="CK8" s="62">
        <v>1893</v>
      </c>
      <c r="CL8" s="63">
        <v>2428</v>
      </c>
      <c r="CM8" s="60">
        <v>8223</v>
      </c>
      <c r="CN8" s="61">
        <v>10227</v>
      </c>
      <c r="CO8" s="62">
        <v>18450</v>
      </c>
      <c r="CP8" s="231"/>
      <c r="CQ8" s="61">
        <v>10376</v>
      </c>
      <c r="CR8" s="61">
        <v>14203</v>
      </c>
      <c r="CS8" s="61">
        <v>9165</v>
      </c>
      <c r="CT8" s="61">
        <v>7540</v>
      </c>
      <c r="CU8" s="61">
        <v>4737</v>
      </c>
      <c r="CV8" s="62">
        <v>46021</v>
      </c>
      <c r="CW8" s="63">
        <v>64471</v>
      </c>
      <c r="CX8" s="113">
        <v>14999</v>
      </c>
      <c r="CY8" s="72">
        <v>20539</v>
      </c>
      <c r="CZ8" s="73">
        <v>35538</v>
      </c>
      <c r="DA8" s="228"/>
      <c r="DB8" s="72">
        <v>19412</v>
      </c>
      <c r="DC8" s="72">
        <v>24362</v>
      </c>
      <c r="DD8" s="72">
        <v>16407</v>
      </c>
      <c r="DE8" s="72">
        <v>16031</v>
      </c>
      <c r="DF8" s="72">
        <v>10714</v>
      </c>
      <c r="DG8" s="74">
        <v>86926</v>
      </c>
      <c r="DH8" s="75">
        <v>122464</v>
      </c>
      <c r="DI8" s="60">
        <v>314</v>
      </c>
      <c r="DJ8" s="61">
        <v>471</v>
      </c>
      <c r="DK8" s="62">
        <v>785</v>
      </c>
      <c r="DL8" s="231"/>
      <c r="DM8" s="61">
        <v>279</v>
      </c>
      <c r="DN8" s="61">
        <v>491</v>
      </c>
      <c r="DO8" s="61">
        <v>265</v>
      </c>
      <c r="DP8" s="61">
        <v>298</v>
      </c>
      <c r="DQ8" s="61">
        <v>231</v>
      </c>
      <c r="DR8" s="62">
        <v>1564</v>
      </c>
      <c r="DS8" s="63">
        <v>2349</v>
      </c>
      <c r="DT8" s="60">
        <v>928</v>
      </c>
      <c r="DU8" s="61">
        <v>1359</v>
      </c>
      <c r="DV8" s="62">
        <v>2287</v>
      </c>
      <c r="DW8" s="231"/>
      <c r="DX8" s="61">
        <v>847</v>
      </c>
      <c r="DY8" s="61">
        <v>1236</v>
      </c>
      <c r="DZ8" s="61">
        <v>745</v>
      </c>
      <c r="EA8" s="61">
        <v>728</v>
      </c>
      <c r="EB8" s="61">
        <v>609</v>
      </c>
      <c r="EC8" s="62">
        <v>4165</v>
      </c>
      <c r="ED8" s="63">
        <v>6452</v>
      </c>
      <c r="EE8" s="60">
        <v>2283</v>
      </c>
      <c r="EF8" s="61">
        <v>2977</v>
      </c>
      <c r="EG8" s="62">
        <v>5260</v>
      </c>
      <c r="EH8" s="231"/>
      <c r="EI8" s="61">
        <v>2208</v>
      </c>
      <c r="EJ8" s="61">
        <v>2463</v>
      </c>
      <c r="EK8" s="61">
        <v>1450</v>
      </c>
      <c r="EL8" s="61">
        <v>1273</v>
      </c>
      <c r="EM8" s="61">
        <v>1130</v>
      </c>
      <c r="EN8" s="62">
        <v>8524</v>
      </c>
      <c r="EO8" s="63">
        <v>13784</v>
      </c>
      <c r="EP8" s="60">
        <v>4639</v>
      </c>
      <c r="EQ8" s="61">
        <v>5477</v>
      </c>
      <c r="ER8" s="62">
        <v>10116</v>
      </c>
      <c r="ES8" s="231"/>
      <c r="ET8" s="61">
        <v>4760</v>
      </c>
      <c r="EU8" s="61">
        <v>5157</v>
      </c>
      <c r="EV8" s="61">
        <v>2958</v>
      </c>
      <c r="EW8" s="61">
        <v>2769</v>
      </c>
      <c r="EX8" s="61">
        <v>1789</v>
      </c>
      <c r="EY8" s="62">
        <v>17433</v>
      </c>
      <c r="EZ8" s="63">
        <v>27549</v>
      </c>
      <c r="FA8" s="60">
        <v>4472</v>
      </c>
      <c r="FB8" s="61">
        <v>6200</v>
      </c>
      <c r="FC8" s="62">
        <v>10672</v>
      </c>
      <c r="FD8" s="231"/>
      <c r="FE8" s="61">
        <v>6165</v>
      </c>
      <c r="FF8" s="61">
        <v>7115</v>
      </c>
      <c r="FG8" s="61">
        <v>4538</v>
      </c>
      <c r="FH8" s="61">
        <v>4137</v>
      </c>
      <c r="FI8" s="61">
        <v>2750</v>
      </c>
      <c r="FJ8" s="62">
        <v>24705</v>
      </c>
      <c r="FK8" s="63">
        <v>35377</v>
      </c>
      <c r="FL8" s="60">
        <v>2363</v>
      </c>
      <c r="FM8" s="61">
        <v>4055</v>
      </c>
      <c r="FN8" s="62">
        <v>6418</v>
      </c>
      <c r="FO8" s="231"/>
      <c r="FP8" s="61">
        <v>5153</v>
      </c>
      <c r="FQ8" s="61">
        <v>7900</v>
      </c>
      <c r="FR8" s="61">
        <v>6451</v>
      </c>
      <c r="FS8" s="61">
        <v>6826</v>
      </c>
      <c r="FT8" s="61">
        <v>4205</v>
      </c>
      <c r="FU8" s="62">
        <v>30535</v>
      </c>
      <c r="FV8" s="63">
        <v>36953</v>
      </c>
      <c r="FW8" s="60">
        <v>149</v>
      </c>
      <c r="FX8" s="61">
        <v>294</v>
      </c>
      <c r="FY8" s="62">
        <v>443</v>
      </c>
      <c r="FZ8" s="231"/>
      <c r="GA8" s="61">
        <v>192</v>
      </c>
      <c r="GB8" s="61">
        <v>492</v>
      </c>
      <c r="GC8" s="61">
        <v>269</v>
      </c>
      <c r="GD8" s="61">
        <v>236</v>
      </c>
      <c r="GE8" s="61">
        <v>263</v>
      </c>
      <c r="GF8" s="62">
        <v>1452</v>
      </c>
      <c r="GG8" s="63">
        <v>1895</v>
      </c>
      <c r="GH8" s="60">
        <v>15148</v>
      </c>
      <c r="GI8" s="61">
        <v>20833</v>
      </c>
      <c r="GJ8" s="62">
        <v>35981</v>
      </c>
      <c r="GK8" s="231"/>
      <c r="GL8" s="61">
        <v>19604</v>
      </c>
      <c r="GM8" s="61">
        <v>24854</v>
      </c>
      <c r="GN8" s="61">
        <v>16676</v>
      </c>
      <c r="GO8" s="61">
        <v>16267</v>
      </c>
      <c r="GP8" s="61">
        <v>10977</v>
      </c>
      <c r="GQ8" s="62">
        <v>88378</v>
      </c>
      <c r="GR8" s="63">
        <v>124359</v>
      </c>
      <c r="GS8" s="113">
        <v>23043</v>
      </c>
      <c r="GT8" s="72">
        <v>30410</v>
      </c>
      <c r="GU8" s="73">
        <v>53453</v>
      </c>
      <c r="GV8" s="228"/>
      <c r="GW8" s="72">
        <v>29539</v>
      </c>
      <c r="GX8" s="72">
        <v>37954</v>
      </c>
      <c r="GY8" s="72">
        <v>25203</v>
      </c>
      <c r="GZ8" s="72">
        <v>23240</v>
      </c>
      <c r="HA8" s="72">
        <v>15118</v>
      </c>
      <c r="HB8" s="74">
        <v>131054</v>
      </c>
      <c r="HC8" s="75">
        <v>184507</v>
      </c>
      <c r="HD8" s="60">
        <v>621</v>
      </c>
      <c r="HE8" s="61">
        <v>950</v>
      </c>
      <c r="HF8" s="62">
        <v>1571</v>
      </c>
      <c r="HG8" s="231"/>
      <c r="HH8" s="61">
        <v>693</v>
      </c>
      <c r="HI8" s="61">
        <v>1171</v>
      </c>
      <c r="HJ8" s="61">
        <v>710</v>
      </c>
      <c r="HK8" s="61">
        <v>686</v>
      </c>
      <c r="HL8" s="61">
        <v>534</v>
      </c>
      <c r="HM8" s="62">
        <v>3794</v>
      </c>
      <c r="HN8" s="63">
        <v>5365</v>
      </c>
      <c r="HO8" s="60">
        <v>1661</v>
      </c>
      <c r="HP8" s="61">
        <v>2406</v>
      </c>
      <c r="HQ8" s="62">
        <v>4067</v>
      </c>
      <c r="HR8" s="231"/>
      <c r="HS8" s="61">
        <v>1684</v>
      </c>
      <c r="HT8" s="61">
        <v>2765</v>
      </c>
      <c r="HU8" s="61">
        <v>1675</v>
      </c>
      <c r="HV8" s="61">
        <v>1539</v>
      </c>
      <c r="HW8" s="61">
        <v>1201</v>
      </c>
      <c r="HX8" s="62">
        <v>8864</v>
      </c>
      <c r="HY8" s="63">
        <v>12931</v>
      </c>
      <c r="HZ8" s="60">
        <v>3476</v>
      </c>
      <c r="IA8" s="61">
        <v>4590</v>
      </c>
      <c r="IB8" s="62">
        <v>8066</v>
      </c>
      <c r="IC8" s="231"/>
      <c r="ID8" s="61">
        <v>3731</v>
      </c>
      <c r="IE8" s="61">
        <v>4631</v>
      </c>
      <c r="IF8" s="61">
        <v>2897</v>
      </c>
      <c r="IG8" s="61">
        <v>2426</v>
      </c>
      <c r="IH8" s="61">
        <v>1944</v>
      </c>
      <c r="II8" s="62">
        <v>15629</v>
      </c>
      <c r="IJ8" s="63">
        <v>23695</v>
      </c>
      <c r="IK8" s="60">
        <v>6687</v>
      </c>
      <c r="IL8" s="61">
        <v>7885</v>
      </c>
      <c r="IM8" s="62">
        <v>14572</v>
      </c>
      <c r="IN8" s="231"/>
      <c r="IO8" s="61">
        <v>7249</v>
      </c>
      <c r="IP8" s="61">
        <v>8305</v>
      </c>
      <c r="IQ8" s="61">
        <v>4901</v>
      </c>
      <c r="IR8" s="61">
        <v>4395</v>
      </c>
      <c r="IS8" s="61">
        <v>2804</v>
      </c>
      <c r="IT8" s="62">
        <v>27654</v>
      </c>
      <c r="IU8" s="63">
        <v>42226</v>
      </c>
      <c r="IV8" s="60">
        <v>6864</v>
      </c>
      <c r="IW8" s="61">
        <v>8740</v>
      </c>
      <c r="IX8" s="62">
        <v>15604</v>
      </c>
      <c r="IY8" s="231"/>
      <c r="IZ8" s="61">
        <v>9080</v>
      </c>
      <c r="JA8" s="61">
        <v>10456</v>
      </c>
      <c r="JB8" s="61">
        <v>6703</v>
      </c>
      <c r="JC8" s="61">
        <v>5888</v>
      </c>
      <c r="JD8" s="61">
        <v>3649</v>
      </c>
      <c r="JE8" s="62">
        <v>35776</v>
      </c>
      <c r="JF8" s="63">
        <v>51380</v>
      </c>
      <c r="JG8" s="60">
        <v>3734</v>
      </c>
      <c r="JH8" s="61">
        <v>5839</v>
      </c>
      <c r="JI8" s="62">
        <v>9573</v>
      </c>
      <c r="JJ8" s="231"/>
      <c r="JK8" s="61">
        <v>7102</v>
      </c>
      <c r="JL8" s="61">
        <v>10626</v>
      </c>
      <c r="JM8" s="61">
        <v>8317</v>
      </c>
      <c r="JN8" s="61">
        <v>8306</v>
      </c>
      <c r="JO8" s="61">
        <v>4986</v>
      </c>
      <c r="JP8" s="62">
        <v>39337</v>
      </c>
      <c r="JQ8" s="63">
        <v>48910</v>
      </c>
      <c r="JR8" s="60">
        <v>328</v>
      </c>
      <c r="JS8" s="61">
        <v>650</v>
      </c>
      <c r="JT8" s="62">
        <v>978</v>
      </c>
      <c r="JU8" s="231"/>
      <c r="JV8" s="61">
        <v>441</v>
      </c>
      <c r="JW8" s="61">
        <v>1103</v>
      </c>
      <c r="JX8" s="61">
        <v>638</v>
      </c>
      <c r="JY8" s="61">
        <v>567</v>
      </c>
      <c r="JZ8" s="61">
        <v>596</v>
      </c>
      <c r="KA8" s="62">
        <v>3345</v>
      </c>
      <c r="KB8" s="63">
        <v>4323</v>
      </c>
      <c r="KC8" s="60">
        <v>23371</v>
      </c>
      <c r="KD8" s="61">
        <v>31060</v>
      </c>
      <c r="KE8" s="62">
        <v>54431</v>
      </c>
      <c r="KF8" s="231"/>
      <c r="KG8" s="61">
        <v>29980</v>
      </c>
      <c r="KH8" s="61">
        <v>39057</v>
      </c>
      <c r="KI8" s="61">
        <v>25841</v>
      </c>
      <c r="KJ8" s="61">
        <v>23807</v>
      </c>
      <c r="KK8" s="61">
        <v>15714</v>
      </c>
      <c r="KL8" s="62">
        <v>134399</v>
      </c>
      <c r="KM8" s="63">
        <v>188830</v>
      </c>
    </row>
    <row r="9" spans="2:299" ht="21" customHeight="1" x14ac:dyDescent="0.2">
      <c r="B9" s="472" t="s">
        <v>6</v>
      </c>
      <c r="C9" s="293">
        <v>2679</v>
      </c>
      <c r="D9" s="72">
        <v>2439</v>
      </c>
      <c r="E9" s="73">
        <v>5118</v>
      </c>
      <c r="F9" s="228"/>
      <c r="G9" s="72">
        <v>5072</v>
      </c>
      <c r="H9" s="72">
        <v>4045</v>
      </c>
      <c r="I9" s="72">
        <v>2798</v>
      </c>
      <c r="J9" s="72">
        <v>2435</v>
      </c>
      <c r="K9" s="72">
        <v>1678</v>
      </c>
      <c r="L9" s="74">
        <v>16028</v>
      </c>
      <c r="M9" s="75">
        <v>21146</v>
      </c>
      <c r="N9" s="60">
        <v>156</v>
      </c>
      <c r="O9" s="61">
        <v>144</v>
      </c>
      <c r="P9" s="62">
        <v>300</v>
      </c>
      <c r="Q9" s="231"/>
      <c r="R9" s="61">
        <v>265</v>
      </c>
      <c r="S9" s="61">
        <v>242</v>
      </c>
      <c r="T9" s="61">
        <v>148</v>
      </c>
      <c r="U9" s="61">
        <v>137</v>
      </c>
      <c r="V9" s="61">
        <v>106</v>
      </c>
      <c r="W9" s="62">
        <v>898</v>
      </c>
      <c r="X9" s="63">
        <v>1198</v>
      </c>
      <c r="Y9" s="60">
        <v>288</v>
      </c>
      <c r="Z9" s="61">
        <v>294</v>
      </c>
      <c r="AA9" s="62">
        <v>582</v>
      </c>
      <c r="AB9" s="231"/>
      <c r="AC9" s="61">
        <v>550</v>
      </c>
      <c r="AD9" s="61">
        <v>460</v>
      </c>
      <c r="AE9" s="61">
        <v>315</v>
      </c>
      <c r="AF9" s="61">
        <v>286</v>
      </c>
      <c r="AG9" s="61">
        <v>249</v>
      </c>
      <c r="AH9" s="62">
        <v>1860</v>
      </c>
      <c r="AI9" s="63">
        <v>2442</v>
      </c>
      <c r="AJ9" s="60">
        <v>451</v>
      </c>
      <c r="AK9" s="61">
        <v>414</v>
      </c>
      <c r="AL9" s="62">
        <v>865</v>
      </c>
      <c r="AM9" s="231"/>
      <c r="AN9" s="61">
        <v>845</v>
      </c>
      <c r="AO9" s="61">
        <v>711</v>
      </c>
      <c r="AP9" s="61">
        <v>497</v>
      </c>
      <c r="AQ9" s="61">
        <v>438</v>
      </c>
      <c r="AR9" s="61">
        <v>330</v>
      </c>
      <c r="AS9" s="62">
        <v>2821</v>
      </c>
      <c r="AT9" s="63">
        <v>3686</v>
      </c>
      <c r="AU9" s="60">
        <v>674</v>
      </c>
      <c r="AV9" s="61">
        <v>580</v>
      </c>
      <c r="AW9" s="62">
        <v>1254</v>
      </c>
      <c r="AX9" s="231"/>
      <c r="AY9" s="61">
        <v>1224</v>
      </c>
      <c r="AZ9" s="61">
        <v>954</v>
      </c>
      <c r="BA9" s="61">
        <v>645</v>
      </c>
      <c r="BB9" s="61">
        <v>528</v>
      </c>
      <c r="BC9" s="61">
        <v>368</v>
      </c>
      <c r="BD9" s="62">
        <v>3719</v>
      </c>
      <c r="BE9" s="63">
        <v>4973</v>
      </c>
      <c r="BF9" s="60">
        <v>709</v>
      </c>
      <c r="BG9" s="61">
        <v>565</v>
      </c>
      <c r="BH9" s="62">
        <v>1274</v>
      </c>
      <c r="BI9" s="231"/>
      <c r="BJ9" s="61">
        <v>1277</v>
      </c>
      <c r="BK9" s="61">
        <v>980</v>
      </c>
      <c r="BL9" s="61">
        <v>653</v>
      </c>
      <c r="BM9" s="61">
        <v>534</v>
      </c>
      <c r="BN9" s="61">
        <v>347</v>
      </c>
      <c r="BO9" s="62">
        <v>3791</v>
      </c>
      <c r="BP9" s="63">
        <v>5065</v>
      </c>
      <c r="BQ9" s="60">
        <v>401</v>
      </c>
      <c r="BR9" s="61">
        <v>442</v>
      </c>
      <c r="BS9" s="62">
        <v>843</v>
      </c>
      <c r="BT9" s="231"/>
      <c r="BU9" s="61">
        <v>911</v>
      </c>
      <c r="BV9" s="61">
        <v>698</v>
      </c>
      <c r="BW9" s="61">
        <v>540</v>
      </c>
      <c r="BX9" s="61">
        <v>512</v>
      </c>
      <c r="BY9" s="61">
        <v>278</v>
      </c>
      <c r="BZ9" s="62">
        <v>2939</v>
      </c>
      <c r="CA9" s="63">
        <v>3782</v>
      </c>
      <c r="CB9" s="60">
        <v>82</v>
      </c>
      <c r="CC9" s="61">
        <v>96</v>
      </c>
      <c r="CD9" s="62">
        <v>178</v>
      </c>
      <c r="CE9" s="231"/>
      <c r="CF9" s="61">
        <v>179</v>
      </c>
      <c r="CG9" s="61">
        <v>186</v>
      </c>
      <c r="CH9" s="61">
        <v>105</v>
      </c>
      <c r="CI9" s="61">
        <v>126</v>
      </c>
      <c r="CJ9" s="61">
        <v>117</v>
      </c>
      <c r="CK9" s="62">
        <v>713</v>
      </c>
      <c r="CL9" s="63">
        <v>891</v>
      </c>
      <c r="CM9" s="60">
        <v>2761</v>
      </c>
      <c r="CN9" s="61">
        <v>2535</v>
      </c>
      <c r="CO9" s="62">
        <v>5296</v>
      </c>
      <c r="CP9" s="231"/>
      <c r="CQ9" s="61">
        <v>5251</v>
      </c>
      <c r="CR9" s="61">
        <v>4231</v>
      </c>
      <c r="CS9" s="61">
        <v>2903</v>
      </c>
      <c r="CT9" s="61">
        <v>2561</v>
      </c>
      <c r="CU9" s="61">
        <v>1795</v>
      </c>
      <c r="CV9" s="62">
        <v>16741</v>
      </c>
      <c r="CW9" s="63">
        <v>22037</v>
      </c>
      <c r="CX9" s="113">
        <v>5186</v>
      </c>
      <c r="CY9" s="72">
        <v>5448</v>
      </c>
      <c r="CZ9" s="73">
        <v>10634</v>
      </c>
      <c r="DA9" s="228"/>
      <c r="DB9" s="72">
        <v>8817</v>
      </c>
      <c r="DC9" s="72">
        <v>6783</v>
      </c>
      <c r="DD9" s="72">
        <v>5271</v>
      </c>
      <c r="DE9" s="72">
        <v>5279</v>
      </c>
      <c r="DF9" s="72">
        <v>3730</v>
      </c>
      <c r="DG9" s="74">
        <v>29880</v>
      </c>
      <c r="DH9" s="75">
        <v>40514</v>
      </c>
      <c r="DI9" s="60">
        <v>125</v>
      </c>
      <c r="DJ9" s="61">
        <v>133</v>
      </c>
      <c r="DK9" s="62">
        <v>258</v>
      </c>
      <c r="DL9" s="231"/>
      <c r="DM9" s="61">
        <v>158</v>
      </c>
      <c r="DN9" s="61">
        <v>118</v>
      </c>
      <c r="DO9" s="61">
        <v>109</v>
      </c>
      <c r="DP9" s="61">
        <v>106</v>
      </c>
      <c r="DQ9" s="61">
        <v>81</v>
      </c>
      <c r="DR9" s="62">
        <v>572</v>
      </c>
      <c r="DS9" s="63">
        <v>830</v>
      </c>
      <c r="DT9" s="60">
        <v>355</v>
      </c>
      <c r="DU9" s="61">
        <v>345</v>
      </c>
      <c r="DV9" s="62">
        <v>700</v>
      </c>
      <c r="DW9" s="231"/>
      <c r="DX9" s="61">
        <v>487</v>
      </c>
      <c r="DY9" s="61">
        <v>358</v>
      </c>
      <c r="DZ9" s="61">
        <v>240</v>
      </c>
      <c r="EA9" s="61">
        <v>249</v>
      </c>
      <c r="EB9" s="61">
        <v>184</v>
      </c>
      <c r="EC9" s="62">
        <v>1518</v>
      </c>
      <c r="ED9" s="63">
        <v>2218</v>
      </c>
      <c r="EE9" s="60">
        <v>771</v>
      </c>
      <c r="EF9" s="61">
        <v>810</v>
      </c>
      <c r="EG9" s="62">
        <v>1581</v>
      </c>
      <c r="EH9" s="231"/>
      <c r="EI9" s="61">
        <v>1086</v>
      </c>
      <c r="EJ9" s="61">
        <v>690</v>
      </c>
      <c r="EK9" s="61">
        <v>474</v>
      </c>
      <c r="EL9" s="61">
        <v>458</v>
      </c>
      <c r="EM9" s="61">
        <v>353</v>
      </c>
      <c r="EN9" s="62">
        <v>3061</v>
      </c>
      <c r="EO9" s="63">
        <v>4642</v>
      </c>
      <c r="EP9" s="60">
        <v>1604</v>
      </c>
      <c r="EQ9" s="61">
        <v>1477</v>
      </c>
      <c r="ER9" s="62">
        <v>3081</v>
      </c>
      <c r="ES9" s="231"/>
      <c r="ET9" s="61">
        <v>2080</v>
      </c>
      <c r="EU9" s="61">
        <v>1404</v>
      </c>
      <c r="EV9" s="61">
        <v>958</v>
      </c>
      <c r="EW9" s="61">
        <v>887</v>
      </c>
      <c r="EX9" s="61">
        <v>643</v>
      </c>
      <c r="EY9" s="62">
        <v>5972</v>
      </c>
      <c r="EZ9" s="63">
        <v>9053</v>
      </c>
      <c r="FA9" s="60">
        <v>1516</v>
      </c>
      <c r="FB9" s="61">
        <v>1650</v>
      </c>
      <c r="FC9" s="62">
        <v>3166</v>
      </c>
      <c r="FD9" s="231"/>
      <c r="FE9" s="61">
        <v>2698</v>
      </c>
      <c r="FF9" s="61">
        <v>2011</v>
      </c>
      <c r="FG9" s="61">
        <v>1441</v>
      </c>
      <c r="FH9" s="61">
        <v>1329</v>
      </c>
      <c r="FI9" s="61">
        <v>979</v>
      </c>
      <c r="FJ9" s="62">
        <v>8458</v>
      </c>
      <c r="FK9" s="63">
        <v>11624</v>
      </c>
      <c r="FL9" s="60">
        <v>815</v>
      </c>
      <c r="FM9" s="61">
        <v>1033</v>
      </c>
      <c r="FN9" s="62">
        <v>1848</v>
      </c>
      <c r="FO9" s="231"/>
      <c r="FP9" s="61">
        <v>2308</v>
      </c>
      <c r="FQ9" s="61">
        <v>2202</v>
      </c>
      <c r="FR9" s="61">
        <v>2049</v>
      </c>
      <c r="FS9" s="61">
        <v>2250</v>
      </c>
      <c r="FT9" s="61">
        <v>1490</v>
      </c>
      <c r="FU9" s="62">
        <v>10299</v>
      </c>
      <c r="FV9" s="63">
        <v>12147</v>
      </c>
      <c r="FW9" s="60">
        <v>70</v>
      </c>
      <c r="FX9" s="61">
        <v>93</v>
      </c>
      <c r="FY9" s="62">
        <v>163</v>
      </c>
      <c r="FZ9" s="231"/>
      <c r="GA9" s="61">
        <v>127</v>
      </c>
      <c r="GB9" s="61">
        <v>135</v>
      </c>
      <c r="GC9" s="61">
        <v>103</v>
      </c>
      <c r="GD9" s="61">
        <v>94</v>
      </c>
      <c r="GE9" s="61">
        <v>91</v>
      </c>
      <c r="GF9" s="62">
        <v>550</v>
      </c>
      <c r="GG9" s="63">
        <v>713</v>
      </c>
      <c r="GH9" s="60">
        <v>5256</v>
      </c>
      <c r="GI9" s="61">
        <v>5541</v>
      </c>
      <c r="GJ9" s="62">
        <v>10797</v>
      </c>
      <c r="GK9" s="231"/>
      <c r="GL9" s="61">
        <v>8944</v>
      </c>
      <c r="GM9" s="61">
        <v>6918</v>
      </c>
      <c r="GN9" s="61">
        <v>5374</v>
      </c>
      <c r="GO9" s="61">
        <v>5373</v>
      </c>
      <c r="GP9" s="61">
        <v>3821</v>
      </c>
      <c r="GQ9" s="62">
        <v>30430</v>
      </c>
      <c r="GR9" s="63">
        <v>41227</v>
      </c>
      <c r="GS9" s="113">
        <v>7865</v>
      </c>
      <c r="GT9" s="72">
        <v>7887</v>
      </c>
      <c r="GU9" s="73">
        <v>15752</v>
      </c>
      <c r="GV9" s="228"/>
      <c r="GW9" s="72">
        <v>13889</v>
      </c>
      <c r="GX9" s="72">
        <v>10828</v>
      </c>
      <c r="GY9" s="72">
        <v>8069</v>
      </c>
      <c r="GZ9" s="72">
        <v>7714</v>
      </c>
      <c r="HA9" s="72">
        <v>5408</v>
      </c>
      <c r="HB9" s="74">
        <v>45908</v>
      </c>
      <c r="HC9" s="75">
        <v>61660</v>
      </c>
      <c r="HD9" s="60">
        <v>281</v>
      </c>
      <c r="HE9" s="61">
        <v>277</v>
      </c>
      <c r="HF9" s="62">
        <v>558</v>
      </c>
      <c r="HG9" s="231"/>
      <c r="HH9" s="61">
        <v>423</v>
      </c>
      <c r="HI9" s="61">
        <v>360</v>
      </c>
      <c r="HJ9" s="61">
        <v>257</v>
      </c>
      <c r="HK9" s="61">
        <v>243</v>
      </c>
      <c r="HL9" s="61">
        <v>187</v>
      </c>
      <c r="HM9" s="62">
        <v>1470</v>
      </c>
      <c r="HN9" s="63">
        <v>2028</v>
      </c>
      <c r="HO9" s="60">
        <v>643</v>
      </c>
      <c r="HP9" s="61">
        <v>639</v>
      </c>
      <c r="HQ9" s="62">
        <v>1282</v>
      </c>
      <c r="HR9" s="231"/>
      <c r="HS9" s="61">
        <v>1037</v>
      </c>
      <c r="HT9" s="61">
        <v>818</v>
      </c>
      <c r="HU9" s="61">
        <v>555</v>
      </c>
      <c r="HV9" s="61">
        <v>535</v>
      </c>
      <c r="HW9" s="61">
        <v>433</v>
      </c>
      <c r="HX9" s="62">
        <v>3378</v>
      </c>
      <c r="HY9" s="63">
        <v>4660</v>
      </c>
      <c r="HZ9" s="60">
        <v>1222</v>
      </c>
      <c r="IA9" s="61">
        <v>1224</v>
      </c>
      <c r="IB9" s="62">
        <v>2446</v>
      </c>
      <c r="IC9" s="231"/>
      <c r="ID9" s="61">
        <v>1931</v>
      </c>
      <c r="IE9" s="61">
        <v>1401</v>
      </c>
      <c r="IF9" s="61">
        <v>971</v>
      </c>
      <c r="IG9" s="61">
        <v>896</v>
      </c>
      <c r="IH9" s="61">
        <v>683</v>
      </c>
      <c r="II9" s="62">
        <v>5882</v>
      </c>
      <c r="IJ9" s="63">
        <v>8328</v>
      </c>
      <c r="IK9" s="60">
        <v>2278</v>
      </c>
      <c r="IL9" s="61">
        <v>2057</v>
      </c>
      <c r="IM9" s="62">
        <v>4335</v>
      </c>
      <c r="IN9" s="231"/>
      <c r="IO9" s="61">
        <v>3304</v>
      </c>
      <c r="IP9" s="61">
        <v>2358</v>
      </c>
      <c r="IQ9" s="61">
        <v>1603</v>
      </c>
      <c r="IR9" s="61">
        <v>1415</v>
      </c>
      <c r="IS9" s="61">
        <v>1011</v>
      </c>
      <c r="IT9" s="62">
        <v>9691</v>
      </c>
      <c r="IU9" s="63">
        <v>14026</v>
      </c>
      <c r="IV9" s="60">
        <v>2225</v>
      </c>
      <c r="IW9" s="61">
        <v>2215</v>
      </c>
      <c r="IX9" s="62">
        <v>4440</v>
      </c>
      <c r="IY9" s="231"/>
      <c r="IZ9" s="61">
        <v>3975</v>
      </c>
      <c r="JA9" s="61">
        <v>2991</v>
      </c>
      <c r="JB9" s="61">
        <v>2094</v>
      </c>
      <c r="JC9" s="61">
        <v>1863</v>
      </c>
      <c r="JD9" s="61">
        <v>1326</v>
      </c>
      <c r="JE9" s="62">
        <v>12249</v>
      </c>
      <c r="JF9" s="63">
        <v>16689</v>
      </c>
      <c r="JG9" s="60">
        <v>1216</v>
      </c>
      <c r="JH9" s="61">
        <v>1475</v>
      </c>
      <c r="JI9" s="62">
        <v>2691</v>
      </c>
      <c r="JJ9" s="231"/>
      <c r="JK9" s="61">
        <v>3219</v>
      </c>
      <c r="JL9" s="61">
        <v>2900</v>
      </c>
      <c r="JM9" s="61">
        <v>2589</v>
      </c>
      <c r="JN9" s="61">
        <v>2762</v>
      </c>
      <c r="JO9" s="61">
        <v>1768</v>
      </c>
      <c r="JP9" s="62">
        <v>13238</v>
      </c>
      <c r="JQ9" s="63">
        <v>15929</v>
      </c>
      <c r="JR9" s="60">
        <v>152</v>
      </c>
      <c r="JS9" s="61">
        <v>189</v>
      </c>
      <c r="JT9" s="62">
        <v>341</v>
      </c>
      <c r="JU9" s="231"/>
      <c r="JV9" s="61">
        <v>306</v>
      </c>
      <c r="JW9" s="61">
        <v>321</v>
      </c>
      <c r="JX9" s="61">
        <v>208</v>
      </c>
      <c r="JY9" s="61">
        <v>220</v>
      </c>
      <c r="JZ9" s="61">
        <v>208</v>
      </c>
      <c r="KA9" s="62">
        <v>1263</v>
      </c>
      <c r="KB9" s="63">
        <v>1604</v>
      </c>
      <c r="KC9" s="60">
        <v>8017</v>
      </c>
      <c r="KD9" s="61">
        <v>8076</v>
      </c>
      <c r="KE9" s="62">
        <v>16093</v>
      </c>
      <c r="KF9" s="231"/>
      <c r="KG9" s="61">
        <v>14195</v>
      </c>
      <c r="KH9" s="61">
        <v>11149</v>
      </c>
      <c r="KI9" s="61">
        <v>8277</v>
      </c>
      <c r="KJ9" s="61">
        <v>7934</v>
      </c>
      <c r="KK9" s="61">
        <v>5616</v>
      </c>
      <c r="KL9" s="62">
        <v>47171</v>
      </c>
      <c r="KM9" s="63">
        <v>63264</v>
      </c>
    </row>
    <row r="10" spans="2:299" ht="21" customHeight="1" x14ac:dyDescent="0.2">
      <c r="B10" s="472" t="s">
        <v>14</v>
      </c>
      <c r="C10" s="293">
        <v>1560</v>
      </c>
      <c r="D10" s="72">
        <v>1911</v>
      </c>
      <c r="E10" s="73">
        <v>3471</v>
      </c>
      <c r="F10" s="228"/>
      <c r="G10" s="72">
        <v>2296</v>
      </c>
      <c r="H10" s="72">
        <v>2568</v>
      </c>
      <c r="I10" s="72">
        <v>1812</v>
      </c>
      <c r="J10" s="72">
        <v>1550</v>
      </c>
      <c r="K10" s="72">
        <v>882</v>
      </c>
      <c r="L10" s="74">
        <v>9108</v>
      </c>
      <c r="M10" s="75">
        <v>12579</v>
      </c>
      <c r="N10" s="60">
        <v>70</v>
      </c>
      <c r="O10" s="61">
        <v>91</v>
      </c>
      <c r="P10" s="62">
        <v>161</v>
      </c>
      <c r="Q10" s="231"/>
      <c r="R10" s="61">
        <v>95</v>
      </c>
      <c r="S10" s="61">
        <v>130</v>
      </c>
      <c r="T10" s="61">
        <v>89</v>
      </c>
      <c r="U10" s="61">
        <v>93</v>
      </c>
      <c r="V10" s="61">
        <v>67</v>
      </c>
      <c r="W10" s="62">
        <v>474</v>
      </c>
      <c r="X10" s="63">
        <v>635</v>
      </c>
      <c r="Y10" s="60">
        <v>158</v>
      </c>
      <c r="Z10" s="61">
        <v>256</v>
      </c>
      <c r="AA10" s="62">
        <v>414</v>
      </c>
      <c r="AB10" s="231"/>
      <c r="AC10" s="61">
        <v>204</v>
      </c>
      <c r="AD10" s="61">
        <v>260</v>
      </c>
      <c r="AE10" s="61">
        <v>185</v>
      </c>
      <c r="AF10" s="61">
        <v>175</v>
      </c>
      <c r="AG10" s="61">
        <v>115</v>
      </c>
      <c r="AH10" s="62">
        <v>939</v>
      </c>
      <c r="AI10" s="63">
        <v>1353</v>
      </c>
      <c r="AJ10" s="60">
        <v>257</v>
      </c>
      <c r="AK10" s="61">
        <v>355</v>
      </c>
      <c r="AL10" s="62">
        <v>612</v>
      </c>
      <c r="AM10" s="231"/>
      <c r="AN10" s="61">
        <v>358</v>
      </c>
      <c r="AO10" s="61">
        <v>434</v>
      </c>
      <c r="AP10" s="61">
        <v>285</v>
      </c>
      <c r="AQ10" s="61">
        <v>274</v>
      </c>
      <c r="AR10" s="61">
        <v>168</v>
      </c>
      <c r="AS10" s="62">
        <v>1519</v>
      </c>
      <c r="AT10" s="63">
        <v>2131</v>
      </c>
      <c r="AU10" s="60">
        <v>470</v>
      </c>
      <c r="AV10" s="61">
        <v>529</v>
      </c>
      <c r="AW10" s="62">
        <v>999</v>
      </c>
      <c r="AX10" s="231"/>
      <c r="AY10" s="61">
        <v>650</v>
      </c>
      <c r="AZ10" s="61">
        <v>658</v>
      </c>
      <c r="BA10" s="61">
        <v>458</v>
      </c>
      <c r="BB10" s="61">
        <v>376</v>
      </c>
      <c r="BC10" s="61">
        <v>206</v>
      </c>
      <c r="BD10" s="62">
        <v>2348</v>
      </c>
      <c r="BE10" s="63">
        <v>3347</v>
      </c>
      <c r="BF10" s="60">
        <v>410</v>
      </c>
      <c r="BG10" s="61">
        <v>436</v>
      </c>
      <c r="BH10" s="62">
        <v>846</v>
      </c>
      <c r="BI10" s="231"/>
      <c r="BJ10" s="61">
        <v>624</v>
      </c>
      <c r="BK10" s="61">
        <v>657</v>
      </c>
      <c r="BL10" s="61">
        <v>446</v>
      </c>
      <c r="BM10" s="61">
        <v>375</v>
      </c>
      <c r="BN10" s="61">
        <v>201</v>
      </c>
      <c r="BO10" s="62">
        <v>2303</v>
      </c>
      <c r="BP10" s="63">
        <v>3149</v>
      </c>
      <c r="BQ10" s="60">
        <v>195</v>
      </c>
      <c r="BR10" s="61">
        <v>244</v>
      </c>
      <c r="BS10" s="62">
        <v>439</v>
      </c>
      <c r="BT10" s="231"/>
      <c r="BU10" s="61">
        <v>365</v>
      </c>
      <c r="BV10" s="61">
        <v>429</v>
      </c>
      <c r="BW10" s="61">
        <v>349</v>
      </c>
      <c r="BX10" s="61">
        <v>257</v>
      </c>
      <c r="BY10" s="61">
        <v>125</v>
      </c>
      <c r="BZ10" s="62">
        <v>1525</v>
      </c>
      <c r="CA10" s="63">
        <v>1964</v>
      </c>
      <c r="CB10" s="60">
        <v>38</v>
      </c>
      <c r="CC10" s="61">
        <v>103</v>
      </c>
      <c r="CD10" s="62">
        <v>141</v>
      </c>
      <c r="CE10" s="231"/>
      <c r="CF10" s="61">
        <v>44</v>
      </c>
      <c r="CG10" s="61">
        <v>121</v>
      </c>
      <c r="CH10" s="61">
        <v>75</v>
      </c>
      <c r="CI10" s="61">
        <v>78</v>
      </c>
      <c r="CJ10" s="61">
        <v>52</v>
      </c>
      <c r="CK10" s="62">
        <v>370</v>
      </c>
      <c r="CL10" s="63">
        <v>511</v>
      </c>
      <c r="CM10" s="60">
        <v>1598</v>
      </c>
      <c r="CN10" s="61">
        <v>2014</v>
      </c>
      <c r="CO10" s="62">
        <v>3612</v>
      </c>
      <c r="CP10" s="231"/>
      <c r="CQ10" s="61">
        <v>2340</v>
      </c>
      <c r="CR10" s="61">
        <v>2689</v>
      </c>
      <c r="CS10" s="61">
        <v>1887</v>
      </c>
      <c r="CT10" s="61">
        <v>1628</v>
      </c>
      <c r="CU10" s="61">
        <v>934</v>
      </c>
      <c r="CV10" s="62">
        <v>9478</v>
      </c>
      <c r="CW10" s="63">
        <v>13090</v>
      </c>
      <c r="CX10" s="113">
        <v>2960</v>
      </c>
      <c r="CY10" s="72">
        <v>4165</v>
      </c>
      <c r="CZ10" s="73">
        <v>7125</v>
      </c>
      <c r="DA10" s="228"/>
      <c r="DB10" s="72">
        <v>3851</v>
      </c>
      <c r="DC10" s="72">
        <v>4175</v>
      </c>
      <c r="DD10" s="72">
        <v>3260</v>
      </c>
      <c r="DE10" s="72">
        <v>3112</v>
      </c>
      <c r="DF10" s="72">
        <v>1919</v>
      </c>
      <c r="DG10" s="74">
        <v>16317</v>
      </c>
      <c r="DH10" s="75">
        <v>23442</v>
      </c>
      <c r="DI10" s="60">
        <v>70</v>
      </c>
      <c r="DJ10" s="61">
        <v>91</v>
      </c>
      <c r="DK10" s="62">
        <v>161</v>
      </c>
      <c r="DL10" s="231"/>
      <c r="DM10" s="61">
        <v>61</v>
      </c>
      <c r="DN10" s="61">
        <v>97</v>
      </c>
      <c r="DO10" s="61">
        <v>71</v>
      </c>
      <c r="DP10" s="61">
        <v>56</v>
      </c>
      <c r="DQ10" s="61">
        <v>45</v>
      </c>
      <c r="DR10" s="62">
        <v>330</v>
      </c>
      <c r="DS10" s="63">
        <v>491</v>
      </c>
      <c r="DT10" s="60">
        <v>234</v>
      </c>
      <c r="DU10" s="61">
        <v>338</v>
      </c>
      <c r="DV10" s="62">
        <v>572</v>
      </c>
      <c r="DW10" s="231"/>
      <c r="DX10" s="61">
        <v>200</v>
      </c>
      <c r="DY10" s="61">
        <v>272</v>
      </c>
      <c r="DZ10" s="61">
        <v>165</v>
      </c>
      <c r="EA10" s="61">
        <v>151</v>
      </c>
      <c r="EB10" s="61">
        <v>120</v>
      </c>
      <c r="EC10" s="62">
        <v>908</v>
      </c>
      <c r="ED10" s="63">
        <v>1480</v>
      </c>
      <c r="EE10" s="60">
        <v>543</v>
      </c>
      <c r="EF10" s="61">
        <v>692</v>
      </c>
      <c r="EG10" s="62">
        <v>1235</v>
      </c>
      <c r="EH10" s="231"/>
      <c r="EI10" s="61">
        <v>504</v>
      </c>
      <c r="EJ10" s="61">
        <v>553</v>
      </c>
      <c r="EK10" s="61">
        <v>347</v>
      </c>
      <c r="EL10" s="61">
        <v>332</v>
      </c>
      <c r="EM10" s="61">
        <v>249</v>
      </c>
      <c r="EN10" s="62">
        <v>1985</v>
      </c>
      <c r="EO10" s="63">
        <v>3220</v>
      </c>
      <c r="EP10" s="60">
        <v>945</v>
      </c>
      <c r="EQ10" s="61">
        <v>1258</v>
      </c>
      <c r="ER10" s="62">
        <v>2203</v>
      </c>
      <c r="ES10" s="231"/>
      <c r="ET10" s="61">
        <v>1079</v>
      </c>
      <c r="EU10" s="61">
        <v>974</v>
      </c>
      <c r="EV10" s="61">
        <v>709</v>
      </c>
      <c r="EW10" s="61">
        <v>587</v>
      </c>
      <c r="EX10" s="61">
        <v>374</v>
      </c>
      <c r="EY10" s="62">
        <v>3723</v>
      </c>
      <c r="EZ10" s="63">
        <v>5926</v>
      </c>
      <c r="FA10" s="60">
        <v>804</v>
      </c>
      <c r="FB10" s="61">
        <v>1127</v>
      </c>
      <c r="FC10" s="62">
        <v>1931</v>
      </c>
      <c r="FD10" s="231"/>
      <c r="FE10" s="61">
        <v>1115</v>
      </c>
      <c r="FF10" s="61">
        <v>1150</v>
      </c>
      <c r="FG10" s="61">
        <v>843</v>
      </c>
      <c r="FH10" s="61">
        <v>798</v>
      </c>
      <c r="FI10" s="61">
        <v>491</v>
      </c>
      <c r="FJ10" s="62">
        <v>4397</v>
      </c>
      <c r="FK10" s="63">
        <v>6328</v>
      </c>
      <c r="FL10" s="60">
        <v>364</v>
      </c>
      <c r="FM10" s="61">
        <v>659</v>
      </c>
      <c r="FN10" s="62">
        <v>1023</v>
      </c>
      <c r="FO10" s="231"/>
      <c r="FP10" s="61">
        <v>892</v>
      </c>
      <c r="FQ10" s="61">
        <v>1129</v>
      </c>
      <c r="FR10" s="61">
        <v>1125</v>
      </c>
      <c r="FS10" s="61">
        <v>1188</v>
      </c>
      <c r="FT10" s="61">
        <v>640</v>
      </c>
      <c r="FU10" s="62">
        <v>4974</v>
      </c>
      <c r="FV10" s="63">
        <v>5997</v>
      </c>
      <c r="FW10" s="60">
        <v>21</v>
      </c>
      <c r="FX10" s="61">
        <v>86</v>
      </c>
      <c r="FY10" s="62">
        <v>107</v>
      </c>
      <c r="FZ10" s="231"/>
      <c r="GA10" s="61">
        <v>41</v>
      </c>
      <c r="GB10" s="61">
        <v>93</v>
      </c>
      <c r="GC10" s="61">
        <v>47</v>
      </c>
      <c r="GD10" s="61">
        <v>52</v>
      </c>
      <c r="GE10" s="61">
        <v>61</v>
      </c>
      <c r="GF10" s="62">
        <v>294</v>
      </c>
      <c r="GG10" s="63">
        <v>401</v>
      </c>
      <c r="GH10" s="60">
        <v>2981</v>
      </c>
      <c r="GI10" s="61">
        <v>4251</v>
      </c>
      <c r="GJ10" s="62">
        <v>7232</v>
      </c>
      <c r="GK10" s="231"/>
      <c r="GL10" s="61">
        <v>3892</v>
      </c>
      <c r="GM10" s="61">
        <v>4268</v>
      </c>
      <c r="GN10" s="61">
        <v>3307</v>
      </c>
      <c r="GO10" s="61">
        <v>3164</v>
      </c>
      <c r="GP10" s="61">
        <v>1980</v>
      </c>
      <c r="GQ10" s="62">
        <v>16611</v>
      </c>
      <c r="GR10" s="63">
        <v>23843</v>
      </c>
      <c r="GS10" s="113">
        <v>4520</v>
      </c>
      <c r="GT10" s="72">
        <v>6076</v>
      </c>
      <c r="GU10" s="73">
        <v>10596</v>
      </c>
      <c r="GV10" s="228"/>
      <c r="GW10" s="72">
        <v>6147</v>
      </c>
      <c r="GX10" s="72">
        <v>6743</v>
      </c>
      <c r="GY10" s="72">
        <v>5072</v>
      </c>
      <c r="GZ10" s="72">
        <v>4662</v>
      </c>
      <c r="HA10" s="72">
        <v>2801</v>
      </c>
      <c r="HB10" s="74">
        <v>25425</v>
      </c>
      <c r="HC10" s="75">
        <v>36021</v>
      </c>
      <c r="HD10" s="60">
        <v>140</v>
      </c>
      <c r="HE10" s="61">
        <v>182</v>
      </c>
      <c r="HF10" s="62">
        <v>322</v>
      </c>
      <c r="HG10" s="231"/>
      <c r="HH10" s="61">
        <v>156</v>
      </c>
      <c r="HI10" s="61">
        <v>227</v>
      </c>
      <c r="HJ10" s="61">
        <v>160</v>
      </c>
      <c r="HK10" s="61">
        <v>149</v>
      </c>
      <c r="HL10" s="61">
        <v>112</v>
      </c>
      <c r="HM10" s="62">
        <v>804</v>
      </c>
      <c r="HN10" s="63">
        <v>1126</v>
      </c>
      <c r="HO10" s="60">
        <v>392</v>
      </c>
      <c r="HP10" s="61">
        <v>594</v>
      </c>
      <c r="HQ10" s="62">
        <v>986</v>
      </c>
      <c r="HR10" s="231"/>
      <c r="HS10" s="61">
        <v>404</v>
      </c>
      <c r="HT10" s="61">
        <v>532</v>
      </c>
      <c r="HU10" s="61">
        <v>350</v>
      </c>
      <c r="HV10" s="61">
        <v>326</v>
      </c>
      <c r="HW10" s="61">
        <v>235</v>
      </c>
      <c r="HX10" s="62">
        <v>1847</v>
      </c>
      <c r="HY10" s="63">
        <v>2833</v>
      </c>
      <c r="HZ10" s="60">
        <v>800</v>
      </c>
      <c r="IA10" s="61">
        <v>1047</v>
      </c>
      <c r="IB10" s="62">
        <v>1847</v>
      </c>
      <c r="IC10" s="231"/>
      <c r="ID10" s="61">
        <v>862</v>
      </c>
      <c r="IE10" s="61">
        <v>987</v>
      </c>
      <c r="IF10" s="61">
        <v>632</v>
      </c>
      <c r="IG10" s="61">
        <v>606</v>
      </c>
      <c r="IH10" s="61">
        <v>417</v>
      </c>
      <c r="II10" s="62">
        <v>3504</v>
      </c>
      <c r="IJ10" s="63">
        <v>5351</v>
      </c>
      <c r="IK10" s="60">
        <v>1415</v>
      </c>
      <c r="IL10" s="61">
        <v>1787</v>
      </c>
      <c r="IM10" s="62">
        <v>3202</v>
      </c>
      <c r="IN10" s="231"/>
      <c r="IO10" s="61">
        <v>1729</v>
      </c>
      <c r="IP10" s="61">
        <v>1632</v>
      </c>
      <c r="IQ10" s="61">
        <v>1167</v>
      </c>
      <c r="IR10" s="61">
        <v>963</v>
      </c>
      <c r="IS10" s="61">
        <v>580</v>
      </c>
      <c r="IT10" s="62">
        <v>6071</v>
      </c>
      <c r="IU10" s="63">
        <v>9273</v>
      </c>
      <c r="IV10" s="60">
        <v>1214</v>
      </c>
      <c r="IW10" s="61">
        <v>1563</v>
      </c>
      <c r="IX10" s="62">
        <v>2777</v>
      </c>
      <c r="IY10" s="231"/>
      <c r="IZ10" s="61">
        <v>1739</v>
      </c>
      <c r="JA10" s="61">
        <v>1807</v>
      </c>
      <c r="JB10" s="61">
        <v>1289</v>
      </c>
      <c r="JC10" s="61">
        <v>1173</v>
      </c>
      <c r="JD10" s="61">
        <v>692</v>
      </c>
      <c r="JE10" s="62">
        <v>6700</v>
      </c>
      <c r="JF10" s="63">
        <v>9477</v>
      </c>
      <c r="JG10" s="60">
        <v>559</v>
      </c>
      <c r="JH10" s="61">
        <v>903</v>
      </c>
      <c r="JI10" s="62">
        <v>1462</v>
      </c>
      <c r="JJ10" s="231"/>
      <c r="JK10" s="61">
        <v>1257</v>
      </c>
      <c r="JL10" s="61">
        <v>1558</v>
      </c>
      <c r="JM10" s="61">
        <v>1474</v>
      </c>
      <c r="JN10" s="61">
        <v>1445</v>
      </c>
      <c r="JO10" s="61">
        <v>765</v>
      </c>
      <c r="JP10" s="62">
        <v>6499</v>
      </c>
      <c r="JQ10" s="63">
        <v>7961</v>
      </c>
      <c r="JR10" s="60">
        <v>59</v>
      </c>
      <c r="JS10" s="61">
        <v>189</v>
      </c>
      <c r="JT10" s="62">
        <v>248</v>
      </c>
      <c r="JU10" s="231"/>
      <c r="JV10" s="61">
        <v>85</v>
      </c>
      <c r="JW10" s="61">
        <v>214</v>
      </c>
      <c r="JX10" s="61">
        <v>122</v>
      </c>
      <c r="JY10" s="61">
        <v>130</v>
      </c>
      <c r="JZ10" s="61">
        <v>113</v>
      </c>
      <c r="KA10" s="62">
        <v>664</v>
      </c>
      <c r="KB10" s="63">
        <v>912</v>
      </c>
      <c r="KC10" s="60">
        <v>4579</v>
      </c>
      <c r="KD10" s="61">
        <v>6265</v>
      </c>
      <c r="KE10" s="62">
        <v>10844</v>
      </c>
      <c r="KF10" s="231"/>
      <c r="KG10" s="61">
        <v>6232</v>
      </c>
      <c r="KH10" s="61">
        <v>6957</v>
      </c>
      <c r="KI10" s="61">
        <v>5194</v>
      </c>
      <c r="KJ10" s="61">
        <v>4792</v>
      </c>
      <c r="KK10" s="61">
        <v>2914</v>
      </c>
      <c r="KL10" s="62">
        <v>26089</v>
      </c>
      <c r="KM10" s="63">
        <v>36933</v>
      </c>
    </row>
    <row r="11" spans="2:299" ht="21" customHeight="1" x14ac:dyDescent="0.2">
      <c r="B11" s="472" t="s">
        <v>7</v>
      </c>
      <c r="C11" s="293">
        <v>1017</v>
      </c>
      <c r="D11" s="72">
        <v>759</v>
      </c>
      <c r="E11" s="73">
        <v>1776</v>
      </c>
      <c r="F11" s="228"/>
      <c r="G11" s="72">
        <v>2297</v>
      </c>
      <c r="H11" s="72">
        <v>1520</v>
      </c>
      <c r="I11" s="72">
        <v>918</v>
      </c>
      <c r="J11" s="72">
        <v>821</v>
      </c>
      <c r="K11" s="72">
        <v>465</v>
      </c>
      <c r="L11" s="74">
        <v>6021</v>
      </c>
      <c r="M11" s="75">
        <v>7797</v>
      </c>
      <c r="N11" s="60">
        <v>35</v>
      </c>
      <c r="O11" s="61">
        <v>27</v>
      </c>
      <c r="P11" s="62">
        <v>62</v>
      </c>
      <c r="Q11" s="231"/>
      <c r="R11" s="61">
        <v>100</v>
      </c>
      <c r="S11" s="61">
        <v>61</v>
      </c>
      <c r="T11" s="61">
        <v>33</v>
      </c>
      <c r="U11" s="61">
        <v>47</v>
      </c>
      <c r="V11" s="61">
        <v>25</v>
      </c>
      <c r="W11" s="62">
        <v>266</v>
      </c>
      <c r="X11" s="63">
        <v>328</v>
      </c>
      <c r="Y11" s="60">
        <v>79</v>
      </c>
      <c r="Z11" s="61">
        <v>83</v>
      </c>
      <c r="AA11" s="62">
        <v>162</v>
      </c>
      <c r="AB11" s="231"/>
      <c r="AC11" s="61">
        <v>225</v>
      </c>
      <c r="AD11" s="61">
        <v>161</v>
      </c>
      <c r="AE11" s="61">
        <v>92</v>
      </c>
      <c r="AF11" s="61">
        <v>81</v>
      </c>
      <c r="AG11" s="61">
        <v>73</v>
      </c>
      <c r="AH11" s="62">
        <v>632</v>
      </c>
      <c r="AI11" s="63">
        <v>794</v>
      </c>
      <c r="AJ11" s="60">
        <v>142</v>
      </c>
      <c r="AK11" s="61">
        <v>128</v>
      </c>
      <c r="AL11" s="62">
        <v>270</v>
      </c>
      <c r="AM11" s="231"/>
      <c r="AN11" s="61">
        <v>376</v>
      </c>
      <c r="AO11" s="61">
        <v>246</v>
      </c>
      <c r="AP11" s="61">
        <v>156</v>
      </c>
      <c r="AQ11" s="61">
        <v>126</v>
      </c>
      <c r="AR11" s="61">
        <v>83</v>
      </c>
      <c r="AS11" s="62">
        <v>987</v>
      </c>
      <c r="AT11" s="63">
        <v>1257</v>
      </c>
      <c r="AU11" s="60">
        <v>281</v>
      </c>
      <c r="AV11" s="61">
        <v>165</v>
      </c>
      <c r="AW11" s="62">
        <v>446</v>
      </c>
      <c r="AX11" s="231"/>
      <c r="AY11" s="61">
        <v>583</v>
      </c>
      <c r="AZ11" s="61">
        <v>368</v>
      </c>
      <c r="BA11" s="61">
        <v>247</v>
      </c>
      <c r="BB11" s="61">
        <v>192</v>
      </c>
      <c r="BC11" s="61">
        <v>107</v>
      </c>
      <c r="BD11" s="62">
        <v>1497</v>
      </c>
      <c r="BE11" s="63">
        <v>1943</v>
      </c>
      <c r="BF11" s="60">
        <v>307</v>
      </c>
      <c r="BG11" s="61">
        <v>236</v>
      </c>
      <c r="BH11" s="62">
        <v>543</v>
      </c>
      <c r="BI11" s="231"/>
      <c r="BJ11" s="61">
        <v>616</v>
      </c>
      <c r="BK11" s="61">
        <v>379</v>
      </c>
      <c r="BL11" s="61">
        <v>206</v>
      </c>
      <c r="BM11" s="61">
        <v>211</v>
      </c>
      <c r="BN11" s="61">
        <v>102</v>
      </c>
      <c r="BO11" s="62">
        <v>1514</v>
      </c>
      <c r="BP11" s="63">
        <v>2057</v>
      </c>
      <c r="BQ11" s="60">
        <v>173</v>
      </c>
      <c r="BR11" s="61">
        <v>120</v>
      </c>
      <c r="BS11" s="62">
        <v>293</v>
      </c>
      <c r="BT11" s="231"/>
      <c r="BU11" s="61">
        <v>397</v>
      </c>
      <c r="BV11" s="61">
        <v>305</v>
      </c>
      <c r="BW11" s="61">
        <v>184</v>
      </c>
      <c r="BX11" s="61">
        <v>164</v>
      </c>
      <c r="BY11" s="61">
        <v>75</v>
      </c>
      <c r="BZ11" s="62">
        <v>1125</v>
      </c>
      <c r="CA11" s="63">
        <v>1418</v>
      </c>
      <c r="CB11" s="60">
        <v>19</v>
      </c>
      <c r="CC11" s="61">
        <v>20</v>
      </c>
      <c r="CD11" s="62">
        <v>39</v>
      </c>
      <c r="CE11" s="231"/>
      <c r="CF11" s="61">
        <v>61</v>
      </c>
      <c r="CG11" s="61">
        <v>63</v>
      </c>
      <c r="CH11" s="61">
        <v>31</v>
      </c>
      <c r="CI11" s="61">
        <v>46</v>
      </c>
      <c r="CJ11" s="61">
        <v>27</v>
      </c>
      <c r="CK11" s="62">
        <v>228</v>
      </c>
      <c r="CL11" s="63">
        <v>267</v>
      </c>
      <c r="CM11" s="60">
        <v>1036</v>
      </c>
      <c r="CN11" s="61">
        <v>779</v>
      </c>
      <c r="CO11" s="62">
        <v>1815</v>
      </c>
      <c r="CP11" s="231"/>
      <c r="CQ11" s="61">
        <v>2358</v>
      </c>
      <c r="CR11" s="61">
        <v>1583</v>
      </c>
      <c r="CS11" s="61">
        <v>949</v>
      </c>
      <c r="CT11" s="61">
        <v>867</v>
      </c>
      <c r="CU11" s="61">
        <v>492</v>
      </c>
      <c r="CV11" s="62">
        <v>6249</v>
      </c>
      <c r="CW11" s="63">
        <v>8064</v>
      </c>
      <c r="CX11" s="113">
        <v>1958</v>
      </c>
      <c r="CY11" s="72">
        <v>2052</v>
      </c>
      <c r="CZ11" s="73">
        <v>4010</v>
      </c>
      <c r="DA11" s="228"/>
      <c r="DB11" s="72">
        <v>4331</v>
      </c>
      <c r="DC11" s="72">
        <v>2678</v>
      </c>
      <c r="DD11" s="72">
        <v>2020</v>
      </c>
      <c r="DE11" s="72">
        <v>1949</v>
      </c>
      <c r="DF11" s="72">
        <v>1192</v>
      </c>
      <c r="DG11" s="74">
        <v>12170</v>
      </c>
      <c r="DH11" s="75">
        <v>16180</v>
      </c>
      <c r="DI11" s="60">
        <v>30</v>
      </c>
      <c r="DJ11" s="61">
        <v>45</v>
      </c>
      <c r="DK11" s="62">
        <v>75</v>
      </c>
      <c r="DL11" s="231"/>
      <c r="DM11" s="61">
        <v>87</v>
      </c>
      <c r="DN11" s="61">
        <v>39</v>
      </c>
      <c r="DO11" s="61">
        <v>33</v>
      </c>
      <c r="DP11" s="61">
        <v>32</v>
      </c>
      <c r="DQ11" s="61">
        <v>41</v>
      </c>
      <c r="DR11" s="62">
        <v>232</v>
      </c>
      <c r="DS11" s="63">
        <v>307</v>
      </c>
      <c r="DT11" s="60">
        <v>135</v>
      </c>
      <c r="DU11" s="61">
        <v>115</v>
      </c>
      <c r="DV11" s="62">
        <v>250</v>
      </c>
      <c r="DW11" s="231"/>
      <c r="DX11" s="61">
        <v>237</v>
      </c>
      <c r="DY11" s="61">
        <v>154</v>
      </c>
      <c r="DZ11" s="61">
        <v>81</v>
      </c>
      <c r="EA11" s="61">
        <v>94</v>
      </c>
      <c r="EB11" s="61">
        <v>44</v>
      </c>
      <c r="EC11" s="62">
        <v>610</v>
      </c>
      <c r="ED11" s="63">
        <v>860</v>
      </c>
      <c r="EE11" s="60">
        <v>290</v>
      </c>
      <c r="EF11" s="61">
        <v>307</v>
      </c>
      <c r="EG11" s="62">
        <v>597</v>
      </c>
      <c r="EH11" s="231"/>
      <c r="EI11" s="61">
        <v>542</v>
      </c>
      <c r="EJ11" s="61">
        <v>281</v>
      </c>
      <c r="EK11" s="61">
        <v>198</v>
      </c>
      <c r="EL11" s="61">
        <v>169</v>
      </c>
      <c r="EM11" s="61">
        <v>142</v>
      </c>
      <c r="EN11" s="62">
        <v>1332</v>
      </c>
      <c r="EO11" s="63">
        <v>1929</v>
      </c>
      <c r="EP11" s="60">
        <v>608</v>
      </c>
      <c r="EQ11" s="61">
        <v>569</v>
      </c>
      <c r="ER11" s="62">
        <v>1177</v>
      </c>
      <c r="ES11" s="231"/>
      <c r="ET11" s="61">
        <v>1008</v>
      </c>
      <c r="EU11" s="61">
        <v>562</v>
      </c>
      <c r="EV11" s="61">
        <v>353</v>
      </c>
      <c r="EW11" s="61">
        <v>345</v>
      </c>
      <c r="EX11" s="61">
        <v>229</v>
      </c>
      <c r="EY11" s="62">
        <v>2497</v>
      </c>
      <c r="EZ11" s="63">
        <v>3674</v>
      </c>
      <c r="FA11" s="60">
        <v>571</v>
      </c>
      <c r="FB11" s="61">
        <v>618</v>
      </c>
      <c r="FC11" s="62">
        <v>1189</v>
      </c>
      <c r="FD11" s="231"/>
      <c r="FE11" s="61">
        <v>1275</v>
      </c>
      <c r="FF11" s="61">
        <v>745</v>
      </c>
      <c r="FG11" s="61">
        <v>547</v>
      </c>
      <c r="FH11" s="61">
        <v>500</v>
      </c>
      <c r="FI11" s="61">
        <v>290</v>
      </c>
      <c r="FJ11" s="62">
        <v>3357</v>
      </c>
      <c r="FK11" s="63">
        <v>4546</v>
      </c>
      <c r="FL11" s="60">
        <v>324</v>
      </c>
      <c r="FM11" s="61">
        <v>398</v>
      </c>
      <c r="FN11" s="62">
        <v>722</v>
      </c>
      <c r="FO11" s="231"/>
      <c r="FP11" s="61">
        <v>1182</v>
      </c>
      <c r="FQ11" s="61">
        <v>897</v>
      </c>
      <c r="FR11" s="61">
        <v>808</v>
      </c>
      <c r="FS11" s="61">
        <v>809</v>
      </c>
      <c r="FT11" s="61">
        <v>446</v>
      </c>
      <c r="FU11" s="62">
        <v>4142</v>
      </c>
      <c r="FV11" s="63">
        <v>4864</v>
      </c>
      <c r="FW11" s="60">
        <v>10</v>
      </c>
      <c r="FX11" s="61">
        <v>18</v>
      </c>
      <c r="FY11" s="62">
        <v>28</v>
      </c>
      <c r="FZ11" s="231"/>
      <c r="GA11" s="61">
        <v>75</v>
      </c>
      <c r="GB11" s="61">
        <v>58</v>
      </c>
      <c r="GC11" s="61">
        <v>32</v>
      </c>
      <c r="GD11" s="61">
        <v>26</v>
      </c>
      <c r="GE11" s="61">
        <v>23</v>
      </c>
      <c r="GF11" s="62">
        <v>214</v>
      </c>
      <c r="GG11" s="63">
        <v>242</v>
      </c>
      <c r="GH11" s="60">
        <v>1968</v>
      </c>
      <c r="GI11" s="61">
        <v>2070</v>
      </c>
      <c r="GJ11" s="62">
        <v>4038</v>
      </c>
      <c r="GK11" s="231"/>
      <c r="GL11" s="61">
        <v>4406</v>
      </c>
      <c r="GM11" s="61">
        <v>2736</v>
      </c>
      <c r="GN11" s="61">
        <v>2052</v>
      </c>
      <c r="GO11" s="61">
        <v>1975</v>
      </c>
      <c r="GP11" s="61">
        <v>1215</v>
      </c>
      <c r="GQ11" s="62">
        <v>12384</v>
      </c>
      <c r="GR11" s="63">
        <v>16422</v>
      </c>
      <c r="GS11" s="113">
        <v>2975</v>
      </c>
      <c r="GT11" s="72">
        <v>2811</v>
      </c>
      <c r="GU11" s="73">
        <v>5786</v>
      </c>
      <c r="GV11" s="228"/>
      <c r="GW11" s="72">
        <v>6628</v>
      </c>
      <c r="GX11" s="72">
        <v>4198</v>
      </c>
      <c r="GY11" s="72">
        <v>2938</v>
      </c>
      <c r="GZ11" s="72">
        <v>2770</v>
      </c>
      <c r="HA11" s="72">
        <v>1657</v>
      </c>
      <c r="HB11" s="74">
        <v>18191</v>
      </c>
      <c r="HC11" s="75">
        <v>23977</v>
      </c>
      <c r="HD11" s="60">
        <v>65</v>
      </c>
      <c r="HE11" s="61">
        <v>72</v>
      </c>
      <c r="HF11" s="62">
        <v>137</v>
      </c>
      <c r="HG11" s="231"/>
      <c r="HH11" s="61">
        <v>187</v>
      </c>
      <c r="HI11" s="61">
        <v>100</v>
      </c>
      <c r="HJ11" s="61">
        <v>66</v>
      </c>
      <c r="HK11" s="61">
        <v>79</v>
      </c>
      <c r="HL11" s="61">
        <v>66</v>
      </c>
      <c r="HM11" s="62">
        <v>498</v>
      </c>
      <c r="HN11" s="63">
        <v>635</v>
      </c>
      <c r="HO11" s="60">
        <v>214</v>
      </c>
      <c r="HP11" s="61">
        <v>198</v>
      </c>
      <c r="HQ11" s="62">
        <v>412</v>
      </c>
      <c r="HR11" s="231"/>
      <c r="HS11" s="61">
        <v>462</v>
      </c>
      <c r="HT11" s="61">
        <v>315</v>
      </c>
      <c r="HU11" s="61">
        <v>173</v>
      </c>
      <c r="HV11" s="61">
        <v>175</v>
      </c>
      <c r="HW11" s="61">
        <v>117</v>
      </c>
      <c r="HX11" s="62">
        <v>1242</v>
      </c>
      <c r="HY11" s="63">
        <v>1654</v>
      </c>
      <c r="HZ11" s="60">
        <v>432</v>
      </c>
      <c r="IA11" s="61">
        <v>435</v>
      </c>
      <c r="IB11" s="62">
        <v>867</v>
      </c>
      <c r="IC11" s="231"/>
      <c r="ID11" s="61">
        <v>918</v>
      </c>
      <c r="IE11" s="61">
        <v>527</v>
      </c>
      <c r="IF11" s="61">
        <v>354</v>
      </c>
      <c r="IG11" s="61">
        <v>295</v>
      </c>
      <c r="IH11" s="61">
        <v>225</v>
      </c>
      <c r="II11" s="62">
        <v>2319</v>
      </c>
      <c r="IJ11" s="63">
        <v>3186</v>
      </c>
      <c r="IK11" s="60">
        <v>889</v>
      </c>
      <c r="IL11" s="61">
        <v>734</v>
      </c>
      <c r="IM11" s="62">
        <v>1623</v>
      </c>
      <c r="IN11" s="231"/>
      <c r="IO11" s="61">
        <v>1591</v>
      </c>
      <c r="IP11" s="61">
        <v>930</v>
      </c>
      <c r="IQ11" s="61">
        <v>600</v>
      </c>
      <c r="IR11" s="61">
        <v>537</v>
      </c>
      <c r="IS11" s="61">
        <v>336</v>
      </c>
      <c r="IT11" s="62">
        <v>3994</v>
      </c>
      <c r="IU11" s="63">
        <v>5617</v>
      </c>
      <c r="IV11" s="60">
        <v>878</v>
      </c>
      <c r="IW11" s="61">
        <v>854</v>
      </c>
      <c r="IX11" s="62">
        <v>1732</v>
      </c>
      <c r="IY11" s="231"/>
      <c r="IZ11" s="61">
        <v>1891</v>
      </c>
      <c r="JA11" s="61">
        <v>1124</v>
      </c>
      <c r="JB11" s="61">
        <v>753</v>
      </c>
      <c r="JC11" s="61">
        <v>711</v>
      </c>
      <c r="JD11" s="61">
        <v>392</v>
      </c>
      <c r="JE11" s="62">
        <v>4871</v>
      </c>
      <c r="JF11" s="63">
        <v>6603</v>
      </c>
      <c r="JG11" s="60">
        <v>497</v>
      </c>
      <c r="JH11" s="61">
        <v>518</v>
      </c>
      <c r="JI11" s="62">
        <v>1015</v>
      </c>
      <c r="JJ11" s="231"/>
      <c r="JK11" s="61">
        <v>1579</v>
      </c>
      <c r="JL11" s="61">
        <v>1202</v>
      </c>
      <c r="JM11" s="61">
        <v>992</v>
      </c>
      <c r="JN11" s="61">
        <v>973</v>
      </c>
      <c r="JO11" s="61">
        <v>521</v>
      </c>
      <c r="JP11" s="62">
        <v>5267</v>
      </c>
      <c r="JQ11" s="63">
        <v>6282</v>
      </c>
      <c r="JR11" s="60">
        <v>29</v>
      </c>
      <c r="JS11" s="61">
        <v>38</v>
      </c>
      <c r="JT11" s="62">
        <v>67</v>
      </c>
      <c r="JU11" s="231"/>
      <c r="JV11" s="61">
        <v>136</v>
      </c>
      <c r="JW11" s="61">
        <v>121</v>
      </c>
      <c r="JX11" s="61">
        <v>63</v>
      </c>
      <c r="JY11" s="61">
        <v>72</v>
      </c>
      <c r="JZ11" s="61">
        <v>50</v>
      </c>
      <c r="KA11" s="62">
        <v>442</v>
      </c>
      <c r="KB11" s="63">
        <v>509</v>
      </c>
      <c r="KC11" s="60">
        <v>3004</v>
      </c>
      <c r="KD11" s="61">
        <v>2849</v>
      </c>
      <c r="KE11" s="62">
        <v>5853</v>
      </c>
      <c r="KF11" s="231"/>
      <c r="KG11" s="61">
        <v>6764</v>
      </c>
      <c r="KH11" s="61">
        <v>4319</v>
      </c>
      <c r="KI11" s="61">
        <v>3001</v>
      </c>
      <c r="KJ11" s="61">
        <v>2842</v>
      </c>
      <c r="KK11" s="61">
        <v>1707</v>
      </c>
      <c r="KL11" s="62">
        <v>18633</v>
      </c>
      <c r="KM11" s="63">
        <v>24486</v>
      </c>
    </row>
    <row r="12" spans="2:299" ht="21" customHeight="1" x14ac:dyDescent="0.2">
      <c r="B12" s="472" t="s">
        <v>8</v>
      </c>
      <c r="C12" s="293">
        <v>582</v>
      </c>
      <c r="D12" s="72">
        <v>406</v>
      </c>
      <c r="E12" s="73">
        <v>988</v>
      </c>
      <c r="F12" s="228"/>
      <c r="G12" s="72">
        <v>1001</v>
      </c>
      <c r="H12" s="72">
        <v>880</v>
      </c>
      <c r="I12" s="72">
        <v>654</v>
      </c>
      <c r="J12" s="72">
        <v>505</v>
      </c>
      <c r="K12" s="72">
        <v>283</v>
      </c>
      <c r="L12" s="74">
        <v>3323</v>
      </c>
      <c r="M12" s="75">
        <v>4311</v>
      </c>
      <c r="N12" s="60">
        <v>20</v>
      </c>
      <c r="O12" s="61">
        <v>25</v>
      </c>
      <c r="P12" s="62">
        <v>45</v>
      </c>
      <c r="Q12" s="231"/>
      <c r="R12" s="61">
        <v>50</v>
      </c>
      <c r="S12" s="61">
        <v>42</v>
      </c>
      <c r="T12" s="61">
        <v>28</v>
      </c>
      <c r="U12" s="61">
        <v>27</v>
      </c>
      <c r="V12" s="61">
        <v>20</v>
      </c>
      <c r="W12" s="62">
        <v>167</v>
      </c>
      <c r="X12" s="63">
        <v>212</v>
      </c>
      <c r="Y12" s="60">
        <v>54</v>
      </c>
      <c r="Z12" s="61">
        <v>53</v>
      </c>
      <c r="AA12" s="62">
        <v>107</v>
      </c>
      <c r="AB12" s="231"/>
      <c r="AC12" s="61">
        <v>98</v>
      </c>
      <c r="AD12" s="61">
        <v>98</v>
      </c>
      <c r="AE12" s="61">
        <v>59</v>
      </c>
      <c r="AF12" s="61">
        <v>68</v>
      </c>
      <c r="AG12" s="61">
        <v>47</v>
      </c>
      <c r="AH12" s="62">
        <v>370</v>
      </c>
      <c r="AI12" s="63">
        <v>477</v>
      </c>
      <c r="AJ12" s="60">
        <v>90</v>
      </c>
      <c r="AK12" s="61">
        <v>63</v>
      </c>
      <c r="AL12" s="62">
        <v>153</v>
      </c>
      <c r="AM12" s="231"/>
      <c r="AN12" s="61">
        <v>174</v>
      </c>
      <c r="AO12" s="61">
        <v>144</v>
      </c>
      <c r="AP12" s="61">
        <v>106</v>
      </c>
      <c r="AQ12" s="61">
        <v>86</v>
      </c>
      <c r="AR12" s="61">
        <v>53</v>
      </c>
      <c r="AS12" s="62">
        <v>563</v>
      </c>
      <c r="AT12" s="63">
        <v>716</v>
      </c>
      <c r="AU12" s="60">
        <v>152</v>
      </c>
      <c r="AV12" s="61">
        <v>91</v>
      </c>
      <c r="AW12" s="62">
        <v>243</v>
      </c>
      <c r="AX12" s="231"/>
      <c r="AY12" s="61">
        <v>265</v>
      </c>
      <c r="AZ12" s="61">
        <v>245</v>
      </c>
      <c r="BA12" s="61">
        <v>158</v>
      </c>
      <c r="BB12" s="61">
        <v>132</v>
      </c>
      <c r="BC12" s="61">
        <v>62</v>
      </c>
      <c r="BD12" s="62">
        <v>862</v>
      </c>
      <c r="BE12" s="63">
        <v>1105</v>
      </c>
      <c r="BF12" s="60">
        <v>163</v>
      </c>
      <c r="BG12" s="61">
        <v>96</v>
      </c>
      <c r="BH12" s="62">
        <v>259</v>
      </c>
      <c r="BI12" s="231"/>
      <c r="BJ12" s="61">
        <v>237</v>
      </c>
      <c r="BK12" s="61">
        <v>193</v>
      </c>
      <c r="BL12" s="61">
        <v>165</v>
      </c>
      <c r="BM12" s="61">
        <v>96</v>
      </c>
      <c r="BN12" s="61">
        <v>62</v>
      </c>
      <c r="BO12" s="62">
        <v>753</v>
      </c>
      <c r="BP12" s="63">
        <v>1012</v>
      </c>
      <c r="BQ12" s="60">
        <v>103</v>
      </c>
      <c r="BR12" s="61">
        <v>78</v>
      </c>
      <c r="BS12" s="62">
        <v>181</v>
      </c>
      <c r="BT12" s="231"/>
      <c r="BU12" s="61">
        <v>177</v>
      </c>
      <c r="BV12" s="61">
        <v>158</v>
      </c>
      <c r="BW12" s="61">
        <v>138</v>
      </c>
      <c r="BX12" s="61">
        <v>96</v>
      </c>
      <c r="BY12" s="61">
        <v>39</v>
      </c>
      <c r="BZ12" s="62">
        <v>608</v>
      </c>
      <c r="CA12" s="63">
        <v>789</v>
      </c>
      <c r="CB12" s="60">
        <v>17</v>
      </c>
      <c r="CC12" s="61">
        <v>15</v>
      </c>
      <c r="CD12" s="62">
        <v>32</v>
      </c>
      <c r="CE12" s="231"/>
      <c r="CF12" s="61">
        <v>32</v>
      </c>
      <c r="CG12" s="61">
        <v>42</v>
      </c>
      <c r="CH12" s="61">
        <v>23</v>
      </c>
      <c r="CI12" s="61">
        <v>27</v>
      </c>
      <c r="CJ12" s="61">
        <v>12</v>
      </c>
      <c r="CK12" s="62">
        <v>136</v>
      </c>
      <c r="CL12" s="63">
        <v>168</v>
      </c>
      <c r="CM12" s="60">
        <v>599</v>
      </c>
      <c r="CN12" s="61">
        <v>421</v>
      </c>
      <c r="CO12" s="62">
        <v>1020</v>
      </c>
      <c r="CP12" s="231"/>
      <c r="CQ12" s="61">
        <v>1033</v>
      </c>
      <c r="CR12" s="61">
        <v>922</v>
      </c>
      <c r="CS12" s="61">
        <v>677</v>
      </c>
      <c r="CT12" s="61">
        <v>532</v>
      </c>
      <c r="CU12" s="61">
        <v>295</v>
      </c>
      <c r="CV12" s="62">
        <v>3459</v>
      </c>
      <c r="CW12" s="63">
        <v>4479</v>
      </c>
      <c r="CX12" s="113">
        <v>1113</v>
      </c>
      <c r="CY12" s="72">
        <v>971</v>
      </c>
      <c r="CZ12" s="73">
        <v>2084</v>
      </c>
      <c r="DA12" s="228"/>
      <c r="DB12" s="72">
        <v>1759</v>
      </c>
      <c r="DC12" s="72">
        <v>1616</v>
      </c>
      <c r="DD12" s="72">
        <v>1300</v>
      </c>
      <c r="DE12" s="72">
        <v>1115</v>
      </c>
      <c r="DF12" s="72">
        <v>665</v>
      </c>
      <c r="DG12" s="74">
        <v>6455</v>
      </c>
      <c r="DH12" s="75">
        <v>8539</v>
      </c>
      <c r="DI12" s="60">
        <v>28</v>
      </c>
      <c r="DJ12" s="61">
        <v>20</v>
      </c>
      <c r="DK12" s="62">
        <v>48</v>
      </c>
      <c r="DL12" s="231"/>
      <c r="DM12" s="61">
        <v>47</v>
      </c>
      <c r="DN12" s="61">
        <v>26</v>
      </c>
      <c r="DO12" s="61">
        <v>18</v>
      </c>
      <c r="DP12" s="61">
        <v>30</v>
      </c>
      <c r="DQ12" s="61">
        <v>17</v>
      </c>
      <c r="DR12" s="62">
        <v>138</v>
      </c>
      <c r="DS12" s="63">
        <v>186</v>
      </c>
      <c r="DT12" s="60">
        <v>93</v>
      </c>
      <c r="DU12" s="61">
        <v>62</v>
      </c>
      <c r="DV12" s="62">
        <v>155</v>
      </c>
      <c r="DW12" s="231"/>
      <c r="DX12" s="61">
        <v>93</v>
      </c>
      <c r="DY12" s="61">
        <v>78</v>
      </c>
      <c r="DZ12" s="61">
        <v>54</v>
      </c>
      <c r="EA12" s="61">
        <v>53</v>
      </c>
      <c r="EB12" s="61">
        <v>43</v>
      </c>
      <c r="EC12" s="62">
        <v>321</v>
      </c>
      <c r="ED12" s="63">
        <v>476</v>
      </c>
      <c r="EE12" s="60">
        <v>148</v>
      </c>
      <c r="EF12" s="61">
        <v>150</v>
      </c>
      <c r="EG12" s="62">
        <v>298</v>
      </c>
      <c r="EH12" s="231"/>
      <c r="EI12" s="61">
        <v>206</v>
      </c>
      <c r="EJ12" s="61">
        <v>159</v>
      </c>
      <c r="EK12" s="61">
        <v>111</v>
      </c>
      <c r="EL12" s="61">
        <v>109</v>
      </c>
      <c r="EM12" s="61">
        <v>74</v>
      </c>
      <c r="EN12" s="62">
        <v>659</v>
      </c>
      <c r="EO12" s="63">
        <v>957</v>
      </c>
      <c r="EP12" s="60">
        <v>367</v>
      </c>
      <c r="EQ12" s="61">
        <v>275</v>
      </c>
      <c r="ER12" s="62">
        <v>642</v>
      </c>
      <c r="ES12" s="231"/>
      <c r="ET12" s="61">
        <v>466</v>
      </c>
      <c r="EU12" s="61">
        <v>337</v>
      </c>
      <c r="EV12" s="61">
        <v>250</v>
      </c>
      <c r="EW12" s="61">
        <v>196</v>
      </c>
      <c r="EX12" s="61">
        <v>121</v>
      </c>
      <c r="EY12" s="62">
        <v>1370</v>
      </c>
      <c r="EZ12" s="63">
        <v>2012</v>
      </c>
      <c r="FA12" s="60">
        <v>298</v>
      </c>
      <c r="FB12" s="61">
        <v>283</v>
      </c>
      <c r="FC12" s="62">
        <v>581</v>
      </c>
      <c r="FD12" s="231"/>
      <c r="FE12" s="61">
        <v>520</v>
      </c>
      <c r="FF12" s="61">
        <v>472</v>
      </c>
      <c r="FG12" s="61">
        <v>366</v>
      </c>
      <c r="FH12" s="61">
        <v>251</v>
      </c>
      <c r="FI12" s="61">
        <v>177</v>
      </c>
      <c r="FJ12" s="62">
        <v>1786</v>
      </c>
      <c r="FK12" s="63">
        <v>2367</v>
      </c>
      <c r="FL12" s="60">
        <v>179</v>
      </c>
      <c r="FM12" s="61">
        <v>181</v>
      </c>
      <c r="FN12" s="62">
        <v>360</v>
      </c>
      <c r="FO12" s="231"/>
      <c r="FP12" s="61">
        <v>427</v>
      </c>
      <c r="FQ12" s="61">
        <v>544</v>
      </c>
      <c r="FR12" s="61">
        <v>501</v>
      </c>
      <c r="FS12" s="61">
        <v>476</v>
      </c>
      <c r="FT12" s="61">
        <v>233</v>
      </c>
      <c r="FU12" s="62">
        <v>2181</v>
      </c>
      <c r="FV12" s="63">
        <v>2541</v>
      </c>
      <c r="FW12" s="60">
        <v>9</v>
      </c>
      <c r="FX12" s="61">
        <v>17</v>
      </c>
      <c r="FY12" s="62">
        <v>26</v>
      </c>
      <c r="FZ12" s="231"/>
      <c r="GA12" s="61">
        <v>21</v>
      </c>
      <c r="GB12" s="61">
        <v>41</v>
      </c>
      <c r="GC12" s="61">
        <v>14</v>
      </c>
      <c r="GD12" s="61">
        <v>16</v>
      </c>
      <c r="GE12" s="61">
        <v>13</v>
      </c>
      <c r="GF12" s="62">
        <v>105</v>
      </c>
      <c r="GG12" s="63">
        <v>131</v>
      </c>
      <c r="GH12" s="60">
        <v>1122</v>
      </c>
      <c r="GI12" s="61">
        <v>988</v>
      </c>
      <c r="GJ12" s="62">
        <v>2110</v>
      </c>
      <c r="GK12" s="231"/>
      <c r="GL12" s="61">
        <v>1780</v>
      </c>
      <c r="GM12" s="61">
        <v>1657</v>
      </c>
      <c r="GN12" s="61">
        <v>1314</v>
      </c>
      <c r="GO12" s="61">
        <v>1131</v>
      </c>
      <c r="GP12" s="61">
        <v>678</v>
      </c>
      <c r="GQ12" s="62">
        <v>6560</v>
      </c>
      <c r="GR12" s="63">
        <v>8670</v>
      </c>
      <c r="GS12" s="113">
        <v>1695</v>
      </c>
      <c r="GT12" s="72">
        <v>1377</v>
      </c>
      <c r="GU12" s="73">
        <v>3072</v>
      </c>
      <c r="GV12" s="228"/>
      <c r="GW12" s="72">
        <v>2760</v>
      </c>
      <c r="GX12" s="72">
        <v>2496</v>
      </c>
      <c r="GY12" s="72">
        <v>1954</v>
      </c>
      <c r="GZ12" s="72">
        <v>1620</v>
      </c>
      <c r="HA12" s="72">
        <v>948</v>
      </c>
      <c r="HB12" s="74">
        <v>9778</v>
      </c>
      <c r="HC12" s="75">
        <v>12850</v>
      </c>
      <c r="HD12" s="60">
        <v>48</v>
      </c>
      <c r="HE12" s="61">
        <v>45</v>
      </c>
      <c r="HF12" s="62">
        <v>93</v>
      </c>
      <c r="HG12" s="231"/>
      <c r="HH12" s="61">
        <v>97</v>
      </c>
      <c r="HI12" s="61">
        <v>68</v>
      </c>
      <c r="HJ12" s="61">
        <v>46</v>
      </c>
      <c r="HK12" s="61">
        <v>57</v>
      </c>
      <c r="HL12" s="61">
        <v>37</v>
      </c>
      <c r="HM12" s="62">
        <v>305</v>
      </c>
      <c r="HN12" s="63">
        <v>398</v>
      </c>
      <c r="HO12" s="60">
        <v>147</v>
      </c>
      <c r="HP12" s="61">
        <v>115</v>
      </c>
      <c r="HQ12" s="62">
        <v>262</v>
      </c>
      <c r="HR12" s="231"/>
      <c r="HS12" s="61">
        <v>191</v>
      </c>
      <c r="HT12" s="61">
        <v>176</v>
      </c>
      <c r="HU12" s="61">
        <v>113</v>
      </c>
      <c r="HV12" s="61">
        <v>121</v>
      </c>
      <c r="HW12" s="61">
        <v>90</v>
      </c>
      <c r="HX12" s="62">
        <v>691</v>
      </c>
      <c r="HY12" s="63">
        <v>953</v>
      </c>
      <c r="HZ12" s="60">
        <v>238</v>
      </c>
      <c r="IA12" s="61">
        <v>213</v>
      </c>
      <c r="IB12" s="62">
        <v>451</v>
      </c>
      <c r="IC12" s="231"/>
      <c r="ID12" s="61">
        <v>380</v>
      </c>
      <c r="IE12" s="61">
        <v>303</v>
      </c>
      <c r="IF12" s="61">
        <v>217</v>
      </c>
      <c r="IG12" s="61">
        <v>195</v>
      </c>
      <c r="IH12" s="61">
        <v>127</v>
      </c>
      <c r="II12" s="62">
        <v>1222</v>
      </c>
      <c r="IJ12" s="63">
        <v>1673</v>
      </c>
      <c r="IK12" s="60">
        <v>519</v>
      </c>
      <c r="IL12" s="61">
        <v>366</v>
      </c>
      <c r="IM12" s="62">
        <v>885</v>
      </c>
      <c r="IN12" s="231"/>
      <c r="IO12" s="61">
        <v>731</v>
      </c>
      <c r="IP12" s="61">
        <v>582</v>
      </c>
      <c r="IQ12" s="61">
        <v>408</v>
      </c>
      <c r="IR12" s="61">
        <v>328</v>
      </c>
      <c r="IS12" s="61">
        <v>183</v>
      </c>
      <c r="IT12" s="62">
        <v>2232</v>
      </c>
      <c r="IU12" s="63">
        <v>3117</v>
      </c>
      <c r="IV12" s="60">
        <v>461</v>
      </c>
      <c r="IW12" s="61">
        <v>379</v>
      </c>
      <c r="IX12" s="62">
        <v>840</v>
      </c>
      <c r="IY12" s="231"/>
      <c r="IZ12" s="61">
        <v>757</v>
      </c>
      <c r="JA12" s="61">
        <v>665</v>
      </c>
      <c r="JB12" s="61">
        <v>531</v>
      </c>
      <c r="JC12" s="61">
        <v>347</v>
      </c>
      <c r="JD12" s="61">
        <v>239</v>
      </c>
      <c r="JE12" s="62">
        <v>2539</v>
      </c>
      <c r="JF12" s="63">
        <v>3379</v>
      </c>
      <c r="JG12" s="60">
        <v>282</v>
      </c>
      <c r="JH12" s="61">
        <v>259</v>
      </c>
      <c r="JI12" s="62">
        <v>541</v>
      </c>
      <c r="JJ12" s="231"/>
      <c r="JK12" s="61">
        <v>604</v>
      </c>
      <c r="JL12" s="61">
        <v>702</v>
      </c>
      <c r="JM12" s="61">
        <v>639</v>
      </c>
      <c r="JN12" s="61">
        <v>572</v>
      </c>
      <c r="JO12" s="61">
        <v>272</v>
      </c>
      <c r="JP12" s="62">
        <v>2789</v>
      </c>
      <c r="JQ12" s="63">
        <v>3330</v>
      </c>
      <c r="JR12" s="60">
        <v>26</v>
      </c>
      <c r="JS12" s="61">
        <v>32</v>
      </c>
      <c r="JT12" s="62">
        <v>58</v>
      </c>
      <c r="JU12" s="231"/>
      <c r="JV12" s="61">
        <v>53</v>
      </c>
      <c r="JW12" s="61">
        <v>83</v>
      </c>
      <c r="JX12" s="61">
        <v>37</v>
      </c>
      <c r="JY12" s="61">
        <v>43</v>
      </c>
      <c r="JZ12" s="61">
        <v>25</v>
      </c>
      <c r="KA12" s="62">
        <v>241</v>
      </c>
      <c r="KB12" s="63">
        <v>299</v>
      </c>
      <c r="KC12" s="60">
        <v>1721</v>
      </c>
      <c r="KD12" s="61">
        <v>1409</v>
      </c>
      <c r="KE12" s="62">
        <v>3130</v>
      </c>
      <c r="KF12" s="231"/>
      <c r="KG12" s="61">
        <v>2813</v>
      </c>
      <c r="KH12" s="61">
        <v>2579</v>
      </c>
      <c r="KI12" s="61">
        <v>1991</v>
      </c>
      <c r="KJ12" s="61">
        <v>1663</v>
      </c>
      <c r="KK12" s="61">
        <v>973</v>
      </c>
      <c r="KL12" s="62">
        <v>10019</v>
      </c>
      <c r="KM12" s="63">
        <v>13149</v>
      </c>
    </row>
    <row r="13" spans="2:299" ht="21" customHeight="1" x14ac:dyDescent="0.2">
      <c r="B13" s="472" t="s">
        <v>9</v>
      </c>
      <c r="C13" s="293">
        <v>712</v>
      </c>
      <c r="D13" s="72">
        <v>390</v>
      </c>
      <c r="E13" s="73">
        <v>1102</v>
      </c>
      <c r="F13" s="228"/>
      <c r="G13" s="72">
        <v>846</v>
      </c>
      <c r="H13" s="72">
        <v>568</v>
      </c>
      <c r="I13" s="72">
        <v>453</v>
      </c>
      <c r="J13" s="72">
        <v>374</v>
      </c>
      <c r="K13" s="72">
        <v>224</v>
      </c>
      <c r="L13" s="74">
        <v>2465</v>
      </c>
      <c r="M13" s="75">
        <v>3567</v>
      </c>
      <c r="N13" s="60">
        <v>25</v>
      </c>
      <c r="O13" s="61">
        <v>13</v>
      </c>
      <c r="P13" s="62">
        <v>38</v>
      </c>
      <c r="Q13" s="231"/>
      <c r="R13" s="61">
        <v>23</v>
      </c>
      <c r="S13" s="61">
        <v>22</v>
      </c>
      <c r="T13" s="61">
        <v>15</v>
      </c>
      <c r="U13" s="61">
        <v>12</v>
      </c>
      <c r="V13" s="61">
        <v>12</v>
      </c>
      <c r="W13" s="62">
        <v>84</v>
      </c>
      <c r="X13" s="63">
        <v>122</v>
      </c>
      <c r="Y13" s="60">
        <v>39</v>
      </c>
      <c r="Z13" s="61">
        <v>27</v>
      </c>
      <c r="AA13" s="62">
        <v>66</v>
      </c>
      <c r="AB13" s="231"/>
      <c r="AC13" s="61">
        <v>50</v>
      </c>
      <c r="AD13" s="61">
        <v>40</v>
      </c>
      <c r="AE13" s="61">
        <v>33</v>
      </c>
      <c r="AF13" s="61">
        <v>22</v>
      </c>
      <c r="AG13" s="61">
        <v>28</v>
      </c>
      <c r="AH13" s="62">
        <v>173</v>
      </c>
      <c r="AI13" s="63">
        <v>239</v>
      </c>
      <c r="AJ13" s="60">
        <v>74</v>
      </c>
      <c r="AK13" s="61">
        <v>52</v>
      </c>
      <c r="AL13" s="62">
        <v>126</v>
      </c>
      <c r="AM13" s="231"/>
      <c r="AN13" s="61">
        <v>102</v>
      </c>
      <c r="AO13" s="61">
        <v>73</v>
      </c>
      <c r="AP13" s="61">
        <v>64</v>
      </c>
      <c r="AQ13" s="61">
        <v>55</v>
      </c>
      <c r="AR13" s="61">
        <v>38</v>
      </c>
      <c r="AS13" s="62">
        <v>332</v>
      </c>
      <c r="AT13" s="63">
        <v>458</v>
      </c>
      <c r="AU13" s="60">
        <v>186</v>
      </c>
      <c r="AV13" s="61">
        <v>81</v>
      </c>
      <c r="AW13" s="62">
        <v>267</v>
      </c>
      <c r="AX13" s="231"/>
      <c r="AY13" s="61">
        <v>202</v>
      </c>
      <c r="AZ13" s="61">
        <v>126</v>
      </c>
      <c r="BA13" s="61">
        <v>80</v>
      </c>
      <c r="BB13" s="61">
        <v>62</v>
      </c>
      <c r="BC13" s="61">
        <v>43</v>
      </c>
      <c r="BD13" s="62">
        <v>513</v>
      </c>
      <c r="BE13" s="63">
        <v>780</v>
      </c>
      <c r="BF13" s="60">
        <v>221</v>
      </c>
      <c r="BG13" s="61">
        <v>133</v>
      </c>
      <c r="BH13" s="62">
        <v>354</v>
      </c>
      <c r="BI13" s="231"/>
      <c r="BJ13" s="61">
        <v>247</v>
      </c>
      <c r="BK13" s="61">
        <v>148</v>
      </c>
      <c r="BL13" s="61">
        <v>117</v>
      </c>
      <c r="BM13" s="61">
        <v>109</v>
      </c>
      <c r="BN13" s="61">
        <v>47</v>
      </c>
      <c r="BO13" s="62">
        <v>668</v>
      </c>
      <c r="BP13" s="63">
        <v>1022</v>
      </c>
      <c r="BQ13" s="60">
        <v>167</v>
      </c>
      <c r="BR13" s="61">
        <v>84</v>
      </c>
      <c r="BS13" s="62">
        <v>251</v>
      </c>
      <c r="BT13" s="231"/>
      <c r="BU13" s="61">
        <v>222</v>
      </c>
      <c r="BV13" s="61">
        <v>159</v>
      </c>
      <c r="BW13" s="61">
        <v>144</v>
      </c>
      <c r="BX13" s="61">
        <v>114</v>
      </c>
      <c r="BY13" s="61">
        <v>56</v>
      </c>
      <c r="BZ13" s="62">
        <v>695</v>
      </c>
      <c r="CA13" s="63">
        <v>946</v>
      </c>
      <c r="CB13" s="60">
        <v>4</v>
      </c>
      <c r="CC13" s="61">
        <v>13</v>
      </c>
      <c r="CD13" s="62">
        <v>17</v>
      </c>
      <c r="CE13" s="231"/>
      <c r="CF13" s="61">
        <v>25</v>
      </c>
      <c r="CG13" s="61">
        <v>24</v>
      </c>
      <c r="CH13" s="61">
        <v>18</v>
      </c>
      <c r="CI13" s="61">
        <v>15</v>
      </c>
      <c r="CJ13" s="61">
        <v>8</v>
      </c>
      <c r="CK13" s="62">
        <v>90</v>
      </c>
      <c r="CL13" s="63">
        <v>107</v>
      </c>
      <c r="CM13" s="60">
        <v>716</v>
      </c>
      <c r="CN13" s="61">
        <v>403</v>
      </c>
      <c r="CO13" s="62">
        <v>1119</v>
      </c>
      <c r="CP13" s="231"/>
      <c r="CQ13" s="61">
        <v>871</v>
      </c>
      <c r="CR13" s="61">
        <v>592</v>
      </c>
      <c r="CS13" s="61">
        <v>471</v>
      </c>
      <c r="CT13" s="61">
        <v>389</v>
      </c>
      <c r="CU13" s="61">
        <v>232</v>
      </c>
      <c r="CV13" s="62">
        <v>2555</v>
      </c>
      <c r="CW13" s="63">
        <v>3674</v>
      </c>
      <c r="CX13" s="113">
        <v>1403</v>
      </c>
      <c r="CY13" s="72">
        <v>1009</v>
      </c>
      <c r="CZ13" s="73">
        <v>2412</v>
      </c>
      <c r="DA13" s="228"/>
      <c r="DB13" s="72">
        <v>1702</v>
      </c>
      <c r="DC13" s="72">
        <v>1128</v>
      </c>
      <c r="DD13" s="72">
        <v>951</v>
      </c>
      <c r="DE13" s="72">
        <v>1031</v>
      </c>
      <c r="DF13" s="72">
        <v>749</v>
      </c>
      <c r="DG13" s="74">
        <v>5561</v>
      </c>
      <c r="DH13" s="75">
        <v>7973</v>
      </c>
      <c r="DI13" s="60">
        <v>22</v>
      </c>
      <c r="DJ13" s="61">
        <v>20</v>
      </c>
      <c r="DK13" s="62">
        <v>42</v>
      </c>
      <c r="DL13" s="231"/>
      <c r="DM13" s="61">
        <v>11</v>
      </c>
      <c r="DN13" s="61">
        <v>16</v>
      </c>
      <c r="DO13" s="61">
        <v>15</v>
      </c>
      <c r="DP13" s="61">
        <v>5</v>
      </c>
      <c r="DQ13" s="61">
        <v>15</v>
      </c>
      <c r="DR13" s="62">
        <v>62</v>
      </c>
      <c r="DS13" s="63">
        <v>104</v>
      </c>
      <c r="DT13" s="60">
        <v>62</v>
      </c>
      <c r="DU13" s="61">
        <v>53</v>
      </c>
      <c r="DV13" s="62">
        <v>115</v>
      </c>
      <c r="DW13" s="231"/>
      <c r="DX13" s="61">
        <v>67</v>
      </c>
      <c r="DY13" s="61">
        <v>31</v>
      </c>
      <c r="DZ13" s="61">
        <v>28</v>
      </c>
      <c r="EA13" s="61">
        <v>28</v>
      </c>
      <c r="EB13" s="61">
        <v>21</v>
      </c>
      <c r="EC13" s="62">
        <v>175</v>
      </c>
      <c r="ED13" s="63">
        <v>290</v>
      </c>
      <c r="EE13" s="60">
        <v>198</v>
      </c>
      <c r="EF13" s="61">
        <v>141</v>
      </c>
      <c r="EG13" s="62">
        <v>339</v>
      </c>
      <c r="EH13" s="231"/>
      <c r="EI13" s="61">
        <v>160</v>
      </c>
      <c r="EJ13" s="61">
        <v>97</v>
      </c>
      <c r="EK13" s="61">
        <v>71</v>
      </c>
      <c r="EL13" s="61">
        <v>64</v>
      </c>
      <c r="EM13" s="61">
        <v>72</v>
      </c>
      <c r="EN13" s="62">
        <v>464</v>
      </c>
      <c r="EO13" s="63">
        <v>803</v>
      </c>
      <c r="EP13" s="60">
        <v>383</v>
      </c>
      <c r="EQ13" s="61">
        <v>251</v>
      </c>
      <c r="ER13" s="62">
        <v>634</v>
      </c>
      <c r="ES13" s="231"/>
      <c r="ET13" s="61">
        <v>365</v>
      </c>
      <c r="EU13" s="61">
        <v>200</v>
      </c>
      <c r="EV13" s="61">
        <v>140</v>
      </c>
      <c r="EW13" s="61">
        <v>168</v>
      </c>
      <c r="EX13" s="61">
        <v>110</v>
      </c>
      <c r="EY13" s="62">
        <v>983</v>
      </c>
      <c r="EZ13" s="63">
        <v>1617</v>
      </c>
      <c r="FA13" s="60">
        <v>464</v>
      </c>
      <c r="FB13" s="61">
        <v>306</v>
      </c>
      <c r="FC13" s="62">
        <v>770</v>
      </c>
      <c r="FD13" s="231"/>
      <c r="FE13" s="61">
        <v>487</v>
      </c>
      <c r="FF13" s="61">
        <v>336</v>
      </c>
      <c r="FG13" s="61">
        <v>245</v>
      </c>
      <c r="FH13" s="61">
        <v>235</v>
      </c>
      <c r="FI13" s="61">
        <v>182</v>
      </c>
      <c r="FJ13" s="62">
        <v>1485</v>
      </c>
      <c r="FK13" s="63">
        <v>2255</v>
      </c>
      <c r="FL13" s="60">
        <v>274</v>
      </c>
      <c r="FM13" s="61">
        <v>238</v>
      </c>
      <c r="FN13" s="62">
        <v>512</v>
      </c>
      <c r="FO13" s="231"/>
      <c r="FP13" s="61">
        <v>612</v>
      </c>
      <c r="FQ13" s="61">
        <v>448</v>
      </c>
      <c r="FR13" s="61">
        <v>452</v>
      </c>
      <c r="FS13" s="61">
        <v>531</v>
      </c>
      <c r="FT13" s="61">
        <v>349</v>
      </c>
      <c r="FU13" s="62">
        <v>2392</v>
      </c>
      <c r="FV13" s="63">
        <v>2904</v>
      </c>
      <c r="FW13" s="60">
        <v>7</v>
      </c>
      <c r="FX13" s="61">
        <v>16</v>
      </c>
      <c r="FY13" s="62">
        <v>23</v>
      </c>
      <c r="FZ13" s="231"/>
      <c r="GA13" s="61">
        <v>10</v>
      </c>
      <c r="GB13" s="61">
        <v>18</v>
      </c>
      <c r="GC13" s="61">
        <v>11</v>
      </c>
      <c r="GD13" s="61">
        <v>15</v>
      </c>
      <c r="GE13" s="61">
        <v>11</v>
      </c>
      <c r="GF13" s="62">
        <v>65</v>
      </c>
      <c r="GG13" s="63">
        <v>88</v>
      </c>
      <c r="GH13" s="60">
        <v>1410</v>
      </c>
      <c r="GI13" s="61">
        <v>1025</v>
      </c>
      <c r="GJ13" s="62">
        <v>2435</v>
      </c>
      <c r="GK13" s="231"/>
      <c r="GL13" s="61">
        <v>1712</v>
      </c>
      <c r="GM13" s="61">
        <v>1146</v>
      </c>
      <c r="GN13" s="61">
        <v>962</v>
      </c>
      <c r="GO13" s="61">
        <v>1046</v>
      </c>
      <c r="GP13" s="61">
        <v>760</v>
      </c>
      <c r="GQ13" s="62">
        <v>5626</v>
      </c>
      <c r="GR13" s="63">
        <v>8061</v>
      </c>
      <c r="GS13" s="113">
        <v>2115</v>
      </c>
      <c r="GT13" s="72">
        <v>1399</v>
      </c>
      <c r="GU13" s="73">
        <v>3514</v>
      </c>
      <c r="GV13" s="228"/>
      <c r="GW13" s="72">
        <v>2548</v>
      </c>
      <c r="GX13" s="72">
        <v>1696</v>
      </c>
      <c r="GY13" s="72">
        <v>1404</v>
      </c>
      <c r="GZ13" s="72">
        <v>1405</v>
      </c>
      <c r="HA13" s="72">
        <v>973</v>
      </c>
      <c r="HB13" s="74">
        <v>8026</v>
      </c>
      <c r="HC13" s="75">
        <v>11540</v>
      </c>
      <c r="HD13" s="60">
        <v>47</v>
      </c>
      <c r="HE13" s="61">
        <v>33</v>
      </c>
      <c r="HF13" s="62">
        <v>80</v>
      </c>
      <c r="HG13" s="231"/>
      <c r="HH13" s="61">
        <v>34</v>
      </c>
      <c r="HI13" s="61">
        <v>38</v>
      </c>
      <c r="HJ13" s="61">
        <v>30</v>
      </c>
      <c r="HK13" s="61">
        <v>17</v>
      </c>
      <c r="HL13" s="61">
        <v>27</v>
      </c>
      <c r="HM13" s="62">
        <v>146</v>
      </c>
      <c r="HN13" s="63">
        <v>226</v>
      </c>
      <c r="HO13" s="60">
        <v>101</v>
      </c>
      <c r="HP13" s="61">
        <v>80</v>
      </c>
      <c r="HQ13" s="62">
        <v>181</v>
      </c>
      <c r="HR13" s="231"/>
      <c r="HS13" s="61">
        <v>117</v>
      </c>
      <c r="HT13" s="61">
        <v>71</v>
      </c>
      <c r="HU13" s="61">
        <v>61</v>
      </c>
      <c r="HV13" s="61">
        <v>50</v>
      </c>
      <c r="HW13" s="61">
        <v>49</v>
      </c>
      <c r="HX13" s="62">
        <v>348</v>
      </c>
      <c r="HY13" s="63">
        <v>529</v>
      </c>
      <c r="HZ13" s="60">
        <v>272</v>
      </c>
      <c r="IA13" s="61">
        <v>193</v>
      </c>
      <c r="IB13" s="62">
        <v>465</v>
      </c>
      <c r="IC13" s="231"/>
      <c r="ID13" s="61">
        <v>262</v>
      </c>
      <c r="IE13" s="61">
        <v>170</v>
      </c>
      <c r="IF13" s="61">
        <v>135</v>
      </c>
      <c r="IG13" s="61">
        <v>119</v>
      </c>
      <c r="IH13" s="61">
        <v>110</v>
      </c>
      <c r="II13" s="62">
        <v>796</v>
      </c>
      <c r="IJ13" s="63">
        <v>1261</v>
      </c>
      <c r="IK13" s="60">
        <v>569</v>
      </c>
      <c r="IL13" s="61">
        <v>332</v>
      </c>
      <c r="IM13" s="62">
        <v>901</v>
      </c>
      <c r="IN13" s="231"/>
      <c r="IO13" s="61">
        <v>567</v>
      </c>
      <c r="IP13" s="61">
        <v>326</v>
      </c>
      <c r="IQ13" s="61">
        <v>220</v>
      </c>
      <c r="IR13" s="61">
        <v>230</v>
      </c>
      <c r="IS13" s="61">
        <v>153</v>
      </c>
      <c r="IT13" s="62">
        <v>1496</v>
      </c>
      <c r="IU13" s="63">
        <v>2397</v>
      </c>
      <c r="IV13" s="60">
        <v>685</v>
      </c>
      <c r="IW13" s="61">
        <v>439</v>
      </c>
      <c r="IX13" s="62">
        <v>1124</v>
      </c>
      <c r="IY13" s="231"/>
      <c r="IZ13" s="61">
        <v>734</v>
      </c>
      <c r="JA13" s="61">
        <v>484</v>
      </c>
      <c r="JB13" s="61">
        <v>362</v>
      </c>
      <c r="JC13" s="61">
        <v>344</v>
      </c>
      <c r="JD13" s="61">
        <v>229</v>
      </c>
      <c r="JE13" s="62">
        <v>2153</v>
      </c>
      <c r="JF13" s="63">
        <v>3277</v>
      </c>
      <c r="JG13" s="60">
        <v>441</v>
      </c>
      <c r="JH13" s="61">
        <v>322</v>
      </c>
      <c r="JI13" s="62">
        <v>763</v>
      </c>
      <c r="JJ13" s="231"/>
      <c r="JK13" s="61">
        <v>834</v>
      </c>
      <c r="JL13" s="61">
        <v>607</v>
      </c>
      <c r="JM13" s="61">
        <v>596</v>
      </c>
      <c r="JN13" s="61">
        <v>645</v>
      </c>
      <c r="JO13" s="61">
        <v>405</v>
      </c>
      <c r="JP13" s="62">
        <v>3087</v>
      </c>
      <c r="JQ13" s="63">
        <v>3850</v>
      </c>
      <c r="JR13" s="60">
        <v>11</v>
      </c>
      <c r="JS13" s="61">
        <v>29</v>
      </c>
      <c r="JT13" s="62">
        <v>40</v>
      </c>
      <c r="JU13" s="231"/>
      <c r="JV13" s="61">
        <v>35</v>
      </c>
      <c r="JW13" s="61">
        <v>42</v>
      </c>
      <c r="JX13" s="61">
        <v>29</v>
      </c>
      <c r="JY13" s="61">
        <v>30</v>
      </c>
      <c r="JZ13" s="61">
        <v>19</v>
      </c>
      <c r="KA13" s="62">
        <v>155</v>
      </c>
      <c r="KB13" s="63">
        <v>195</v>
      </c>
      <c r="KC13" s="60">
        <v>2126</v>
      </c>
      <c r="KD13" s="61">
        <v>1428</v>
      </c>
      <c r="KE13" s="62">
        <v>3554</v>
      </c>
      <c r="KF13" s="231"/>
      <c r="KG13" s="61">
        <v>2583</v>
      </c>
      <c r="KH13" s="61">
        <v>1738</v>
      </c>
      <c r="KI13" s="61">
        <v>1433</v>
      </c>
      <c r="KJ13" s="61">
        <v>1435</v>
      </c>
      <c r="KK13" s="61">
        <v>992</v>
      </c>
      <c r="KL13" s="62">
        <v>8181</v>
      </c>
      <c r="KM13" s="63">
        <v>11735</v>
      </c>
    </row>
    <row r="14" spans="2:299" ht="21" customHeight="1" x14ac:dyDescent="0.2">
      <c r="B14" s="472" t="s">
        <v>10</v>
      </c>
      <c r="C14" s="293">
        <v>1536</v>
      </c>
      <c r="D14" s="72">
        <v>984</v>
      </c>
      <c r="E14" s="73">
        <v>2520</v>
      </c>
      <c r="F14" s="228"/>
      <c r="G14" s="72">
        <v>1743</v>
      </c>
      <c r="H14" s="72">
        <v>1050</v>
      </c>
      <c r="I14" s="72">
        <v>679</v>
      </c>
      <c r="J14" s="72">
        <v>632</v>
      </c>
      <c r="K14" s="72">
        <v>443</v>
      </c>
      <c r="L14" s="74">
        <v>4547</v>
      </c>
      <c r="M14" s="75">
        <v>7067</v>
      </c>
      <c r="N14" s="60">
        <v>62</v>
      </c>
      <c r="O14" s="61">
        <v>64</v>
      </c>
      <c r="P14" s="62">
        <v>126</v>
      </c>
      <c r="Q14" s="231"/>
      <c r="R14" s="61">
        <v>74</v>
      </c>
      <c r="S14" s="61">
        <v>49</v>
      </c>
      <c r="T14" s="61">
        <v>23</v>
      </c>
      <c r="U14" s="61">
        <v>41</v>
      </c>
      <c r="V14" s="61">
        <v>25</v>
      </c>
      <c r="W14" s="62">
        <v>212</v>
      </c>
      <c r="X14" s="63">
        <v>338</v>
      </c>
      <c r="Y14" s="60">
        <v>149</v>
      </c>
      <c r="Z14" s="61">
        <v>105</v>
      </c>
      <c r="AA14" s="62">
        <v>254</v>
      </c>
      <c r="AB14" s="231"/>
      <c r="AC14" s="61">
        <v>166</v>
      </c>
      <c r="AD14" s="61">
        <v>112</v>
      </c>
      <c r="AE14" s="61">
        <v>73</v>
      </c>
      <c r="AF14" s="61">
        <v>52</v>
      </c>
      <c r="AG14" s="61">
        <v>66</v>
      </c>
      <c r="AH14" s="62">
        <v>469</v>
      </c>
      <c r="AI14" s="63">
        <v>723</v>
      </c>
      <c r="AJ14" s="60">
        <v>225</v>
      </c>
      <c r="AK14" s="61">
        <v>168</v>
      </c>
      <c r="AL14" s="62">
        <v>393</v>
      </c>
      <c r="AM14" s="231"/>
      <c r="AN14" s="61">
        <v>294</v>
      </c>
      <c r="AO14" s="61">
        <v>170</v>
      </c>
      <c r="AP14" s="61">
        <v>97</v>
      </c>
      <c r="AQ14" s="61">
        <v>107</v>
      </c>
      <c r="AR14" s="61">
        <v>78</v>
      </c>
      <c r="AS14" s="62">
        <v>746</v>
      </c>
      <c r="AT14" s="63">
        <v>1139</v>
      </c>
      <c r="AU14" s="60">
        <v>389</v>
      </c>
      <c r="AV14" s="61">
        <v>229</v>
      </c>
      <c r="AW14" s="62">
        <v>618</v>
      </c>
      <c r="AX14" s="231"/>
      <c r="AY14" s="61">
        <v>426</v>
      </c>
      <c r="AZ14" s="61">
        <v>258</v>
      </c>
      <c r="BA14" s="61">
        <v>141</v>
      </c>
      <c r="BB14" s="61">
        <v>133</v>
      </c>
      <c r="BC14" s="61">
        <v>104</v>
      </c>
      <c r="BD14" s="62">
        <v>1062</v>
      </c>
      <c r="BE14" s="63">
        <v>1680</v>
      </c>
      <c r="BF14" s="60">
        <v>443</v>
      </c>
      <c r="BG14" s="61">
        <v>259</v>
      </c>
      <c r="BH14" s="62">
        <v>702</v>
      </c>
      <c r="BI14" s="231"/>
      <c r="BJ14" s="61">
        <v>460</v>
      </c>
      <c r="BK14" s="61">
        <v>261</v>
      </c>
      <c r="BL14" s="61">
        <v>170</v>
      </c>
      <c r="BM14" s="61">
        <v>147</v>
      </c>
      <c r="BN14" s="61">
        <v>90</v>
      </c>
      <c r="BO14" s="62">
        <v>1128</v>
      </c>
      <c r="BP14" s="63">
        <v>1830</v>
      </c>
      <c r="BQ14" s="60">
        <v>268</v>
      </c>
      <c r="BR14" s="61">
        <v>159</v>
      </c>
      <c r="BS14" s="62">
        <v>427</v>
      </c>
      <c r="BT14" s="231"/>
      <c r="BU14" s="61">
        <v>323</v>
      </c>
      <c r="BV14" s="61">
        <v>200</v>
      </c>
      <c r="BW14" s="61">
        <v>175</v>
      </c>
      <c r="BX14" s="61">
        <v>152</v>
      </c>
      <c r="BY14" s="61">
        <v>80</v>
      </c>
      <c r="BZ14" s="62">
        <v>930</v>
      </c>
      <c r="CA14" s="63">
        <v>1357</v>
      </c>
      <c r="CB14" s="60">
        <v>56</v>
      </c>
      <c r="CC14" s="61">
        <v>30</v>
      </c>
      <c r="CD14" s="62">
        <v>86</v>
      </c>
      <c r="CE14" s="231"/>
      <c r="CF14" s="61">
        <v>73</v>
      </c>
      <c r="CG14" s="61">
        <v>53</v>
      </c>
      <c r="CH14" s="61">
        <v>32</v>
      </c>
      <c r="CI14" s="61">
        <v>30</v>
      </c>
      <c r="CJ14" s="61">
        <v>39</v>
      </c>
      <c r="CK14" s="62">
        <v>227</v>
      </c>
      <c r="CL14" s="63">
        <v>313</v>
      </c>
      <c r="CM14" s="60">
        <v>1592</v>
      </c>
      <c r="CN14" s="61">
        <v>1014</v>
      </c>
      <c r="CO14" s="62">
        <v>2606</v>
      </c>
      <c r="CP14" s="231"/>
      <c r="CQ14" s="61">
        <v>1816</v>
      </c>
      <c r="CR14" s="61">
        <v>1103</v>
      </c>
      <c r="CS14" s="61">
        <v>711</v>
      </c>
      <c r="CT14" s="61">
        <v>662</v>
      </c>
      <c r="CU14" s="61">
        <v>482</v>
      </c>
      <c r="CV14" s="62">
        <v>4774</v>
      </c>
      <c r="CW14" s="63">
        <v>7380</v>
      </c>
      <c r="CX14" s="113">
        <v>3105</v>
      </c>
      <c r="CY14" s="72">
        <v>2233</v>
      </c>
      <c r="CZ14" s="73">
        <v>5338</v>
      </c>
      <c r="DA14" s="228"/>
      <c r="DB14" s="72">
        <v>3297</v>
      </c>
      <c r="DC14" s="72">
        <v>1796</v>
      </c>
      <c r="DD14" s="72">
        <v>1493</v>
      </c>
      <c r="DE14" s="72">
        <v>1542</v>
      </c>
      <c r="DF14" s="72">
        <v>1235</v>
      </c>
      <c r="DG14" s="74">
        <v>9363</v>
      </c>
      <c r="DH14" s="75">
        <v>14701</v>
      </c>
      <c r="DI14" s="60">
        <v>55</v>
      </c>
      <c r="DJ14" s="61">
        <v>57</v>
      </c>
      <c r="DK14" s="62">
        <v>112</v>
      </c>
      <c r="DL14" s="231"/>
      <c r="DM14" s="61">
        <v>73</v>
      </c>
      <c r="DN14" s="61">
        <v>31</v>
      </c>
      <c r="DO14" s="61">
        <v>19</v>
      </c>
      <c r="DP14" s="61">
        <v>27</v>
      </c>
      <c r="DQ14" s="61">
        <v>22</v>
      </c>
      <c r="DR14" s="62">
        <v>172</v>
      </c>
      <c r="DS14" s="63">
        <v>284</v>
      </c>
      <c r="DT14" s="60">
        <v>191</v>
      </c>
      <c r="DU14" s="61">
        <v>130</v>
      </c>
      <c r="DV14" s="62">
        <v>321</v>
      </c>
      <c r="DW14" s="231"/>
      <c r="DX14" s="61">
        <v>190</v>
      </c>
      <c r="DY14" s="61">
        <v>90</v>
      </c>
      <c r="DZ14" s="61">
        <v>51</v>
      </c>
      <c r="EA14" s="61">
        <v>56</v>
      </c>
      <c r="EB14" s="61">
        <v>56</v>
      </c>
      <c r="EC14" s="62">
        <v>443</v>
      </c>
      <c r="ED14" s="63">
        <v>764</v>
      </c>
      <c r="EE14" s="60">
        <v>472</v>
      </c>
      <c r="EF14" s="61">
        <v>286</v>
      </c>
      <c r="EG14" s="62">
        <v>758</v>
      </c>
      <c r="EH14" s="231"/>
      <c r="EI14" s="61">
        <v>396</v>
      </c>
      <c r="EJ14" s="61">
        <v>194</v>
      </c>
      <c r="EK14" s="61">
        <v>133</v>
      </c>
      <c r="EL14" s="61">
        <v>116</v>
      </c>
      <c r="EM14" s="61">
        <v>110</v>
      </c>
      <c r="EN14" s="62">
        <v>949</v>
      </c>
      <c r="EO14" s="63">
        <v>1707</v>
      </c>
      <c r="EP14" s="60">
        <v>901</v>
      </c>
      <c r="EQ14" s="61">
        <v>604</v>
      </c>
      <c r="ER14" s="62">
        <v>1505</v>
      </c>
      <c r="ES14" s="231"/>
      <c r="ET14" s="61">
        <v>702</v>
      </c>
      <c r="EU14" s="61">
        <v>353</v>
      </c>
      <c r="EV14" s="61">
        <v>256</v>
      </c>
      <c r="EW14" s="61">
        <v>262</v>
      </c>
      <c r="EX14" s="61">
        <v>213</v>
      </c>
      <c r="EY14" s="62">
        <v>1786</v>
      </c>
      <c r="EZ14" s="63">
        <v>3291</v>
      </c>
      <c r="FA14" s="60">
        <v>984</v>
      </c>
      <c r="FB14" s="61">
        <v>655</v>
      </c>
      <c r="FC14" s="62">
        <v>1639</v>
      </c>
      <c r="FD14" s="231"/>
      <c r="FE14" s="61">
        <v>993</v>
      </c>
      <c r="FF14" s="61">
        <v>487</v>
      </c>
      <c r="FG14" s="61">
        <v>433</v>
      </c>
      <c r="FH14" s="61">
        <v>362</v>
      </c>
      <c r="FI14" s="61">
        <v>323</v>
      </c>
      <c r="FJ14" s="62">
        <v>2598</v>
      </c>
      <c r="FK14" s="63">
        <v>4237</v>
      </c>
      <c r="FL14" s="60">
        <v>502</v>
      </c>
      <c r="FM14" s="61">
        <v>501</v>
      </c>
      <c r="FN14" s="62">
        <v>1003</v>
      </c>
      <c r="FO14" s="231"/>
      <c r="FP14" s="61">
        <v>943</v>
      </c>
      <c r="FQ14" s="61">
        <v>641</v>
      </c>
      <c r="FR14" s="61">
        <v>601</v>
      </c>
      <c r="FS14" s="61">
        <v>719</v>
      </c>
      <c r="FT14" s="61">
        <v>511</v>
      </c>
      <c r="FU14" s="62">
        <v>3415</v>
      </c>
      <c r="FV14" s="63">
        <v>4418</v>
      </c>
      <c r="FW14" s="60">
        <v>31</v>
      </c>
      <c r="FX14" s="61">
        <v>42</v>
      </c>
      <c r="FY14" s="62">
        <v>73</v>
      </c>
      <c r="FZ14" s="231"/>
      <c r="GA14" s="61">
        <v>62</v>
      </c>
      <c r="GB14" s="61">
        <v>38</v>
      </c>
      <c r="GC14" s="61">
        <v>24</v>
      </c>
      <c r="GD14" s="61">
        <v>22</v>
      </c>
      <c r="GE14" s="61">
        <v>25</v>
      </c>
      <c r="GF14" s="62">
        <v>171</v>
      </c>
      <c r="GG14" s="63">
        <v>244</v>
      </c>
      <c r="GH14" s="60">
        <v>3136</v>
      </c>
      <c r="GI14" s="61">
        <v>2275</v>
      </c>
      <c r="GJ14" s="62">
        <v>5411</v>
      </c>
      <c r="GK14" s="231"/>
      <c r="GL14" s="61">
        <v>3359</v>
      </c>
      <c r="GM14" s="61">
        <v>1834</v>
      </c>
      <c r="GN14" s="61">
        <v>1517</v>
      </c>
      <c r="GO14" s="61">
        <v>1564</v>
      </c>
      <c r="GP14" s="61">
        <v>1260</v>
      </c>
      <c r="GQ14" s="62">
        <v>9534</v>
      </c>
      <c r="GR14" s="63">
        <v>14945</v>
      </c>
      <c r="GS14" s="113">
        <v>4641</v>
      </c>
      <c r="GT14" s="72">
        <v>3217</v>
      </c>
      <c r="GU14" s="73">
        <v>7858</v>
      </c>
      <c r="GV14" s="228"/>
      <c r="GW14" s="72">
        <v>5040</v>
      </c>
      <c r="GX14" s="72">
        <v>2846</v>
      </c>
      <c r="GY14" s="72">
        <v>2172</v>
      </c>
      <c r="GZ14" s="72">
        <v>2174</v>
      </c>
      <c r="HA14" s="72">
        <v>1678</v>
      </c>
      <c r="HB14" s="74">
        <v>13910</v>
      </c>
      <c r="HC14" s="75">
        <v>21768</v>
      </c>
      <c r="HD14" s="60">
        <v>117</v>
      </c>
      <c r="HE14" s="61">
        <v>121</v>
      </c>
      <c r="HF14" s="62">
        <v>238</v>
      </c>
      <c r="HG14" s="231"/>
      <c r="HH14" s="61">
        <v>147</v>
      </c>
      <c r="HI14" s="61">
        <v>80</v>
      </c>
      <c r="HJ14" s="61">
        <v>42</v>
      </c>
      <c r="HK14" s="61">
        <v>68</v>
      </c>
      <c r="HL14" s="61">
        <v>47</v>
      </c>
      <c r="HM14" s="62">
        <v>384</v>
      </c>
      <c r="HN14" s="63">
        <v>622</v>
      </c>
      <c r="HO14" s="60">
        <v>340</v>
      </c>
      <c r="HP14" s="61">
        <v>235</v>
      </c>
      <c r="HQ14" s="62">
        <v>575</v>
      </c>
      <c r="HR14" s="231"/>
      <c r="HS14" s="61">
        <v>356</v>
      </c>
      <c r="HT14" s="61">
        <v>202</v>
      </c>
      <c r="HU14" s="61">
        <v>124</v>
      </c>
      <c r="HV14" s="61">
        <v>108</v>
      </c>
      <c r="HW14" s="61">
        <v>122</v>
      </c>
      <c r="HX14" s="62">
        <v>912</v>
      </c>
      <c r="HY14" s="63">
        <v>1487</v>
      </c>
      <c r="HZ14" s="60">
        <v>697</v>
      </c>
      <c r="IA14" s="61">
        <v>454</v>
      </c>
      <c r="IB14" s="62">
        <v>1151</v>
      </c>
      <c r="IC14" s="231"/>
      <c r="ID14" s="61">
        <v>690</v>
      </c>
      <c r="IE14" s="61">
        <v>364</v>
      </c>
      <c r="IF14" s="61">
        <v>230</v>
      </c>
      <c r="IG14" s="61">
        <v>223</v>
      </c>
      <c r="IH14" s="61">
        <v>188</v>
      </c>
      <c r="II14" s="62">
        <v>1695</v>
      </c>
      <c r="IJ14" s="63">
        <v>2846</v>
      </c>
      <c r="IK14" s="60">
        <v>1290</v>
      </c>
      <c r="IL14" s="61">
        <v>833</v>
      </c>
      <c r="IM14" s="62">
        <v>2123</v>
      </c>
      <c r="IN14" s="231"/>
      <c r="IO14" s="61">
        <v>1128</v>
      </c>
      <c r="IP14" s="61">
        <v>611</v>
      </c>
      <c r="IQ14" s="61">
        <v>397</v>
      </c>
      <c r="IR14" s="61">
        <v>395</v>
      </c>
      <c r="IS14" s="61">
        <v>317</v>
      </c>
      <c r="IT14" s="62">
        <v>2848</v>
      </c>
      <c r="IU14" s="63">
        <v>4971</v>
      </c>
      <c r="IV14" s="60">
        <v>1427</v>
      </c>
      <c r="IW14" s="61">
        <v>914</v>
      </c>
      <c r="IX14" s="62">
        <v>2341</v>
      </c>
      <c r="IY14" s="231"/>
      <c r="IZ14" s="61">
        <v>1453</v>
      </c>
      <c r="JA14" s="61">
        <v>748</v>
      </c>
      <c r="JB14" s="61">
        <v>603</v>
      </c>
      <c r="JC14" s="61">
        <v>509</v>
      </c>
      <c r="JD14" s="61">
        <v>413</v>
      </c>
      <c r="JE14" s="62">
        <v>3726</v>
      </c>
      <c r="JF14" s="63">
        <v>6067</v>
      </c>
      <c r="JG14" s="60">
        <v>770</v>
      </c>
      <c r="JH14" s="61">
        <v>660</v>
      </c>
      <c r="JI14" s="62">
        <v>1430</v>
      </c>
      <c r="JJ14" s="231"/>
      <c r="JK14" s="61">
        <v>1266</v>
      </c>
      <c r="JL14" s="61">
        <v>841</v>
      </c>
      <c r="JM14" s="61">
        <v>776</v>
      </c>
      <c r="JN14" s="61">
        <v>871</v>
      </c>
      <c r="JO14" s="61">
        <v>591</v>
      </c>
      <c r="JP14" s="62">
        <v>4345</v>
      </c>
      <c r="JQ14" s="63">
        <v>5775</v>
      </c>
      <c r="JR14" s="60">
        <v>87</v>
      </c>
      <c r="JS14" s="61">
        <v>72</v>
      </c>
      <c r="JT14" s="62">
        <v>159</v>
      </c>
      <c r="JU14" s="231"/>
      <c r="JV14" s="61">
        <v>135</v>
      </c>
      <c r="JW14" s="61">
        <v>91</v>
      </c>
      <c r="JX14" s="61">
        <v>56</v>
      </c>
      <c r="JY14" s="61">
        <v>52</v>
      </c>
      <c r="JZ14" s="61">
        <v>64</v>
      </c>
      <c r="KA14" s="62">
        <v>398</v>
      </c>
      <c r="KB14" s="63">
        <v>557</v>
      </c>
      <c r="KC14" s="60">
        <v>4728</v>
      </c>
      <c r="KD14" s="61">
        <v>3289</v>
      </c>
      <c r="KE14" s="62">
        <v>8017</v>
      </c>
      <c r="KF14" s="231"/>
      <c r="KG14" s="61">
        <v>5175</v>
      </c>
      <c r="KH14" s="61">
        <v>2937</v>
      </c>
      <c r="KI14" s="61">
        <v>2228</v>
      </c>
      <c r="KJ14" s="61">
        <v>2226</v>
      </c>
      <c r="KK14" s="61">
        <v>1742</v>
      </c>
      <c r="KL14" s="62">
        <v>14308</v>
      </c>
      <c r="KM14" s="63">
        <v>22325</v>
      </c>
    </row>
    <row r="15" spans="2:299" ht="21" customHeight="1" x14ac:dyDescent="0.2">
      <c r="B15" s="472" t="s">
        <v>11</v>
      </c>
      <c r="C15" s="293">
        <v>469</v>
      </c>
      <c r="D15" s="72">
        <v>353</v>
      </c>
      <c r="E15" s="73">
        <v>822</v>
      </c>
      <c r="F15" s="228"/>
      <c r="G15" s="72">
        <v>881</v>
      </c>
      <c r="H15" s="72">
        <v>563</v>
      </c>
      <c r="I15" s="72">
        <v>454</v>
      </c>
      <c r="J15" s="72">
        <v>454</v>
      </c>
      <c r="K15" s="72">
        <v>233</v>
      </c>
      <c r="L15" s="74">
        <v>2585</v>
      </c>
      <c r="M15" s="75">
        <v>3407</v>
      </c>
      <c r="N15" s="60">
        <v>17</v>
      </c>
      <c r="O15" s="61">
        <v>12</v>
      </c>
      <c r="P15" s="62">
        <v>29</v>
      </c>
      <c r="Q15" s="231"/>
      <c r="R15" s="61">
        <v>50</v>
      </c>
      <c r="S15" s="61">
        <v>19</v>
      </c>
      <c r="T15" s="61">
        <v>19</v>
      </c>
      <c r="U15" s="61">
        <v>26</v>
      </c>
      <c r="V15" s="61">
        <v>16</v>
      </c>
      <c r="W15" s="62">
        <v>130</v>
      </c>
      <c r="X15" s="63">
        <v>159</v>
      </c>
      <c r="Y15" s="60">
        <v>43</v>
      </c>
      <c r="Z15" s="61">
        <v>37</v>
      </c>
      <c r="AA15" s="62">
        <v>80</v>
      </c>
      <c r="AB15" s="231"/>
      <c r="AC15" s="61">
        <v>92</v>
      </c>
      <c r="AD15" s="61">
        <v>61</v>
      </c>
      <c r="AE15" s="61">
        <v>57</v>
      </c>
      <c r="AF15" s="61">
        <v>49</v>
      </c>
      <c r="AG15" s="61">
        <v>28</v>
      </c>
      <c r="AH15" s="62">
        <v>287</v>
      </c>
      <c r="AI15" s="63">
        <v>367</v>
      </c>
      <c r="AJ15" s="60">
        <v>66</v>
      </c>
      <c r="AK15" s="61">
        <v>74</v>
      </c>
      <c r="AL15" s="62">
        <v>140</v>
      </c>
      <c r="AM15" s="231"/>
      <c r="AN15" s="61">
        <v>146</v>
      </c>
      <c r="AO15" s="61">
        <v>96</v>
      </c>
      <c r="AP15" s="61">
        <v>74</v>
      </c>
      <c r="AQ15" s="61">
        <v>76</v>
      </c>
      <c r="AR15" s="61">
        <v>35</v>
      </c>
      <c r="AS15" s="62">
        <v>427</v>
      </c>
      <c r="AT15" s="63">
        <v>567</v>
      </c>
      <c r="AU15" s="60">
        <v>120</v>
      </c>
      <c r="AV15" s="61">
        <v>86</v>
      </c>
      <c r="AW15" s="62">
        <v>206</v>
      </c>
      <c r="AX15" s="231"/>
      <c r="AY15" s="61">
        <v>233</v>
      </c>
      <c r="AZ15" s="61">
        <v>135</v>
      </c>
      <c r="BA15" s="61">
        <v>111</v>
      </c>
      <c r="BB15" s="61">
        <v>107</v>
      </c>
      <c r="BC15" s="61">
        <v>54</v>
      </c>
      <c r="BD15" s="62">
        <v>640</v>
      </c>
      <c r="BE15" s="63">
        <v>846</v>
      </c>
      <c r="BF15" s="60">
        <v>132</v>
      </c>
      <c r="BG15" s="61">
        <v>86</v>
      </c>
      <c r="BH15" s="62">
        <v>218</v>
      </c>
      <c r="BI15" s="231"/>
      <c r="BJ15" s="61">
        <v>204</v>
      </c>
      <c r="BK15" s="61">
        <v>140</v>
      </c>
      <c r="BL15" s="61">
        <v>110</v>
      </c>
      <c r="BM15" s="61">
        <v>113</v>
      </c>
      <c r="BN15" s="61">
        <v>56</v>
      </c>
      <c r="BO15" s="62">
        <v>623</v>
      </c>
      <c r="BP15" s="63">
        <v>841</v>
      </c>
      <c r="BQ15" s="60">
        <v>91</v>
      </c>
      <c r="BR15" s="61">
        <v>58</v>
      </c>
      <c r="BS15" s="62">
        <v>149</v>
      </c>
      <c r="BT15" s="231"/>
      <c r="BU15" s="61">
        <v>156</v>
      </c>
      <c r="BV15" s="61">
        <v>112</v>
      </c>
      <c r="BW15" s="61">
        <v>83</v>
      </c>
      <c r="BX15" s="61">
        <v>83</v>
      </c>
      <c r="BY15" s="61">
        <v>44</v>
      </c>
      <c r="BZ15" s="62">
        <v>478</v>
      </c>
      <c r="CA15" s="63">
        <v>627</v>
      </c>
      <c r="CB15" s="60">
        <v>9</v>
      </c>
      <c r="CC15" s="61">
        <v>10</v>
      </c>
      <c r="CD15" s="62">
        <v>19</v>
      </c>
      <c r="CE15" s="231"/>
      <c r="CF15" s="61">
        <v>35</v>
      </c>
      <c r="CG15" s="61">
        <v>19</v>
      </c>
      <c r="CH15" s="61">
        <v>15</v>
      </c>
      <c r="CI15" s="61">
        <v>18</v>
      </c>
      <c r="CJ15" s="61">
        <v>12</v>
      </c>
      <c r="CK15" s="62">
        <v>99</v>
      </c>
      <c r="CL15" s="63">
        <v>118</v>
      </c>
      <c r="CM15" s="60">
        <v>478</v>
      </c>
      <c r="CN15" s="61">
        <v>363</v>
      </c>
      <c r="CO15" s="62">
        <v>841</v>
      </c>
      <c r="CP15" s="231"/>
      <c r="CQ15" s="61">
        <v>916</v>
      </c>
      <c r="CR15" s="61">
        <v>582</v>
      </c>
      <c r="CS15" s="61">
        <v>469</v>
      </c>
      <c r="CT15" s="61">
        <v>472</v>
      </c>
      <c r="CU15" s="61">
        <v>245</v>
      </c>
      <c r="CV15" s="62">
        <v>2684</v>
      </c>
      <c r="CW15" s="63">
        <v>3525</v>
      </c>
      <c r="CX15" s="113">
        <v>971</v>
      </c>
      <c r="CY15" s="72">
        <v>795</v>
      </c>
      <c r="CZ15" s="73">
        <v>1766</v>
      </c>
      <c r="DA15" s="228"/>
      <c r="DB15" s="72">
        <v>1759</v>
      </c>
      <c r="DC15" s="72">
        <v>1067</v>
      </c>
      <c r="DD15" s="72">
        <v>957</v>
      </c>
      <c r="DE15" s="72">
        <v>970</v>
      </c>
      <c r="DF15" s="72">
        <v>562</v>
      </c>
      <c r="DG15" s="74">
        <v>5315</v>
      </c>
      <c r="DH15" s="75">
        <v>7081</v>
      </c>
      <c r="DI15" s="60">
        <v>22</v>
      </c>
      <c r="DJ15" s="61">
        <v>15</v>
      </c>
      <c r="DK15" s="62">
        <v>37</v>
      </c>
      <c r="DL15" s="231"/>
      <c r="DM15" s="61">
        <v>40</v>
      </c>
      <c r="DN15" s="61">
        <v>19</v>
      </c>
      <c r="DO15" s="61">
        <v>13</v>
      </c>
      <c r="DP15" s="61">
        <v>20</v>
      </c>
      <c r="DQ15" s="61">
        <v>19</v>
      </c>
      <c r="DR15" s="62">
        <v>111</v>
      </c>
      <c r="DS15" s="63">
        <v>148</v>
      </c>
      <c r="DT15" s="60">
        <v>65</v>
      </c>
      <c r="DU15" s="61">
        <v>59</v>
      </c>
      <c r="DV15" s="62">
        <v>124</v>
      </c>
      <c r="DW15" s="231"/>
      <c r="DX15" s="61">
        <v>95</v>
      </c>
      <c r="DY15" s="61">
        <v>49</v>
      </c>
      <c r="DZ15" s="61">
        <v>52</v>
      </c>
      <c r="EA15" s="61">
        <v>43</v>
      </c>
      <c r="EB15" s="61">
        <v>25</v>
      </c>
      <c r="EC15" s="62">
        <v>264</v>
      </c>
      <c r="ED15" s="63">
        <v>388</v>
      </c>
      <c r="EE15" s="60">
        <v>137</v>
      </c>
      <c r="EF15" s="61">
        <v>105</v>
      </c>
      <c r="EG15" s="62">
        <v>242</v>
      </c>
      <c r="EH15" s="231"/>
      <c r="EI15" s="61">
        <v>174</v>
      </c>
      <c r="EJ15" s="61">
        <v>108</v>
      </c>
      <c r="EK15" s="61">
        <v>86</v>
      </c>
      <c r="EL15" s="61">
        <v>81</v>
      </c>
      <c r="EM15" s="61">
        <v>54</v>
      </c>
      <c r="EN15" s="62">
        <v>503</v>
      </c>
      <c r="EO15" s="63">
        <v>745</v>
      </c>
      <c r="EP15" s="60">
        <v>263</v>
      </c>
      <c r="EQ15" s="61">
        <v>228</v>
      </c>
      <c r="ER15" s="62">
        <v>491</v>
      </c>
      <c r="ES15" s="231"/>
      <c r="ET15" s="61">
        <v>415</v>
      </c>
      <c r="EU15" s="61">
        <v>228</v>
      </c>
      <c r="EV15" s="61">
        <v>176</v>
      </c>
      <c r="EW15" s="61">
        <v>163</v>
      </c>
      <c r="EX15" s="61">
        <v>108</v>
      </c>
      <c r="EY15" s="62">
        <v>1090</v>
      </c>
      <c r="EZ15" s="63">
        <v>1581</v>
      </c>
      <c r="FA15" s="60">
        <v>297</v>
      </c>
      <c r="FB15" s="61">
        <v>234</v>
      </c>
      <c r="FC15" s="62">
        <v>531</v>
      </c>
      <c r="FD15" s="231"/>
      <c r="FE15" s="61">
        <v>544</v>
      </c>
      <c r="FF15" s="61">
        <v>297</v>
      </c>
      <c r="FG15" s="61">
        <v>250</v>
      </c>
      <c r="FH15" s="61">
        <v>227</v>
      </c>
      <c r="FI15" s="61">
        <v>134</v>
      </c>
      <c r="FJ15" s="62">
        <v>1452</v>
      </c>
      <c r="FK15" s="63">
        <v>1983</v>
      </c>
      <c r="FL15" s="60">
        <v>187</v>
      </c>
      <c r="FM15" s="61">
        <v>154</v>
      </c>
      <c r="FN15" s="62">
        <v>341</v>
      </c>
      <c r="FO15" s="231"/>
      <c r="FP15" s="61">
        <v>491</v>
      </c>
      <c r="FQ15" s="61">
        <v>366</v>
      </c>
      <c r="FR15" s="61">
        <v>380</v>
      </c>
      <c r="FS15" s="61">
        <v>436</v>
      </c>
      <c r="FT15" s="61">
        <v>222</v>
      </c>
      <c r="FU15" s="62">
        <v>1895</v>
      </c>
      <c r="FV15" s="63">
        <v>2236</v>
      </c>
      <c r="FW15" s="60">
        <v>12</v>
      </c>
      <c r="FX15" s="61">
        <v>9</v>
      </c>
      <c r="FY15" s="62">
        <v>21</v>
      </c>
      <c r="FZ15" s="231"/>
      <c r="GA15" s="61">
        <v>25</v>
      </c>
      <c r="GB15" s="61">
        <v>16</v>
      </c>
      <c r="GC15" s="61">
        <v>19</v>
      </c>
      <c r="GD15" s="61">
        <v>8</v>
      </c>
      <c r="GE15" s="61">
        <v>11</v>
      </c>
      <c r="GF15" s="62">
        <v>79</v>
      </c>
      <c r="GG15" s="63">
        <v>100</v>
      </c>
      <c r="GH15" s="60">
        <v>983</v>
      </c>
      <c r="GI15" s="61">
        <v>804</v>
      </c>
      <c r="GJ15" s="62">
        <v>1787</v>
      </c>
      <c r="GK15" s="231"/>
      <c r="GL15" s="61">
        <v>1784</v>
      </c>
      <c r="GM15" s="61">
        <v>1083</v>
      </c>
      <c r="GN15" s="61">
        <v>976</v>
      </c>
      <c r="GO15" s="61">
        <v>978</v>
      </c>
      <c r="GP15" s="61">
        <v>573</v>
      </c>
      <c r="GQ15" s="62">
        <v>5394</v>
      </c>
      <c r="GR15" s="63">
        <v>7181</v>
      </c>
      <c r="GS15" s="113">
        <v>1440</v>
      </c>
      <c r="GT15" s="72">
        <v>1148</v>
      </c>
      <c r="GU15" s="73">
        <v>2588</v>
      </c>
      <c r="GV15" s="228"/>
      <c r="GW15" s="72">
        <v>2640</v>
      </c>
      <c r="GX15" s="72">
        <v>1630</v>
      </c>
      <c r="GY15" s="72">
        <v>1411</v>
      </c>
      <c r="GZ15" s="72">
        <v>1424</v>
      </c>
      <c r="HA15" s="72">
        <v>795</v>
      </c>
      <c r="HB15" s="74">
        <v>7900</v>
      </c>
      <c r="HC15" s="75">
        <v>10488</v>
      </c>
      <c r="HD15" s="60">
        <v>39</v>
      </c>
      <c r="HE15" s="61">
        <v>27</v>
      </c>
      <c r="HF15" s="62">
        <v>66</v>
      </c>
      <c r="HG15" s="231"/>
      <c r="HH15" s="61">
        <v>90</v>
      </c>
      <c r="HI15" s="61">
        <v>38</v>
      </c>
      <c r="HJ15" s="61">
        <v>32</v>
      </c>
      <c r="HK15" s="61">
        <v>46</v>
      </c>
      <c r="HL15" s="61">
        <v>35</v>
      </c>
      <c r="HM15" s="62">
        <v>241</v>
      </c>
      <c r="HN15" s="63">
        <v>307</v>
      </c>
      <c r="HO15" s="60">
        <v>108</v>
      </c>
      <c r="HP15" s="61">
        <v>96</v>
      </c>
      <c r="HQ15" s="62">
        <v>204</v>
      </c>
      <c r="HR15" s="231"/>
      <c r="HS15" s="61">
        <v>187</v>
      </c>
      <c r="HT15" s="61">
        <v>110</v>
      </c>
      <c r="HU15" s="61">
        <v>109</v>
      </c>
      <c r="HV15" s="61">
        <v>92</v>
      </c>
      <c r="HW15" s="61">
        <v>53</v>
      </c>
      <c r="HX15" s="62">
        <v>551</v>
      </c>
      <c r="HY15" s="63">
        <v>755</v>
      </c>
      <c r="HZ15" s="60">
        <v>203</v>
      </c>
      <c r="IA15" s="61">
        <v>179</v>
      </c>
      <c r="IB15" s="62">
        <v>382</v>
      </c>
      <c r="IC15" s="231"/>
      <c r="ID15" s="61">
        <v>320</v>
      </c>
      <c r="IE15" s="61">
        <v>204</v>
      </c>
      <c r="IF15" s="61">
        <v>160</v>
      </c>
      <c r="IG15" s="61">
        <v>157</v>
      </c>
      <c r="IH15" s="61">
        <v>89</v>
      </c>
      <c r="II15" s="62">
        <v>930</v>
      </c>
      <c r="IJ15" s="63">
        <v>1312</v>
      </c>
      <c r="IK15" s="60">
        <v>383</v>
      </c>
      <c r="IL15" s="61">
        <v>314</v>
      </c>
      <c r="IM15" s="62">
        <v>697</v>
      </c>
      <c r="IN15" s="231"/>
      <c r="IO15" s="61">
        <v>648</v>
      </c>
      <c r="IP15" s="61">
        <v>363</v>
      </c>
      <c r="IQ15" s="61">
        <v>287</v>
      </c>
      <c r="IR15" s="61">
        <v>270</v>
      </c>
      <c r="IS15" s="61">
        <v>162</v>
      </c>
      <c r="IT15" s="62">
        <v>1730</v>
      </c>
      <c r="IU15" s="63">
        <v>2427</v>
      </c>
      <c r="IV15" s="60">
        <v>429</v>
      </c>
      <c r="IW15" s="61">
        <v>320</v>
      </c>
      <c r="IX15" s="62">
        <v>749</v>
      </c>
      <c r="IY15" s="231"/>
      <c r="IZ15" s="61">
        <v>748</v>
      </c>
      <c r="JA15" s="61">
        <v>437</v>
      </c>
      <c r="JB15" s="61">
        <v>360</v>
      </c>
      <c r="JC15" s="61">
        <v>340</v>
      </c>
      <c r="JD15" s="61">
        <v>190</v>
      </c>
      <c r="JE15" s="62">
        <v>2075</v>
      </c>
      <c r="JF15" s="63">
        <v>2824</v>
      </c>
      <c r="JG15" s="60">
        <v>278</v>
      </c>
      <c r="JH15" s="61">
        <v>212</v>
      </c>
      <c r="JI15" s="62">
        <v>490</v>
      </c>
      <c r="JJ15" s="231"/>
      <c r="JK15" s="61">
        <v>647</v>
      </c>
      <c r="JL15" s="61">
        <v>478</v>
      </c>
      <c r="JM15" s="61">
        <v>463</v>
      </c>
      <c r="JN15" s="61">
        <v>519</v>
      </c>
      <c r="JO15" s="61">
        <v>266</v>
      </c>
      <c r="JP15" s="62">
        <v>2373</v>
      </c>
      <c r="JQ15" s="63">
        <v>2863</v>
      </c>
      <c r="JR15" s="60">
        <v>21</v>
      </c>
      <c r="JS15" s="61">
        <v>19</v>
      </c>
      <c r="JT15" s="62">
        <v>40</v>
      </c>
      <c r="JU15" s="231"/>
      <c r="JV15" s="61">
        <v>60</v>
      </c>
      <c r="JW15" s="61">
        <v>35</v>
      </c>
      <c r="JX15" s="61">
        <v>34</v>
      </c>
      <c r="JY15" s="61">
        <v>26</v>
      </c>
      <c r="JZ15" s="61">
        <v>23</v>
      </c>
      <c r="KA15" s="62">
        <v>178</v>
      </c>
      <c r="KB15" s="63">
        <v>218</v>
      </c>
      <c r="KC15" s="60">
        <v>1461</v>
      </c>
      <c r="KD15" s="61">
        <v>1167</v>
      </c>
      <c r="KE15" s="62">
        <v>2628</v>
      </c>
      <c r="KF15" s="231"/>
      <c r="KG15" s="61">
        <v>2700</v>
      </c>
      <c r="KH15" s="61">
        <v>1665</v>
      </c>
      <c r="KI15" s="61">
        <v>1445</v>
      </c>
      <c r="KJ15" s="61">
        <v>1450</v>
      </c>
      <c r="KK15" s="61">
        <v>818</v>
      </c>
      <c r="KL15" s="62">
        <v>8078</v>
      </c>
      <c r="KM15" s="63">
        <v>10706</v>
      </c>
    </row>
    <row r="16" spans="2:299" ht="21" customHeight="1" x14ac:dyDescent="0.2">
      <c r="B16" s="472" t="s">
        <v>12</v>
      </c>
      <c r="C16" s="293">
        <v>713</v>
      </c>
      <c r="D16" s="72">
        <v>635</v>
      </c>
      <c r="E16" s="73">
        <v>1348</v>
      </c>
      <c r="F16" s="228"/>
      <c r="G16" s="72">
        <v>725</v>
      </c>
      <c r="H16" s="72">
        <v>637</v>
      </c>
      <c r="I16" s="72">
        <v>480</v>
      </c>
      <c r="J16" s="72">
        <v>458</v>
      </c>
      <c r="K16" s="72">
        <v>229</v>
      </c>
      <c r="L16" s="74">
        <v>2529</v>
      </c>
      <c r="M16" s="75">
        <v>3877</v>
      </c>
      <c r="N16" s="76">
        <v>26</v>
      </c>
      <c r="O16" s="61">
        <v>31</v>
      </c>
      <c r="P16" s="62">
        <v>57</v>
      </c>
      <c r="Q16" s="231"/>
      <c r="R16" s="61">
        <v>15</v>
      </c>
      <c r="S16" s="61">
        <v>25</v>
      </c>
      <c r="T16" s="61">
        <v>22</v>
      </c>
      <c r="U16" s="61">
        <v>23</v>
      </c>
      <c r="V16" s="61">
        <v>10</v>
      </c>
      <c r="W16" s="62">
        <v>95</v>
      </c>
      <c r="X16" s="63">
        <v>152</v>
      </c>
      <c r="Y16" s="60">
        <v>54</v>
      </c>
      <c r="Z16" s="61">
        <v>59</v>
      </c>
      <c r="AA16" s="62">
        <v>113</v>
      </c>
      <c r="AB16" s="231"/>
      <c r="AC16" s="61">
        <v>48</v>
      </c>
      <c r="AD16" s="61">
        <v>51</v>
      </c>
      <c r="AE16" s="61">
        <v>35</v>
      </c>
      <c r="AF16" s="61">
        <v>53</v>
      </c>
      <c r="AG16" s="61">
        <v>23</v>
      </c>
      <c r="AH16" s="62">
        <v>210</v>
      </c>
      <c r="AI16" s="63">
        <v>323</v>
      </c>
      <c r="AJ16" s="76">
        <v>98</v>
      </c>
      <c r="AK16" s="61">
        <v>102</v>
      </c>
      <c r="AL16" s="62">
        <v>200</v>
      </c>
      <c r="AM16" s="231"/>
      <c r="AN16" s="61">
        <v>98</v>
      </c>
      <c r="AO16" s="61">
        <v>88</v>
      </c>
      <c r="AP16" s="61">
        <v>73</v>
      </c>
      <c r="AQ16" s="61">
        <v>58</v>
      </c>
      <c r="AR16" s="61">
        <v>44</v>
      </c>
      <c r="AS16" s="62">
        <v>361</v>
      </c>
      <c r="AT16" s="63">
        <v>561</v>
      </c>
      <c r="AU16" s="60">
        <v>194</v>
      </c>
      <c r="AV16" s="61">
        <v>160</v>
      </c>
      <c r="AW16" s="62">
        <v>354</v>
      </c>
      <c r="AX16" s="231"/>
      <c r="AY16" s="61">
        <v>176</v>
      </c>
      <c r="AZ16" s="61">
        <v>166</v>
      </c>
      <c r="BA16" s="61">
        <v>118</v>
      </c>
      <c r="BB16" s="61">
        <v>94</v>
      </c>
      <c r="BC16" s="61">
        <v>48</v>
      </c>
      <c r="BD16" s="62">
        <v>602</v>
      </c>
      <c r="BE16" s="63">
        <v>956</v>
      </c>
      <c r="BF16" s="76">
        <v>208</v>
      </c>
      <c r="BG16" s="61">
        <v>162</v>
      </c>
      <c r="BH16" s="62">
        <v>370</v>
      </c>
      <c r="BI16" s="231"/>
      <c r="BJ16" s="61">
        <v>221</v>
      </c>
      <c r="BK16" s="61">
        <v>169</v>
      </c>
      <c r="BL16" s="61">
        <v>135</v>
      </c>
      <c r="BM16" s="61">
        <v>125</v>
      </c>
      <c r="BN16" s="61">
        <v>62</v>
      </c>
      <c r="BO16" s="62">
        <v>712</v>
      </c>
      <c r="BP16" s="63">
        <v>1082</v>
      </c>
      <c r="BQ16" s="60">
        <v>133</v>
      </c>
      <c r="BR16" s="61">
        <v>121</v>
      </c>
      <c r="BS16" s="62">
        <v>254</v>
      </c>
      <c r="BT16" s="231"/>
      <c r="BU16" s="61">
        <v>167</v>
      </c>
      <c r="BV16" s="61">
        <v>138</v>
      </c>
      <c r="BW16" s="61">
        <v>97</v>
      </c>
      <c r="BX16" s="61">
        <v>105</v>
      </c>
      <c r="BY16" s="61">
        <v>42</v>
      </c>
      <c r="BZ16" s="62">
        <v>549</v>
      </c>
      <c r="CA16" s="63">
        <v>803</v>
      </c>
      <c r="CB16" s="60">
        <v>23</v>
      </c>
      <c r="CC16" s="61">
        <v>39</v>
      </c>
      <c r="CD16" s="62">
        <v>62</v>
      </c>
      <c r="CE16" s="231"/>
      <c r="CF16" s="61">
        <v>14</v>
      </c>
      <c r="CG16" s="61">
        <v>26</v>
      </c>
      <c r="CH16" s="61">
        <v>19</v>
      </c>
      <c r="CI16" s="61">
        <v>8</v>
      </c>
      <c r="CJ16" s="61">
        <v>16</v>
      </c>
      <c r="CK16" s="62">
        <v>83</v>
      </c>
      <c r="CL16" s="63">
        <v>145</v>
      </c>
      <c r="CM16" s="60">
        <v>736</v>
      </c>
      <c r="CN16" s="61">
        <v>674</v>
      </c>
      <c r="CO16" s="62">
        <v>1410</v>
      </c>
      <c r="CP16" s="231"/>
      <c r="CQ16" s="61">
        <v>739</v>
      </c>
      <c r="CR16" s="61">
        <v>663</v>
      </c>
      <c r="CS16" s="61">
        <v>499</v>
      </c>
      <c r="CT16" s="61">
        <v>466</v>
      </c>
      <c r="CU16" s="61">
        <v>245</v>
      </c>
      <c r="CV16" s="62">
        <v>2612</v>
      </c>
      <c r="CW16" s="63">
        <v>4022</v>
      </c>
      <c r="CX16" s="113">
        <v>1366</v>
      </c>
      <c r="CY16" s="72">
        <v>1421</v>
      </c>
      <c r="CZ16" s="73">
        <v>2787</v>
      </c>
      <c r="DA16" s="228"/>
      <c r="DB16" s="72">
        <v>1492</v>
      </c>
      <c r="DC16" s="72">
        <v>1135</v>
      </c>
      <c r="DD16" s="72">
        <v>985</v>
      </c>
      <c r="DE16" s="72">
        <v>1031</v>
      </c>
      <c r="DF16" s="72">
        <v>668</v>
      </c>
      <c r="DG16" s="74">
        <v>5311</v>
      </c>
      <c r="DH16" s="75">
        <v>8098</v>
      </c>
      <c r="DI16" s="76">
        <v>31</v>
      </c>
      <c r="DJ16" s="61">
        <v>32</v>
      </c>
      <c r="DK16" s="62">
        <v>63</v>
      </c>
      <c r="DL16" s="231"/>
      <c r="DM16" s="61">
        <v>25</v>
      </c>
      <c r="DN16" s="61">
        <v>18</v>
      </c>
      <c r="DO16" s="61">
        <v>12</v>
      </c>
      <c r="DP16" s="61">
        <v>13</v>
      </c>
      <c r="DQ16" s="61">
        <v>12</v>
      </c>
      <c r="DR16" s="62">
        <v>80</v>
      </c>
      <c r="DS16" s="63">
        <v>143</v>
      </c>
      <c r="DT16" s="60">
        <v>93</v>
      </c>
      <c r="DU16" s="61">
        <v>72</v>
      </c>
      <c r="DV16" s="62">
        <v>165</v>
      </c>
      <c r="DW16" s="231"/>
      <c r="DX16" s="61">
        <v>45</v>
      </c>
      <c r="DY16" s="61">
        <v>59</v>
      </c>
      <c r="DZ16" s="61">
        <v>38</v>
      </c>
      <c r="EA16" s="61">
        <v>40</v>
      </c>
      <c r="EB16" s="61">
        <v>35</v>
      </c>
      <c r="EC16" s="62">
        <v>217</v>
      </c>
      <c r="ED16" s="63">
        <v>382</v>
      </c>
      <c r="EE16" s="76">
        <v>181</v>
      </c>
      <c r="EF16" s="61">
        <v>219</v>
      </c>
      <c r="EG16" s="62">
        <v>400</v>
      </c>
      <c r="EH16" s="231"/>
      <c r="EI16" s="61">
        <v>151</v>
      </c>
      <c r="EJ16" s="61">
        <v>101</v>
      </c>
      <c r="EK16" s="61">
        <v>85</v>
      </c>
      <c r="EL16" s="61">
        <v>91</v>
      </c>
      <c r="EM16" s="61">
        <v>70</v>
      </c>
      <c r="EN16" s="62">
        <v>498</v>
      </c>
      <c r="EO16" s="63">
        <v>898</v>
      </c>
      <c r="EP16" s="60">
        <v>402</v>
      </c>
      <c r="EQ16" s="61">
        <v>391</v>
      </c>
      <c r="ER16" s="62">
        <v>793</v>
      </c>
      <c r="ES16" s="231"/>
      <c r="ET16" s="61">
        <v>354</v>
      </c>
      <c r="EU16" s="61">
        <v>233</v>
      </c>
      <c r="EV16" s="61">
        <v>175</v>
      </c>
      <c r="EW16" s="61">
        <v>149</v>
      </c>
      <c r="EX16" s="61">
        <v>125</v>
      </c>
      <c r="EY16" s="62">
        <v>1036</v>
      </c>
      <c r="EZ16" s="63">
        <v>1829</v>
      </c>
      <c r="FA16" s="76">
        <v>412</v>
      </c>
      <c r="FB16" s="61">
        <v>386</v>
      </c>
      <c r="FC16" s="62">
        <v>798</v>
      </c>
      <c r="FD16" s="231"/>
      <c r="FE16" s="61">
        <v>482</v>
      </c>
      <c r="FF16" s="61">
        <v>326</v>
      </c>
      <c r="FG16" s="61">
        <v>278</v>
      </c>
      <c r="FH16" s="61">
        <v>265</v>
      </c>
      <c r="FI16" s="61">
        <v>150</v>
      </c>
      <c r="FJ16" s="62">
        <v>1501</v>
      </c>
      <c r="FK16" s="63">
        <v>2299</v>
      </c>
      <c r="FL16" s="60">
        <v>247</v>
      </c>
      <c r="FM16" s="61">
        <v>321</v>
      </c>
      <c r="FN16" s="62">
        <v>568</v>
      </c>
      <c r="FO16" s="231"/>
      <c r="FP16" s="61">
        <v>435</v>
      </c>
      <c r="FQ16" s="61">
        <v>398</v>
      </c>
      <c r="FR16" s="61">
        <v>397</v>
      </c>
      <c r="FS16" s="61">
        <v>473</v>
      </c>
      <c r="FT16" s="61">
        <v>276</v>
      </c>
      <c r="FU16" s="62">
        <v>1979</v>
      </c>
      <c r="FV16" s="63">
        <v>2547</v>
      </c>
      <c r="FW16" s="60">
        <v>14</v>
      </c>
      <c r="FX16" s="61">
        <v>23</v>
      </c>
      <c r="FY16" s="62">
        <v>37</v>
      </c>
      <c r="FZ16" s="231"/>
      <c r="GA16" s="61">
        <v>15</v>
      </c>
      <c r="GB16" s="61">
        <v>17</v>
      </c>
      <c r="GC16" s="61">
        <v>14</v>
      </c>
      <c r="GD16" s="61">
        <v>17</v>
      </c>
      <c r="GE16" s="61">
        <v>10</v>
      </c>
      <c r="GF16" s="62">
        <v>73</v>
      </c>
      <c r="GG16" s="63">
        <v>110</v>
      </c>
      <c r="GH16" s="60">
        <v>1380</v>
      </c>
      <c r="GI16" s="61">
        <v>1444</v>
      </c>
      <c r="GJ16" s="62">
        <v>2824</v>
      </c>
      <c r="GK16" s="231"/>
      <c r="GL16" s="61">
        <v>1507</v>
      </c>
      <c r="GM16" s="61">
        <v>1152</v>
      </c>
      <c r="GN16" s="61">
        <v>999</v>
      </c>
      <c r="GO16" s="61">
        <v>1048</v>
      </c>
      <c r="GP16" s="61">
        <v>678</v>
      </c>
      <c r="GQ16" s="62">
        <v>5384</v>
      </c>
      <c r="GR16" s="63">
        <v>8208</v>
      </c>
      <c r="GS16" s="113">
        <v>2079</v>
      </c>
      <c r="GT16" s="72">
        <v>2056</v>
      </c>
      <c r="GU16" s="73">
        <v>4135</v>
      </c>
      <c r="GV16" s="228"/>
      <c r="GW16" s="72">
        <v>2217</v>
      </c>
      <c r="GX16" s="72">
        <v>1772</v>
      </c>
      <c r="GY16" s="72">
        <v>1465</v>
      </c>
      <c r="GZ16" s="72">
        <v>1489</v>
      </c>
      <c r="HA16" s="72">
        <v>897</v>
      </c>
      <c r="HB16" s="74">
        <v>7840</v>
      </c>
      <c r="HC16" s="75">
        <v>11975</v>
      </c>
      <c r="HD16" s="76">
        <v>57</v>
      </c>
      <c r="HE16" s="61">
        <v>63</v>
      </c>
      <c r="HF16" s="62">
        <v>120</v>
      </c>
      <c r="HG16" s="231"/>
      <c r="HH16" s="61">
        <v>40</v>
      </c>
      <c r="HI16" s="61">
        <v>43</v>
      </c>
      <c r="HJ16" s="61">
        <v>34</v>
      </c>
      <c r="HK16" s="61">
        <v>36</v>
      </c>
      <c r="HL16" s="61">
        <v>22</v>
      </c>
      <c r="HM16" s="62">
        <v>175</v>
      </c>
      <c r="HN16" s="63">
        <v>295</v>
      </c>
      <c r="HO16" s="60">
        <v>147</v>
      </c>
      <c r="HP16" s="61">
        <v>131</v>
      </c>
      <c r="HQ16" s="62">
        <v>278</v>
      </c>
      <c r="HR16" s="231"/>
      <c r="HS16" s="61">
        <v>93</v>
      </c>
      <c r="HT16" s="61">
        <v>110</v>
      </c>
      <c r="HU16" s="61">
        <v>73</v>
      </c>
      <c r="HV16" s="61">
        <v>93</v>
      </c>
      <c r="HW16" s="61">
        <v>58</v>
      </c>
      <c r="HX16" s="62">
        <v>427</v>
      </c>
      <c r="HY16" s="63">
        <v>705</v>
      </c>
      <c r="HZ16" s="76">
        <v>279</v>
      </c>
      <c r="IA16" s="61">
        <v>321</v>
      </c>
      <c r="IB16" s="62">
        <v>600</v>
      </c>
      <c r="IC16" s="231"/>
      <c r="ID16" s="61">
        <v>249</v>
      </c>
      <c r="IE16" s="61">
        <v>189</v>
      </c>
      <c r="IF16" s="61">
        <v>158</v>
      </c>
      <c r="IG16" s="61">
        <v>149</v>
      </c>
      <c r="IH16" s="61">
        <v>114</v>
      </c>
      <c r="II16" s="62">
        <v>859</v>
      </c>
      <c r="IJ16" s="63">
        <v>1459</v>
      </c>
      <c r="IK16" s="60">
        <v>596</v>
      </c>
      <c r="IL16" s="61">
        <v>551</v>
      </c>
      <c r="IM16" s="62">
        <v>1147</v>
      </c>
      <c r="IN16" s="231"/>
      <c r="IO16" s="61">
        <v>530</v>
      </c>
      <c r="IP16" s="61">
        <v>399</v>
      </c>
      <c r="IQ16" s="61">
        <v>293</v>
      </c>
      <c r="IR16" s="61">
        <v>243</v>
      </c>
      <c r="IS16" s="61">
        <v>173</v>
      </c>
      <c r="IT16" s="62">
        <v>1638</v>
      </c>
      <c r="IU16" s="63">
        <v>2785</v>
      </c>
      <c r="IV16" s="76">
        <v>620</v>
      </c>
      <c r="IW16" s="61">
        <v>548</v>
      </c>
      <c r="IX16" s="62">
        <v>1168</v>
      </c>
      <c r="IY16" s="231"/>
      <c r="IZ16" s="61">
        <v>703</v>
      </c>
      <c r="JA16" s="61">
        <v>495</v>
      </c>
      <c r="JB16" s="61">
        <v>413</v>
      </c>
      <c r="JC16" s="61">
        <v>390</v>
      </c>
      <c r="JD16" s="61">
        <v>212</v>
      </c>
      <c r="JE16" s="62">
        <v>2213</v>
      </c>
      <c r="JF16" s="63">
        <v>3381</v>
      </c>
      <c r="JG16" s="60">
        <v>380</v>
      </c>
      <c r="JH16" s="61">
        <v>442</v>
      </c>
      <c r="JI16" s="62">
        <v>822</v>
      </c>
      <c r="JJ16" s="231"/>
      <c r="JK16" s="61">
        <v>602</v>
      </c>
      <c r="JL16" s="61">
        <v>536</v>
      </c>
      <c r="JM16" s="61">
        <v>494</v>
      </c>
      <c r="JN16" s="61">
        <v>578</v>
      </c>
      <c r="JO16" s="61">
        <v>318</v>
      </c>
      <c r="JP16" s="62">
        <v>2528</v>
      </c>
      <c r="JQ16" s="63">
        <v>3350</v>
      </c>
      <c r="JR16" s="60">
        <v>37</v>
      </c>
      <c r="JS16" s="61">
        <v>62</v>
      </c>
      <c r="JT16" s="62">
        <v>99</v>
      </c>
      <c r="JU16" s="231"/>
      <c r="JV16" s="61">
        <v>29</v>
      </c>
      <c r="JW16" s="61">
        <v>43</v>
      </c>
      <c r="JX16" s="61">
        <v>33</v>
      </c>
      <c r="JY16" s="61">
        <v>25</v>
      </c>
      <c r="JZ16" s="61">
        <v>26</v>
      </c>
      <c r="KA16" s="62">
        <v>156</v>
      </c>
      <c r="KB16" s="63">
        <v>255</v>
      </c>
      <c r="KC16" s="60">
        <v>2116</v>
      </c>
      <c r="KD16" s="61">
        <v>2118</v>
      </c>
      <c r="KE16" s="62">
        <v>4234</v>
      </c>
      <c r="KF16" s="231"/>
      <c r="KG16" s="61">
        <v>2246</v>
      </c>
      <c r="KH16" s="61">
        <v>1815</v>
      </c>
      <c r="KI16" s="61">
        <v>1498</v>
      </c>
      <c r="KJ16" s="61">
        <v>1514</v>
      </c>
      <c r="KK16" s="61">
        <v>923</v>
      </c>
      <c r="KL16" s="62">
        <v>7996</v>
      </c>
      <c r="KM16" s="63">
        <v>12230</v>
      </c>
    </row>
    <row r="17" spans="2:299" ht="21" customHeight="1" x14ac:dyDescent="0.2">
      <c r="B17" s="472" t="s">
        <v>13</v>
      </c>
      <c r="C17" s="293">
        <v>161</v>
      </c>
      <c r="D17" s="72">
        <v>187</v>
      </c>
      <c r="E17" s="73">
        <v>348</v>
      </c>
      <c r="F17" s="228"/>
      <c r="G17" s="72">
        <v>286</v>
      </c>
      <c r="H17" s="72">
        <v>277</v>
      </c>
      <c r="I17" s="72">
        <v>193</v>
      </c>
      <c r="J17" s="72">
        <v>135</v>
      </c>
      <c r="K17" s="72">
        <v>110</v>
      </c>
      <c r="L17" s="74">
        <v>1001</v>
      </c>
      <c r="M17" s="75">
        <v>1349</v>
      </c>
      <c r="N17" s="60">
        <v>6</v>
      </c>
      <c r="O17" s="61">
        <v>4</v>
      </c>
      <c r="P17" s="62">
        <v>10</v>
      </c>
      <c r="Q17" s="231"/>
      <c r="R17" s="61">
        <v>10</v>
      </c>
      <c r="S17" s="61">
        <v>7</v>
      </c>
      <c r="T17" s="61">
        <v>13</v>
      </c>
      <c r="U17" s="61">
        <v>2</v>
      </c>
      <c r="V17" s="61">
        <v>4</v>
      </c>
      <c r="W17" s="62">
        <v>36</v>
      </c>
      <c r="X17" s="63">
        <v>46</v>
      </c>
      <c r="Y17" s="60">
        <v>13</v>
      </c>
      <c r="Z17" s="61">
        <v>10</v>
      </c>
      <c r="AA17" s="62">
        <v>23</v>
      </c>
      <c r="AB17" s="231"/>
      <c r="AC17" s="61">
        <v>24</v>
      </c>
      <c r="AD17" s="61">
        <v>20</v>
      </c>
      <c r="AE17" s="61">
        <v>12</v>
      </c>
      <c r="AF17" s="61">
        <v>14</v>
      </c>
      <c r="AG17" s="61">
        <v>13</v>
      </c>
      <c r="AH17" s="62">
        <v>83</v>
      </c>
      <c r="AI17" s="63">
        <v>106</v>
      </c>
      <c r="AJ17" s="60">
        <v>24</v>
      </c>
      <c r="AK17" s="61">
        <v>24</v>
      </c>
      <c r="AL17" s="62">
        <v>48</v>
      </c>
      <c r="AM17" s="231"/>
      <c r="AN17" s="61">
        <v>36</v>
      </c>
      <c r="AO17" s="61">
        <v>38</v>
      </c>
      <c r="AP17" s="61">
        <v>23</v>
      </c>
      <c r="AQ17" s="61">
        <v>11</v>
      </c>
      <c r="AR17" s="61">
        <v>15</v>
      </c>
      <c r="AS17" s="62">
        <v>123</v>
      </c>
      <c r="AT17" s="63">
        <v>171</v>
      </c>
      <c r="AU17" s="60">
        <v>34</v>
      </c>
      <c r="AV17" s="61">
        <v>42</v>
      </c>
      <c r="AW17" s="62">
        <v>76</v>
      </c>
      <c r="AX17" s="231"/>
      <c r="AY17" s="61">
        <v>72</v>
      </c>
      <c r="AZ17" s="61">
        <v>57</v>
      </c>
      <c r="BA17" s="61">
        <v>38</v>
      </c>
      <c r="BB17" s="61">
        <v>30</v>
      </c>
      <c r="BC17" s="61">
        <v>29</v>
      </c>
      <c r="BD17" s="62">
        <v>226</v>
      </c>
      <c r="BE17" s="63">
        <v>302</v>
      </c>
      <c r="BF17" s="60">
        <v>50</v>
      </c>
      <c r="BG17" s="61">
        <v>70</v>
      </c>
      <c r="BH17" s="62">
        <v>120</v>
      </c>
      <c r="BI17" s="231"/>
      <c r="BJ17" s="61">
        <v>79</v>
      </c>
      <c r="BK17" s="61">
        <v>78</v>
      </c>
      <c r="BL17" s="61">
        <v>57</v>
      </c>
      <c r="BM17" s="61">
        <v>38</v>
      </c>
      <c r="BN17" s="61">
        <v>25</v>
      </c>
      <c r="BO17" s="62">
        <v>277</v>
      </c>
      <c r="BP17" s="63">
        <v>397</v>
      </c>
      <c r="BQ17" s="60">
        <v>34</v>
      </c>
      <c r="BR17" s="61">
        <v>37</v>
      </c>
      <c r="BS17" s="62">
        <v>71</v>
      </c>
      <c r="BT17" s="231"/>
      <c r="BU17" s="61">
        <v>65</v>
      </c>
      <c r="BV17" s="61">
        <v>77</v>
      </c>
      <c r="BW17" s="61">
        <v>50</v>
      </c>
      <c r="BX17" s="61">
        <v>40</v>
      </c>
      <c r="BY17" s="61">
        <v>24</v>
      </c>
      <c r="BZ17" s="62">
        <v>256</v>
      </c>
      <c r="CA17" s="63">
        <v>327</v>
      </c>
      <c r="CB17" s="60">
        <v>5</v>
      </c>
      <c r="CC17" s="61">
        <v>2</v>
      </c>
      <c r="CD17" s="62">
        <v>7</v>
      </c>
      <c r="CE17" s="231"/>
      <c r="CF17" s="61">
        <v>9</v>
      </c>
      <c r="CG17" s="61">
        <v>9</v>
      </c>
      <c r="CH17" s="61">
        <v>4</v>
      </c>
      <c r="CI17" s="61">
        <v>4</v>
      </c>
      <c r="CJ17" s="61">
        <v>7</v>
      </c>
      <c r="CK17" s="62">
        <v>33</v>
      </c>
      <c r="CL17" s="63">
        <v>40</v>
      </c>
      <c r="CM17" s="60">
        <v>166</v>
      </c>
      <c r="CN17" s="61">
        <v>189</v>
      </c>
      <c r="CO17" s="62">
        <v>355</v>
      </c>
      <c r="CP17" s="231"/>
      <c r="CQ17" s="61">
        <v>295</v>
      </c>
      <c r="CR17" s="61">
        <v>286</v>
      </c>
      <c r="CS17" s="61">
        <v>197</v>
      </c>
      <c r="CT17" s="61">
        <v>139</v>
      </c>
      <c r="CU17" s="61">
        <v>117</v>
      </c>
      <c r="CV17" s="62">
        <v>1034</v>
      </c>
      <c r="CW17" s="63">
        <v>1389</v>
      </c>
      <c r="CX17" s="113">
        <v>400</v>
      </c>
      <c r="CY17" s="72">
        <v>400</v>
      </c>
      <c r="CZ17" s="73">
        <v>800</v>
      </c>
      <c r="DA17" s="228"/>
      <c r="DB17" s="72">
        <v>601</v>
      </c>
      <c r="DC17" s="72">
        <v>515</v>
      </c>
      <c r="DD17" s="72">
        <v>331</v>
      </c>
      <c r="DE17" s="72">
        <v>383</v>
      </c>
      <c r="DF17" s="72">
        <v>295</v>
      </c>
      <c r="DG17" s="74">
        <v>2125</v>
      </c>
      <c r="DH17" s="75">
        <v>2925</v>
      </c>
      <c r="DI17" s="60">
        <v>7</v>
      </c>
      <c r="DJ17" s="61">
        <v>4</v>
      </c>
      <c r="DK17" s="62">
        <v>11</v>
      </c>
      <c r="DL17" s="231"/>
      <c r="DM17" s="61">
        <v>7</v>
      </c>
      <c r="DN17" s="61">
        <v>6</v>
      </c>
      <c r="DO17" s="61">
        <v>1</v>
      </c>
      <c r="DP17" s="61">
        <v>6</v>
      </c>
      <c r="DQ17" s="61">
        <v>2</v>
      </c>
      <c r="DR17" s="62">
        <v>22</v>
      </c>
      <c r="DS17" s="63">
        <v>33</v>
      </c>
      <c r="DT17" s="60">
        <v>20</v>
      </c>
      <c r="DU17" s="61">
        <v>19</v>
      </c>
      <c r="DV17" s="62">
        <v>39</v>
      </c>
      <c r="DW17" s="231"/>
      <c r="DX17" s="61">
        <v>25</v>
      </c>
      <c r="DY17" s="61">
        <v>14</v>
      </c>
      <c r="DZ17" s="61">
        <v>11</v>
      </c>
      <c r="EA17" s="61">
        <v>11</v>
      </c>
      <c r="EB17" s="61">
        <v>9</v>
      </c>
      <c r="EC17" s="62">
        <v>70</v>
      </c>
      <c r="ED17" s="63">
        <v>109</v>
      </c>
      <c r="EE17" s="60">
        <v>47</v>
      </c>
      <c r="EF17" s="61">
        <v>46</v>
      </c>
      <c r="EG17" s="62">
        <v>93</v>
      </c>
      <c r="EH17" s="231"/>
      <c r="EI17" s="61">
        <v>64</v>
      </c>
      <c r="EJ17" s="61">
        <v>42</v>
      </c>
      <c r="EK17" s="61">
        <v>30</v>
      </c>
      <c r="EL17" s="61">
        <v>22</v>
      </c>
      <c r="EM17" s="61">
        <v>29</v>
      </c>
      <c r="EN17" s="62">
        <v>187</v>
      </c>
      <c r="EO17" s="63">
        <v>280</v>
      </c>
      <c r="EP17" s="60">
        <v>124</v>
      </c>
      <c r="EQ17" s="61">
        <v>114</v>
      </c>
      <c r="ER17" s="62">
        <v>238</v>
      </c>
      <c r="ES17" s="231"/>
      <c r="ET17" s="61">
        <v>162</v>
      </c>
      <c r="EU17" s="61">
        <v>97</v>
      </c>
      <c r="EV17" s="61">
        <v>43</v>
      </c>
      <c r="EW17" s="61">
        <v>53</v>
      </c>
      <c r="EX17" s="61">
        <v>49</v>
      </c>
      <c r="EY17" s="62">
        <v>404</v>
      </c>
      <c r="EZ17" s="63">
        <v>642</v>
      </c>
      <c r="FA17" s="60">
        <v>131</v>
      </c>
      <c r="FB17" s="61">
        <v>119</v>
      </c>
      <c r="FC17" s="62">
        <v>250</v>
      </c>
      <c r="FD17" s="231"/>
      <c r="FE17" s="61">
        <v>172</v>
      </c>
      <c r="FF17" s="61">
        <v>145</v>
      </c>
      <c r="FG17" s="61">
        <v>92</v>
      </c>
      <c r="FH17" s="61">
        <v>106</v>
      </c>
      <c r="FI17" s="61">
        <v>66</v>
      </c>
      <c r="FJ17" s="62">
        <v>581</v>
      </c>
      <c r="FK17" s="63">
        <v>831</v>
      </c>
      <c r="FL17" s="60">
        <v>71</v>
      </c>
      <c r="FM17" s="61">
        <v>98</v>
      </c>
      <c r="FN17" s="62">
        <v>169</v>
      </c>
      <c r="FO17" s="231"/>
      <c r="FP17" s="61">
        <v>171</v>
      </c>
      <c r="FQ17" s="61">
        <v>211</v>
      </c>
      <c r="FR17" s="61">
        <v>154</v>
      </c>
      <c r="FS17" s="61">
        <v>185</v>
      </c>
      <c r="FT17" s="61">
        <v>140</v>
      </c>
      <c r="FU17" s="62">
        <v>861</v>
      </c>
      <c r="FV17" s="63">
        <v>1030</v>
      </c>
      <c r="FW17" s="60">
        <v>0</v>
      </c>
      <c r="FX17" s="61">
        <v>2</v>
      </c>
      <c r="FY17" s="62">
        <v>2</v>
      </c>
      <c r="FZ17" s="231"/>
      <c r="GA17" s="61">
        <v>6</v>
      </c>
      <c r="GB17" s="61">
        <v>7</v>
      </c>
      <c r="GC17" s="61">
        <v>7</v>
      </c>
      <c r="GD17" s="61">
        <v>3</v>
      </c>
      <c r="GE17" s="61">
        <v>6</v>
      </c>
      <c r="GF17" s="62">
        <v>29</v>
      </c>
      <c r="GG17" s="63">
        <v>31</v>
      </c>
      <c r="GH17" s="60">
        <v>400</v>
      </c>
      <c r="GI17" s="61">
        <v>402</v>
      </c>
      <c r="GJ17" s="62">
        <v>802</v>
      </c>
      <c r="GK17" s="231"/>
      <c r="GL17" s="61">
        <v>607</v>
      </c>
      <c r="GM17" s="61">
        <v>522</v>
      </c>
      <c r="GN17" s="61">
        <v>338</v>
      </c>
      <c r="GO17" s="61">
        <v>386</v>
      </c>
      <c r="GP17" s="61">
        <v>301</v>
      </c>
      <c r="GQ17" s="62">
        <v>2154</v>
      </c>
      <c r="GR17" s="63">
        <v>2956</v>
      </c>
      <c r="GS17" s="113">
        <v>561</v>
      </c>
      <c r="GT17" s="72">
        <v>587</v>
      </c>
      <c r="GU17" s="73">
        <v>1148</v>
      </c>
      <c r="GV17" s="228"/>
      <c r="GW17" s="72">
        <v>887</v>
      </c>
      <c r="GX17" s="72">
        <v>792</v>
      </c>
      <c r="GY17" s="72">
        <v>524</v>
      </c>
      <c r="GZ17" s="72">
        <v>518</v>
      </c>
      <c r="HA17" s="72">
        <v>405</v>
      </c>
      <c r="HB17" s="74">
        <v>3126</v>
      </c>
      <c r="HC17" s="75">
        <v>4274</v>
      </c>
      <c r="HD17" s="60">
        <v>13</v>
      </c>
      <c r="HE17" s="61">
        <v>8</v>
      </c>
      <c r="HF17" s="62">
        <v>21</v>
      </c>
      <c r="HG17" s="231"/>
      <c r="HH17" s="61">
        <v>17</v>
      </c>
      <c r="HI17" s="61">
        <v>13</v>
      </c>
      <c r="HJ17" s="61">
        <v>14</v>
      </c>
      <c r="HK17" s="61">
        <v>8</v>
      </c>
      <c r="HL17" s="61">
        <v>6</v>
      </c>
      <c r="HM17" s="62">
        <v>58</v>
      </c>
      <c r="HN17" s="63">
        <v>79</v>
      </c>
      <c r="HO17" s="60">
        <v>33</v>
      </c>
      <c r="HP17" s="61">
        <v>29</v>
      </c>
      <c r="HQ17" s="62">
        <v>62</v>
      </c>
      <c r="HR17" s="231"/>
      <c r="HS17" s="61">
        <v>49</v>
      </c>
      <c r="HT17" s="61">
        <v>34</v>
      </c>
      <c r="HU17" s="61">
        <v>23</v>
      </c>
      <c r="HV17" s="61">
        <v>25</v>
      </c>
      <c r="HW17" s="61">
        <v>22</v>
      </c>
      <c r="HX17" s="62">
        <v>153</v>
      </c>
      <c r="HY17" s="63">
        <v>215</v>
      </c>
      <c r="HZ17" s="60">
        <v>71</v>
      </c>
      <c r="IA17" s="61">
        <v>70</v>
      </c>
      <c r="IB17" s="62">
        <v>141</v>
      </c>
      <c r="IC17" s="231"/>
      <c r="ID17" s="61">
        <v>100</v>
      </c>
      <c r="IE17" s="61">
        <v>80</v>
      </c>
      <c r="IF17" s="61">
        <v>53</v>
      </c>
      <c r="IG17" s="61">
        <v>33</v>
      </c>
      <c r="IH17" s="61">
        <v>44</v>
      </c>
      <c r="II17" s="62">
        <v>310</v>
      </c>
      <c r="IJ17" s="63">
        <v>451</v>
      </c>
      <c r="IK17" s="60">
        <v>158</v>
      </c>
      <c r="IL17" s="61">
        <v>156</v>
      </c>
      <c r="IM17" s="62">
        <v>314</v>
      </c>
      <c r="IN17" s="231"/>
      <c r="IO17" s="61">
        <v>234</v>
      </c>
      <c r="IP17" s="61">
        <v>154</v>
      </c>
      <c r="IQ17" s="61">
        <v>81</v>
      </c>
      <c r="IR17" s="61">
        <v>83</v>
      </c>
      <c r="IS17" s="61">
        <v>78</v>
      </c>
      <c r="IT17" s="62">
        <v>630</v>
      </c>
      <c r="IU17" s="63">
        <v>944</v>
      </c>
      <c r="IV17" s="60">
        <v>181</v>
      </c>
      <c r="IW17" s="61">
        <v>189</v>
      </c>
      <c r="IX17" s="62">
        <v>370</v>
      </c>
      <c r="IY17" s="231"/>
      <c r="IZ17" s="61">
        <v>251</v>
      </c>
      <c r="JA17" s="61">
        <v>223</v>
      </c>
      <c r="JB17" s="61">
        <v>149</v>
      </c>
      <c r="JC17" s="61">
        <v>144</v>
      </c>
      <c r="JD17" s="61">
        <v>91</v>
      </c>
      <c r="JE17" s="62">
        <v>858</v>
      </c>
      <c r="JF17" s="63">
        <v>1228</v>
      </c>
      <c r="JG17" s="60">
        <v>105</v>
      </c>
      <c r="JH17" s="61">
        <v>135</v>
      </c>
      <c r="JI17" s="62">
        <v>240</v>
      </c>
      <c r="JJ17" s="231"/>
      <c r="JK17" s="61">
        <v>236</v>
      </c>
      <c r="JL17" s="61">
        <v>288</v>
      </c>
      <c r="JM17" s="61">
        <v>204</v>
      </c>
      <c r="JN17" s="61">
        <v>225</v>
      </c>
      <c r="JO17" s="61">
        <v>164</v>
      </c>
      <c r="JP17" s="62">
        <v>1117</v>
      </c>
      <c r="JQ17" s="63">
        <v>1357</v>
      </c>
      <c r="JR17" s="60">
        <v>5</v>
      </c>
      <c r="JS17" s="61">
        <v>4</v>
      </c>
      <c r="JT17" s="62">
        <v>9</v>
      </c>
      <c r="JU17" s="231"/>
      <c r="JV17" s="61">
        <v>15</v>
      </c>
      <c r="JW17" s="61">
        <v>16</v>
      </c>
      <c r="JX17" s="61">
        <v>11</v>
      </c>
      <c r="JY17" s="61">
        <v>7</v>
      </c>
      <c r="JZ17" s="61">
        <v>13</v>
      </c>
      <c r="KA17" s="62">
        <v>62</v>
      </c>
      <c r="KB17" s="63">
        <v>71</v>
      </c>
      <c r="KC17" s="60">
        <v>566</v>
      </c>
      <c r="KD17" s="61">
        <v>591</v>
      </c>
      <c r="KE17" s="62">
        <v>1157</v>
      </c>
      <c r="KF17" s="231"/>
      <c r="KG17" s="61">
        <v>902</v>
      </c>
      <c r="KH17" s="61">
        <v>808</v>
      </c>
      <c r="KI17" s="61">
        <v>535</v>
      </c>
      <c r="KJ17" s="61">
        <v>525</v>
      </c>
      <c r="KK17" s="61">
        <v>418</v>
      </c>
      <c r="KL17" s="62">
        <v>3188</v>
      </c>
      <c r="KM17" s="63">
        <v>4345</v>
      </c>
    </row>
    <row r="18" spans="2:299" ht="21" customHeight="1" x14ac:dyDescent="0.2">
      <c r="B18" s="472" t="s">
        <v>15</v>
      </c>
      <c r="C18" s="293">
        <v>130</v>
      </c>
      <c r="D18" s="72">
        <v>148</v>
      </c>
      <c r="E18" s="73">
        <v>278</v>
      </c>
      <c r="F18" s="228"/>
      <c r="G18" s="72">
        <v>259</v>
      </c>
      <c r="H18" s="72">
        <v>231</v>
      </c>
      <c r="I18" s="72">
        <v>166</v>
      </c>
      <c r="J18" s="72">
        <v>128</v>
      </c>
      <c r="K18" s="72">
        <v>64</v>
      </c>
      <c r="L18" s="74">
        <v>848</v>
      </c>
      <c r="M18" s="75">
        <v>1126</v>
      </c>
      <c r="N18" s="60">
        <v>4</v>
      </c>
      <c r="O18" s="61">
        <v>8</v>
      </c>
      <c r="P18" s="62">
        <v>12</v>
      </c>
      <c r="Q18" s="231"/>
      <c r="R18" s="61">
        <v>11</v>
      </c>
      <c r="S18" s="61">
        <v>17</v>
      </c>
      <c r="T18" s="61">
        <v>11</v>
      </c>
      <c r="U18" s="61">
        <v>4</v>
      </c>
      <c r="V18" s="61">
        <v>5</v>
      </c>
      <c r="W18" s="62">
        <v>48</v>
      </c>
      <c r="X18" s="63">
        <v>60</v>
      </c>
      <c r="Y18" s="60">
        <v>20</v>
      </c>
      <c r="Z18" s="61">
        <v>17</v>
      </c>
      <c r="AA18" s="62">
        <v>37</v>
      </c>
      <c r="AB18" s="231"/>
      <c r="AC18" s="61">
        <v>30</v>
      </c>
      <c r="AD18" s="61">
        <v>21</v>
      </c>
      <c r="AE18" s="61">
        <v>19</v>
      </c>
      <c r="AF18" s="61">
        <v>16</v>
      </c>
      <c r="AG18" s="61">
        <v>7</v>
      </c>
      <c r="AH18" s="62">
        <v>93</v>
      </c>
      <c r="AI18" s="63">
        <v>130</v>
      </c>
      <c r="AJ18" s="60">
        <v>20</v>
      </c>
      <c r="AK18" s="61">
        <v>24</v>
      </c>
      <c r="AL18" s="62">
        <v>44</v>
      </c>
      <c r="AM18" s="231"/>
      <c r="AN18" s="61">
        <v>34</v>
      </c>
      <c r="AO18" s="61">
        <v>51</v>
      </c>
      <c r="AP18" s="61">
        <v>23</v>
      </c>
      <c r="AQ18" s="61">
        <v>25</v>
      </c>
      <c r="AR18" s="61">
        <v>14</v>
      </c>
      <c r="AS18" s="62">
        <v>147</v>
      </c>
      <c r="AT18" s="63">
        <v>191</v>
      </c>
      <c r="AU18" s="60">
        <v>37</v>
      </c>
      <c r="AV18" s="61">
        <v>34</v>
      </c>
      <c r="AW18" s="62">
        <v>71</v>
      </c>
      <c r="AX18" s="231"/>
      <c r="AY18" s="61">
        <v>80</v>
      </c>
      <c r="AZ18" s="61">
        <v>47</v>
      </c>
      <c r="BA18" s="61">
        <v>32</v>
      </c>
      <c r="BB18" s="61">
        <v>34</v>
      </c>
      <c r="BC18" s="61">
        <v>18</v>
      </c>
      <c r="BD18" s="62">
        <v>211</v>
      </c>
      <c r="BE18" s="63">
        <v>282</v>
      </c>
      <c r="BF18" s="60">
        <v>31</v>
      </c>
      <c r="BG18" s="61">
        <v>45</v>
      </c>
      <c r="BH18" s="62">
        <v>76</v>
      </c>
      <c r="BI18" s="231"/>
      <c r="BJ18" s="61">
        <v>57</v>
      </c>
      <c r="BK18" s="61">
        <v>47</v>
      </c>
      <c r="BL18" s="61">
        <v>46</v>
      </c>
      <c r="BM18" s="61">
        <v>24</v>
      </c>
      <c r="BN18" s="61">
        <v>14</v>
      </c>
      <c r="BO18" s="62">
        <v>188</v>
      </c>
      <c r="BP18" s="63">
        <v>264</v>
      </c>
      <c r="BQ18" s="60">
        <v>18</v>
      </c>
      <c r="BR18" s="61">
        <v>20</v>
      </c>
      <c r="BS18" s="62">
        <v>38</v>
      </c>
      <c r="BT18" s="231"/>
      <c r="BU18" s="61">
        <v>47</v>
      </c>
      <c r="BV18" s="61">
        <v>48</v>
      </c>
      <c r="BW18" s="61">
        <v>35</v>
      </c>
      <c r="BX18" s="61">
        <v>25</v>
      </c>
      <c r="BY18" s="61">
        <v>6</v>
      </c>
      <c r="BZ18" s="62">
        <v>161</v>
      </c>
      <c r="CA18" s="63">
        <v>199</v>
      </c>
      <c r="CB18" s="60">
        <v>0</v>
      </c>
      <c r="CC18" s="61">
        <v>4</v>
      </c>
      <c r="CD18" s="62">
        <v>4</v>
      </c>
      <c r="CE18" s="231"/>
      <c r="CF18" s="61">
        <v>8</v>
      </c>
      <c r="CG18" s="61">
        <v>7</v>
      </c>
      <c r="CH18" s="61">
        <v>2</v>
      </c>
      <c r="CI18" s="61">
        <v>4</v>
      </c>
      <c r="CJ18" s="61">
        <v>6</v>
      </c>
      <c r="CK18" s="62">
        <v>27</v>
      </c>
      <c r="CL18" s="63">
        <v>31</v>
      </c>
      <c r="CM18" s="60">
        <v>130</v>
      </c>
      <c r="CN18" s="61">
        <v>152</v>
      </c>
      <c r="CO18" s="62">
        <v>282</v>
      </c>
      <c r="CP18" s="231"/>
      <c r="CQ18" s="61">
        <v>267</v>
      </c>
      <c r="CR18" s="61">
        <v>238</v>
      </c>
      <c r="CS18" s="61">
        <v>168</v>
      </c>
      <c r="CT18" s="61">
        <v>132</v>
      </c>
      <c r="CU18" s="61">
        <v>70</v>
      </c>
      <c r="CV18" s="62">
        <v>875</v>
      </c>
      <c r="CW18" s="63">
        <v>1157</v>
      </c>
      <c r="CX18" s="113">
        <v>280</v>
      </c>
      <c r="CY18" s="72">
        <v>360</v>
      </c>
      <c r="CZ18" s="73">
        <v>640</v>
      </c>
      <c r="DA18" s="228"/>
      <c r="DB18" s="72">
        <v>467</v>
      </c>
      <c r="DC18" s="72">
        <v>455</v>
      </c>
      <c r="DD18" s="72">
        <v>314</v>
      </c>
      <c r="DE18" s="72">
        <v>309</v>
      </c>
      <c r="DF18" s="72">
        <v>171</v>
      </c>
      <c r="DG18" s="74">
        <v>1716</v>
      </c>
      <c r="DH18" s="75">
        <v>2356</v>
      </c>
      <c r="DI18" s="60">
        <v>6</v>
      </c>
      <c r="DJ18" s="61">
        <v>5</v>
      </c>
      <c r="DK18" s="62">
        <v>11</v>
      </c>
      <c r="DL18" s="231"/>
      <c r="DM18" s="61">
        <v>13</v>
      </c>
      <c r="DN18" s="61">
        <v>11</v>
      </c>
      <c r="DO18" s="61">
        <v>2</v>
      </c>
      <c r="DP18" s="61">
        <v>0</v>
      </c>
      <c r="DQ18" s="61">
        <v>3</v>
      </c>
      <c r="DR18" s="62">
        <v>29</v>
      </c>
      <c r="DS18" s="63">
        <v>40</v>
      </c>
      <c r="DT18" s="60">
        <v>15</v>
      </c>
      <c r="DU18" s="61">
        <v>16</v>
      </c>
      <c r="DV18" s="62">
        <v>31</v>
      </c>
      <c r="DW18" s="231"/>
      <c r="DX18" s="61">
        <v>24</v>
      </c>
      <c r="DY18" s="61">
        <v>34</v>
      </c>
      <c r="DZ18" s="61">
        <v>23</v>
      </c>
      <c r="EA18" s="61">
        <v>13</v>
      </c>
      <c r="EB18" s="61">
        <v>10</v>
      </c>
      <c r="EC18" s="62">
        <v>104</v>
      </c>
      <c r="ED18" s="63">
        <v>135</v>
      </c>
      <c r="EE18" s="60">
        <v>67</v>
      </c>
      <c r="EF18" s="61">
        <v>53</v>
      </c>
      <c r="EG18" s="62">
        <v>120</v>
      </c>
      <c r="EH18" s="231"/>
      <c r="EI18" s="61">
        <v>62</v>
      </c>
      <c r="EJ18" s="61">
        <v>52</v>
      </c>
      <c r="EK18" s="61">
        <v>26</v>
      </c>
      <c r="EL18" s="61">
        <v>14</v>
      </c>
      <c r="EM18" s="61">
        <v>20</v>
      </c>
      <c r="EN18" s="62">
        <v>174</v>
      </c>
      <c r="EO18" s="63">
        <v>294</v>
      </c>
      <c r="EP18" s="60">
        <v>86</v>
      </c>
      <c r="EQ18" s="61">
        <v>110</v>
      </c>
      <c r="ER18" s="62">
        <v>196</v>
      </c>
      <c r="ES18" s="231"/>
      <c r="ET18" s="61">
        <v>112</v>
      </c>
      <c r="EU18" s="61">
        <v>88</v>
      </c>
      <c r="EV18" s="61">
        <v>55</v>
      </c>
      <c r="EW18" s="61">
        <v>41</v>
      </c>
      <c r="EX18" s="61">
        <v>36</v>
      </c>
      <c r="EY18" s="62">
        <v>332</v>
      </c>
      <c r="EZ18" s="63">
        <v>528</v>
      </c>
      <c r="FA18" s="60">
        <v>67</v>
      </c>
      <c r="FB18" s="61">
        <v>102</v>
      </c>
      <c r="FC18" s="62">
        <v>169</v>
      </c>
      <c r="FD18" s="231"/>
      <c r="FE18" s="61">
        <v>138</v>
      </c>
      <c r="FF18" s="61">
        <v>126</v>
      </c>
      <c r="FG18" s="61">
        <v>86</v>
      </c>
      <c r="FH18" s="61">
        <v>88</v>
      </c>
      <c r="FI18" s="61">
        <v>37</v>
      </c>
      <c r="FJ18" s="62">
        <v>475</v>
      </c>
      <c r="FK18" s="63">
        <v>644</v>
      </c>
      <c r="FL18" s="60">
        <v>39</v>
      </c>
      <c r="FM18" s="61">
        <v>74</v>
      </c>
      <c r="FN18" s="62">
        <v>113</v>
      </c>
      <c r="FO18" s="231"/>
      <c r="FP18" s="61">
        <v>118</v>
      </c>
      <c r="FQ18" s="61">
        <v>144</v>
      </c>
      <c r="FR18" s="61">
        <v>122</v>
      </c>
      <c r="FS18" s="61">
        <v>153</v>
      </c>
      <c r="FT18" s="61">
        <v>65</v>
      </c>
      <c r="FU18" s="62">
        <v>602</v>
      </c>
      <c r="FV18" s="63">
        <v>715</v>
      </c>
      <c r="FW18" s="60">
        <v>2</v>
      </c>
      <c r="FX18" s="61">
        <v>3</v>
      </c>
      <c r="FY18" s="62">
        <v>5</v>
      </c>
      <c r="FZ18" s="231"/>
      <c r="GA18" s="61">
        <v>4</v>
      </c>
      <c r="GB18" s="61">
        <v>8</v>
      </c>
      <c r="GC18" s="61">
        <v>0</v>
      </c>
      <c r="GD18" s="61">
        <v>2</v>
      </c>
      <c r="GE18" s="61">
        <v>6</v>
      </c>
      <c r="GF18" s="62">
        <v>20</v>
      </c>
      <c r="GG18" s="63">
        <v>25</v>
      </c>
      <c r="GH18" s="60">
        <v>282</v>
      </c>
      <c r="GI18" s="61">
        <v>363</v>
      </c>
      <c r="GJ18" s="62">
        <v>645</v>
      </c>
      <c r="GK18" s="231"/>
      <c r="GL18" s="61">
        <v>471</v>
      </c>
      <c r="GM18" s="61">
        <v>463</v>
      </c>
      <c r="GN18" s="61">
        <v>314</v>
      </c>
      <c r="GO18" s="61">
        <v>311</v>
      </c>
      <c r="GP18" s="61">
        <v>177</v>
      </c>
      <c r="GQ18" s="62">
        <v>1736</v>
      </c>
      <c r="GR18" s="63">
        <v>2381</v>
      </c>
      <c r="GS18" s="113">
        <v>410</v>
      </c>
      <c r="GT18" s="72">
        <v>508</v>
      </c>
      <c r="GU18" s="73">
        <v>918</v>
      </c>
      <c r="GV18" s="228"/>
      <c r="GW18" s="72">
        <v>726</v>
      </c>
      <c r="GX18" s="72">
        <v>686</v>
      </c>
      <c r="GY18" s="72">
        <v>480</v>
      </c>
      <c r="GZ18" s="72">
        <v>437</v>
      </c>
      <c r="HA18" s="72">
        <v>235</v>
      </c>
      <c r="HB18" s="74">
        <v>2564</v>
      </c>
      <c r="HC18" s="75">
        <v>3482</v>
      </c>
      <c r="HD18" s="60">
        <v>10</v>
      </c>
      <c r="HE18" s="61">
        <v>13</v>
      </c>
      <c r="HF18" s="62">
        <v>23</v>
      </c>
      <c r="HG18" s="231"/>
      <c r="HH18" s="61">
        <v>24</v>
      </c>
      <c r="HI18" s="61">
        <v>28</v>
      </c>
      <c r="HJ18" s="61">
        <v>13</v>
      </c>
      <c r="HK18" s="61">
        <v>4</v>
      </c>
      <c r="HL18" s="61">
        <v>8</v>
      </c>
      <c r="HM18" s="62">
        <v>77</v>
      </c>
      <c r="HN18" s="63">
        <v>100</v>
      </c>
      <c r="HO18" s="60">
        <v>35</v>
      </c>
      <c r="HP18" s="61">
        <v>33</v>
      </c>
      <c r="HQ18" s="62">
        <v>68</v>
      </c>
      <c r="HR18" s="231"/>
      <c r="HS18" s="61">
        <v>54</v>
      </c>
      <c r="HT18" s="61">
        <v>55</v>
      </c>
      <c r="HU18" s="61">
        <v>42</v>
      </c>
      <c r="HV18" s="61">
        <v>29</v>
      </c>
      <c r="HW18" s="61">
        <v>17</v>
      </c>
      <c r="HX18" s="62">
        <v>197</v>
      </c>
      <c r="HY18" s="63">
        <v>265</v>
      </c>
      <c r="HZ18" s="60">
        <v>87</v>
      </c>
      <c r="IA18" s="61">
        <v>77</v>
      </c>
      <c r="IB18" s="62">
        <v>164</v>
      </c>
      <c r="IC18" s="231"/>
      <c r="ID18" s="61">
        <v>96</v>
      </c>
      <c r="IE18" s="61">
        <v>103</v>
      </c>
      <c r="IF18" s="61">
        <v>49</v>
      </c>
      <c r="IG18" s="61">
        <v>39</v>
      </c>
      <c r="IH18" s="61">
        <v>34</v>
      </c>
      <c r="II18" s="62">
        <v>321</v>
      </c>
      <c r="IJ18" s="63">
        <v>485</v>
      </c>
      <c r="IK18" s="60">
        <v>123</v>
      </c>
      <c r="IL18" s="61">
        <v>144</v>
      </c>
      <c r="IM18" s="62">
        <v>267</v>
      </c>
      <c r="IN18" s="231"/>
      <c r="IO18" s="61">
        <v>192</v>
      </c>
      <c r="IP18" s="61">
        <v>135</v>
      </c>
      <c r="IQ18" s="61">
        <v>87</v>
      </c>
      <c r="IR18" s="61">
        <v>75</v>
      </c>
      <c r="IS18" s="61">
        <v>54</v>
      </c>
      <c r="IT18" s="62">
        <v>543</v>
      </c>
      <c r="IU18" s="63">
        <v>810</v>
      </c>
      <c r="IV18" s="60">
        <v>98</v>
      </c>
      <c r="IW18" s="61">
        <v>147</v>
      </c>
      <c r="IX18" s="62">
        <v>245</v>
      </c>
      <c r="IY18" s="231"/>
      <c r="IZ18" s="61">
        <v>195</v>
      </c>
      <c r="JA18" s="61">
        <v>173</v>
      </c>
      <c r="JB18" s="61">
        <v>132</v>
      </c>
      <c r="JC18" s="61">
        <v>112</v>
      </c>
      <c r="JD18" s="61">
        <v>51</v>
      </c>
      <c r="JE18" s="62">
        <v>663</v>
      </c>
      <c r="JF18" s="63">
        <v>908</v>
      </c>
      <c r="JG18" s="60">
        <v>57</v>
      </c>
      <c r="JH18" s="61">
        <v>94</v>
      </c>
      <c r="JI18" s="62">
        <v>151</v>
      </c>
      <c r="JJ18" s="231"/>
      <c r="JK18" s="61">
        <v>165</v>
      </c>
      <c r="JL18" s="61">
        <v>192</v>
      </c>
      <c r="JM18" s="61">
        <v>157</v>
      </c>
      <c r="JN18" s="61">
        <v>178</v>
      </c>
      <c r="JO18" s="61">
        <v>71</v>
      </c>
      <c r="JP18" s="62">
        <v>763</v>
      </c>
      <c r="JQ18" s="63">
        <v>914</v>
      </c>
      <c r="JR18" s="60">
        <v>2</v>
      </c>
      <c r="JS18" s="61">
        <v>7</v>
      </c>
      <c r="JT18" s="62">
        <v>9</v>
      </c>
      <c r="JU18" s="231"/>
      <c r="JV18" s="61">
        <v>12</v>
      </c>
      <c r="JW18" s="61">
        <v>15</v>
      </c>
      <c r="JX18" s="61">
        <v>2</v>
      </c>
      <c r="JY18" s="61">
        <v>6</v>
      </c>
      <c r="JZ18" s="61">
        <v>12</v>
      </c>
      <c r="KA18" s="62">
        <v>47</v>
      </c>
      <c r="KB18" s="63">
        <v>56</v>
      </c>
      <c r="KC18" s="60">
        <v>412</v>
      </c>
      <c r="KD18" s="61">
        <v>515</v>
      </c>
      <c r="KE18" s="62">
        <v>927</v>
      </c>
      <c r="KF18" s="231"/>
      <c r="KG18" s="61">
        <v>738</v>
      </c>
      <c r="KH18" s="61">
        <v>701</v>
      </c>
      <c r="KI18" s="61">
        <v>482</v>
      </c>
      <c r="KJ18" s="61">
        <v>443</v>
      </c>
      <c r="KK18" s="61">
        <v>247</v>
      </c>
      <c r="KL18" s="62">
        <v>2611</v>
      </c>
      <c r="KM18" s="63">
        <v>3538</v>
      </c>
    </row>
    <row r="19" spans="2:299" ht="21" customHeight="1" x14ac:dyDescent="0.2">
      <c r="B19" s="472" t="s">
        <v>16</v>
      </c>
      <c r="C19" s="293">
        <v>243</v>
      </c>
      <c r="D19" s="72">
        <v>296</v>
      </c>
      <c r="E19" s="73">
        <v>539</v>
      </c>
      <c r="F19" s="228"/>
      <c r="G19" s="72">
        <v>460</v>
      </c>
      <c r="H19" s="72">
        <v>621</v>
      </c>
      <c r="I19" s="72">
        <v>405</v>
      </c>
      <c r="J19" s="72">
        <v>324</v>
      </c>
      <c r="K19" s="72">
        <v>202</v>
      </c>
      <c r="L19" s="74">
        <v>2012</v>
      </c>
      <c r="M19" s="75">
        <v>2551</v>
      </c>
      <c r="N19" s="60">
        <v>12</v>
      </c>
      <c r="O19" s="61">
        <v>11</v>
      </c>
      <c r="P19" s="62">
        <v>23</v>
      </c>
      <c r="Q19" s="231"/>
      <c r="R19" s="61">
        <v>13</v>
      </c>
      <c r="S19" s="61">
        <v>29</v>
      </c>
      <c r="T19" s="61">
        <v>24</v>
      </c>
      <c r="U19" s="61">
        <v>19</v>
      </c>
      <c r="V19" s="61">
        <v>19</v>
      </c>
      <c r="W19" s="62">
        <v>104</v>
      </c>
      <c r="X19" s="63">
        <v>127</v>
      </c>
      <c r="Y19" s="60">
        <v>32</v>
      </c>
      <c r="Z19" s="61">
        <v>56</v>
      </c>
      <c r="AA19" s="62">
        <v>88</v>
      </c>
      <c r="AB19" s="231"/>
      <c r="AC19" s="61">
        <v>47</v>
      </c>
      <c r="AD19" s="61">
        <v>77</v>
      </c>
      <c r="AE19" s="61">
        <v>46</v>
      </c>
      <c r="AF19" s="61">
        <v>36</v>
      </c>
      <c r="AG19" s="61">
        <v>34</v>
      </c>
      <c r="AH19" s="62">
        <v>240</v>
      </c>
      <c r="AI19" s="63">
        <v>328</v>
      </c>
      <c r="AJ19" s="60">
        <v>53</v>
      </c>
      <c r="AK19" s="61">
        <v>49</v>
      </c>
      <c r="AL19" s="62">
        <v>102</v>
      </c>
      <c r="AM19" s="231"/>
      <c r="AN19" s="61">
        <v>74</v>
      </c>
      <c r="AO19" s="61">
        <v>111</v>
      </c>
      <c r="AP19" s="61">
        <v>82</v>
      </c>
      <c r="AQ19" s="61">
        <v>58</v>
      </c>
      <c r="AR19" s="61">
        <v>36</v>
      </c>
      <c r="AS19" s="62">
        <v>361</v>
      </c>
      <c r="AT19" s="63">
        <v>463</v>
      </c>
      <c r="AU19" s="60">
        <v>77</v>
      </c>
      <c r="AV19" s="61">
        <v>70</v>
      </c>
      <c r="AW19" s="62">
        <v>147</v>
      </c>
      <c r="AX19" s="231"/>
      <c r="AY19" s="61">
        <v>130</v>
      </c>
      <c r="AZ19" s="61">
        <v>162</v>
      </c>
      <c r="BA19" s="61">
        <v>89</v>
      </c>
      <c r="BB19" s="61">
        <v>85</v>
      </c>
      <c r="BC19" s="61">
        <v>47</v>
      </c>
      <c r="BD19" s="62">
        <v>513</v>
      </c>
      <c r="BE19" s="63">
        <v>660</v>
      </c>
      <c r="BF19" s="60">
        <v>48</v>
      </c>
      <c r="BG19" s="61">
        <v>66</v>
      </c>
      <c r="BH19" s="62">
        <v>114</v>
      </c>
      <c r="BI19" s="231"/>
      <c r="BJ19" s="61">
        <v>133</v>
      </c>
      <c r="BK19" s="61">
        <v>143</v>
      </c>
      <c r="BL19" s="61">
        <v>86</v>
      </c>
      <c r="BM19" s="61">
        <v>56</v>
      </c>
      <c r="BN19" s="61">
        <v>34</v>
      </c>
      <c r="BO19" s="62">
        <v>452</v>
      </c>
      <c r="BP19" s="63">
        <v>566</v>
      </c>
      <c r="BQ19" s="60">
        <v>21</v>
      </c>
      <c r="BR19" s="61">
        <v>44</v>
      </c>
      <c r="BS19" s="62">
        <v>65</v>
      </c>
      <c r="BT19" s="231"/>
      <c r="BU19" s="61">
        <v>63</v>
      </c>
      <c r="BV19" s="61">
        <v>99</v>
      </c>
      <c r="BW19" s="61">
        <v>78</v>
      </c>
      <c r="BX19" s="61">
        <v>70</v>
      </c>
      <c r="BY19" s="61">
        <v>32</v>
      </c>
      <c r="BZ19" s="62">
        <v>342</v>
      </c>
      <c r="CA19" s="63">
        <v>407</v>
      </c>
      <c r="CB19" s="60">
        <v>10</v>
      </c>
      <c r="CC19" s="61">
        <v>10</v>
      </c>
      <c r="CD19" s="62">
        <v>20</v>
      </c>
      <c r="CE19" s="231"/>
      <c r="CF19" s="61">
        <v>16</v>
      </c>
      <c r="CG19" s="61">
        <v>23</v>
      </c>
      <c r="CH19" s="61">
        <v>21</v>
      </c>
      <c r="CI19" s="61">
        <v>14</v>
      </c>
      <c r="CJ19" s="61">
        <v>12</v>
      </c>
      <c r="CK19" s="62">
        <v>86</v>
      </c>
      <c r="CL19" s="63">
        <v>106</v>
      </c>
      <c r="CM19" s="60">
        <v>253</v>
      </c>
      <c r="CN19" s="61">
        <v>306</v>
      </c>
      <c r="CO19" s="62">
        <v>559</v>
      </c>
      <c r="CP19" s="231"/>
      <c r="CQ19" s="61">
        <v>476</v>
      </c>
      <c r="CR19" s="61">
        <v>644</v>
      </c>
      <c r="CS19" s="61">
        <v>426</v>
      </c>
      <c r="CT19" s="61">
        <v>338</v>
      </c>
      <c r="CU19" s="61">
        <v>214</v>
      </c>
      <c r="CV19" s="62">
        <v>2098</v>
      </c>
      <c r="CW19" s="63">
        <v>2657</v>
      </c>
      <c r="CX19" s="113">
        <v>409</v>
      </c>
      <c r="CY19" s="72">
        <v>633</v>
      </c>
      <c r="CZ19" s="73">
        <v>1042</v>
      </c>
      <c r="DA19" s="228"/>
      <c r="DB19" s="72">
        <v>827</v>
      </c>
      <c r="DC19" s="72">
        <v>1008</v>
      </c>
      <c r="DD19" s="72">
        <v>764</v>
      </c>
      <c r="DE19" s="72">
        <v>779</v>
      </c>
      <c r="DF19" s="72">
        <v>502</v>
      </c>
      <c r="DG19" s="74">
        <v>3880</v>
      </c>
      <c r="DH19" s="75">
        <v>4922</v>
      </c>
      <c r="DI19" s="60">
        <v>12</v>
      </c>
      <c r="DJ19" s="61">
        <v>29</v>
      </c>
      <c r="DK19" s="62">
        <v>41</v>
      </c>
      <c r="DL19" s="231"/>
      <c r="DM19" s="61">
        <v>12</v>
      </c>
      <c r="DN19" s="61">
        <v>28</v>
      </c>
      <c r="DO19" s="61">
        <v>20</v>
      </c>
      <c r="DP19" s="61">
        <v>15</v>
      </c>
      <c r="DQ19" s="61">
        <v>10</v>
      </c>
      <c r="DR19" s="62">
        <v>85</v>
      </c>
      <c r="DS19" s="63">
        <v>126</v>
      </c>
      <c r="DT19" s="60">
        <v>31</v>
      </c>
      <c r="DU19" s="61">
        <v>51</v>
      </c>
      <c r="DV19" s="62">
        <v>82</v>
      </c>
      <c r="DW19" s="231"/>
      <c r="DX19" s="61">
        <v>62</v>
      </c>
      <c r="DY19" s="61">
        <v>68</v>
      </c>
      <c r="DZ19" s="61">
        <v>41</v>
      </c>
      <c r="EA19" s="61">
        <v>41</v>
      </c>
      <c r="EB19" s="61">
        <v>30</v>
      </c>
      <c r="EC19" s="62">
        <v>242</v>
      </c>
      <c r="ED19" s="63">
        <v>324</v>
      </c>
      <c r="EE19" s="60">
        <v>83</v>
      </c>
      <c r="EF19" s="61">
        <v>110</v>
      </c>
      <c r="EG19" s="62">
        <v>193</v>
      </c>
      <c r="EH19" s="231"/>
      <c r="EI19" s="61">
        <v>102</v>
      </c>
      <c r="EJ19" s="61">
        <v>137</v>
      </c>
      <c r="EK19" s="61">
        <v>78</v>
      </c>
      <c r="EL19" s="61">
        <v>73</v>
      </c>
      <c r="EM19" s="61">
        <v>51</v>
      </c>
      <c r="EN19" s="62">
        <v>441</v>
      </c>
      <c r="EO19" s="63">
        <v>634</v>
      </c>
      <c r="EP19" s="60">
        <v>123</v>
      </c>
      <c r="EQ19" s="61">
        <v>169</v>
      </c>
      <c r="ER19" s="62">
        <v>292</v>
      </c>
      <c r="ES19" s="231"/>
      <c r="ET19" s="61">
        <v>208</v>
      </c>
      <c r="EU19" s="61">
        <v>199</v>
      </c>
      <c r="EV19" s="61">
        <v>134</v>
      </c>
      <c r="EW19" s="61">
        <v>128</v>
      </c>
      <c r="EX19" s="61">
        <v>97</v>
      </c>
      <c r="EY19" s="62">
        <v>766</v>
      </c>
      <c r="EZ19" s="63">
        <v>1058</v>
      </c>
      <c r="FA19" s="60">
        <v>93</v>
      </c>
      <c r="FB19" s="61">
        <v>160</v>
      </c>
      <c r="FC19" s="62">
        <v>253</v>
      </c>
      <c r="FD19" s="231"/>
      <c r="FE19" s="61">
        <v>257</v>
      </c>
      <c r="FF19" s="61">
        <v>272</v>
      </c>
      <c r="FG19" s="61">
        <v>211</v>
      </c>
      <c r="FH19" s="61">
        <v>180</v>
      </c>
      <c r="FI19" s="61">
        <v>119</v>
      </c>
      <c r="FJ19" s="62">
        <v>1039</v>
      </c>
      <c r="FK19" s="63">
        <v>1292</v>
      </c>
      <c r="FL19" s="60">
        <v>67</v>
      </c>
      <c r="FM19" s="61">
        <v>114</v>
      </c>
      <c r="FN19" s="62">
        <v>181</v>
      </c>
      <c r="FO19" s="231"/>
      <c r="FP19" s="61">
        <v>186</v>
      </c>
      <c r="FQ19" s="61">
        <v>304</v>
      </c>
      <c r="FR19" s="61">
        <v>280</v>
      </c>
      <c r="FS19" s="61">
        <v>342</v>
      </c>
      <c r="FT19" s="61">
        <v>195</v>
      </c>
      <c r="FU19" s="62">
        <v>1307</v>
      </c>
      <c r="FV19" s="63">
        <v>1488</v>
      </c>
      <c r="FW19" s="60">
        <v>12</v>
      </c>
      <c r="FX19" s="61">
        <v>14</v>
      </c>
      <c r="FY19" s="62">
        <v>26</v>
      </c>
      <c r="FZ19" s="231"/>
      <c r="GA19" s="61">
        <v>5</v>
      </c>
      <c r="GB19" s="61">
        <v>21</v>
      </c>
      <c r="GC19" s="61">
        <v>9</v>
      </c>
      <c r="GD19" s="61">
        <v>11</v>
      </c>
      <c r="GE19" s="61">
        <v>14</v>
      </c>
      <c r="GF19" s="62">
        <v>60</v>
      </c>
      <c r="GG19" s="63">
        <v>86</v>
      </c>
      <c r="GH19" s="60">
        <v>421</v>
      </c>
      <c r="GI19" s="61">
        <v>647</v>
      </c>
      <c r="GJ19" s="62">
        <v>1068</v>
      </c>
      <c r="GK19" s="231"/>
      <c r="GL19" s="61">
        <v>832</v>
      </c>
      <c r="GM19" s="61">
        <v>1029</v>
      </c>
      <c r="GN19" s="61">
        <v>773</v>
      </c>
      <c r="GO19" s="61">
        <v>790</v>
      </c>
      <c r="GP19" s="61">
        <v>516</v>
      </c>
      <c r="GQ19" s="62">
        <v>3940</v>
      </c>
      <c r="GR19" s="63">
        <v>5008</v>
      </c>
      <c r="GS19" s="113">
        <v>652</v>
      </c>
      <c r="GT19" s="72">
        <v>929</v>
      </c>
      <c r="GU19" s="73">
        <v>1581</v>
      </c>
      <c r="GV19" s="228"/>
      <c r="GW19" s="72">
        <v>1287</v>
      </c>
      <c r="GX19" s="72">
        <v>1629</v>
      </c>
      <c r="GY19" s="72">
        <v>1169</v>
      </c>
      <c r="GZ19" s="72">
        <v>1103</v>
      </c>
      <c r="HA19" s="72">
        <v>704</v>
      </c>
      <c r="HB19" s="74">
        <v>5892</v>
      </c>
      <c r="HC19" s="75">
        <v>7473</v>
      </c>
      <c r="HD19" s="60">
        <v>24</v>
      </c>
      <c r="HE19" s="61">
        <v>40</v>
      </c>
      <c r="HF19" s="62">
        <v>64</v>
      </c>
      <c r="HG19" s="231"/>
      <c r="HH19" s="61">
        <v>25</v>
      </c>
      <c r="HI19" s="61">
        <v>57</v>
      </c>
      <c r="HJ19" s="61">
        <v>44</v>
      </c>
      <c r="HK19" s="61">
        <v>34</v>
      </c>
      <c r="HL19" s="61">
        <v>29</v>
      </c>
      <c r="HM19" s="62">
        <v>189</v>
      </c>
      <c r="HN19" s="63">
        <v>253</v>
      </c>
      <c r="HO19" s="60">
        <v>63</v>
      </c>
      <c r="HP19" s="61">
        <v>107</v>
      </c>
      <c r="HQ19" s="62">
        <v>170</v>
      </c>
      <c r="HR19" s="231"/>
      <c r="HS19" s="61">
        <v>109</v>
      </c>
      <c r="HT19" s="61">
        <v>145</v>
      </c>
      <c r="HU19" s="61">
        <v>87</v>
      </c>
      <c r="HV19" s="61">
        <v>77</v>
      </c>
      <c r="HW19" s="61">
        <v>64</v>
      </c>
      <c r="HX19" s="62">
        <v>482</v>
      </c>
      <c r="HY19" s="63">
        <v>652</v>
      </c>
      <c r="HZ19" s="60">
        <v>136</v>
      </c>
      <c r="IA19" s="61">
        <v>159</v>
      </c>
      <c r="IB19" s="62">
        <v>295</v>
      </c>
      <c r="IC19" s="231"/>
      <c r="ID19" s="61">
        <v>176</v>
      </c>
      <c r="IE19" s="61">
        <v>248</v>
      </c>
      <c r="IF19" s="61">
        <v>160</v>
      </c>
      <c r="IG19" s="61">
        <v>131</v>
      </c>
      <c r="IH19" s="61">
        <v>87</v>
      </c>
      <c r="II19" s="62">
        <v>802</v>
      </c>
      <c r="IJ19" s="63">
        <v>1097</v>
      </c>
      <c r="IK19" s="60">
        <v>200</v>
      </c>
      <c r="IL19" s="61">
        <v>239</v>
      </c>
      <c r="IM19" s="62">
        <v>439</v>
      </c>
      <c r="IN19" s="231"/>
      <c r="IO19" s="61">
        <v>338</v>
      </c>
      <c r="IP19" s="61">
        <v>361</v>
      </c>
      <c r="IQ19" s="61">
        <v>223</v>
      </c>
      <c r="IR19" s="61">
        <v>213</v>
      </c>
      <c r="IS19" s="61">
        <v>144</v>
      </c>
      <c r="IT19" s="62">
        <v>1279</v>
      </c>
      <c r="IU19" s="63">
        <v>1718</v>
      </c>
      <c r="IV19" s="60">
        <v>141</v>
      </c>
      <c r="IW19" s="61">
        <v>226</v>
      </c>
      <c r="IX19" s="62">
        <v>367</v>
      </c>
      <c r="IY19" s="231"/>
      <c r="IZ19" s="61">
        <v>390</v>
      </c>
      <c r="JA19" s="61">
        <v>415</v>
      </c>
      <c r="JB19" s="61">
        <v>297</v>
      </c>
      <c r="JC19" s="61">
        <v>236</v>
      </c>
      <c r="JD19" s="61">
        <v>153</v>
      </c>
      <c r="JE19" s="62">
        <v>1491</v>
      </c>
      <c r="JF19" s="63">
        <v>1858</v>
      </c>
      <c r="JG19" s="60">
        <v>88</v>
      </c>
      <c r="JH19" s="61">
        <v>158</v>
      </c>
      <c r="JI19" s="62">
        <v>246</v>
      </c>
      <c r="JJ19" s="231"/>
      <c r="JK19" s="61">
        <v>249</v>
      </c>
      <c r="JL19" s="61">
        <v>403</v>
      </c>
      <c r="JM19" s="61">
        <v>358</v>
      </c>
      <c r="JN19" s="61">
        <v>412</v>
      </c>
      <c r="JO19" s="61">
        <v>227</v>
      </c>
      <c r="JP19" s="62">
        <v>1649</v>
      </c>
      <c r="JQ19" s="63">
        <v>1895</v>
      </c>
      <c r="JR19" s="60">
        <v>22</v>
      </c>
      <c r="JS19" s="61">
        <v>24</v>
      </c>
      <c r="JT19" s="62">
        <v>46</v>
      </c>
      <c r="JU19" s="231"/>
      <c r="JV19" s="61">
        <v>21</v>
      </c>
      <c r="JW19" s="61">
        <v>44</v>
      </c>
      <c r="JX19" s="61">
        <v>30</v>
      </c>
      <c r="JY19" s="61">
        <v>25</v>
      </c>
      <c r="JZ19" s="61">
        <v>26</v>
      </c>
      <c r="KA19" s="62">
        <v>146</v>
      </c>
      <c r="KB19" s="63">
        <v>192</v>
      </c>
      <c r="KC19" s="60">
        <v>674</v>
      </c>
      <c r="KD19" s="61">
        <v>953</v>
      </c>
      <c r="KE19" s="62">
        <v>1627</v>
      </c>
      <c r="KF19" s="231"/>
      <c r="KG19" s="61">
        <v>1308</v>
      </c>
      <c r="KH19" s="61">
        <v>1673</v>
      </c>
      <c r="KI19" s="61">
        <v>1199</v>
      </c>
      <c r="KJ19" s="61">
        <v>1128</v>
      </c>
      <c r="KK19" s="61">
        <v>730</v>
      </c>
      <c r="KL19" s="62">
        <v>6038</v>
      </c>
      <c r="KM19" s="63">
        <v>7665</v>
      </c>
    </row>
    <row r="20" spans="2:299" ht="21" customHeight="1" x14ac:dyDescent="0.2">
      <c r="B20" s="472" t="s">
        <v>17</v>
      </c>
      <c r="C20" s="293">
        <v>286</v>
      </c>
      <c r="D20" s="72">
        <v>395</v>
      </c>
      <c r="E20" s="73">
        <v>681</v>
      </c>
      <c r="F20" s="228"/>
      <c r="G20" s="72">
        <v>588</v>
      </c>
      <c r="H20" s="72">
        <v>773</v>
      </c>
      <c r="I20" s="72">
        <v>563</v>
      </c>
      <c r="J20" s="72">
        <v>420</v>
      </c>
      <c r="K20" s="72">
        <v>275</v>
      </c>
      <c r="L20" s="74">
        <v>2619</v>
      </c>
      <c r="M20" s="75">
        <v>3300</v>
      </c>
      <c r="N20" s="60">
        <v>10</v>
      </c>
      <c r="O20" s="61">
        <v>18</v>
      </c>
      <c r="P20" s="62">
        <v>28</v>
      </c>
      <c r="Q20" s="231"/>
      <c r="R20" s="61">
        <v>25</v>
      </c>
      <c r="S20" s="61">
        <v>44</v>
      </c>
      <c r="T20" s="61">
        <v>31</v>
      </c>
      <c r="U20" s="61">
        <v>22</v>
      </c>
      <c r="V20" s="61">
        <v>23</v>
      </c>
      <c r="W20" s="62">
        <v>145</v>
      </c>
      <c r="X20" s="63">
        <v>173</v>
      </c>
      <c r="Y20" s="60">
        <v>20</v>
      </c>
      <c r="Z20" s="61">
        <v>59</v>
      </c>
      <c r="AA20" s="62">
        <v>79</v>
      </c>
      <c r="AB20" s="231"/>
      <c r="AC20" s="61">
        <v>52</v>
      </c>
      <c r="AD20" s="61">
        <v>95</v>
      </c>
      <c r="AE20" s="61">
        <v>73</v>
      </c>
      <c r="AF20" s="61">
        <v>59</v>
      </c>
      <c r="AG20" s="61">
        <v>39</v>
      </c>
      <c r="AH20" s="62">
        <v>318</v>
      </c>
      <c r="AI20" s="63">
        <v>397</v>
      </c>
      <c r="AJ20" s="60">
        <v>52</v>
      </c>
      <c r="AK20" s="61">
        <v>60</v>
      </c>
      <c r="AL20" s="62">
        <v>112</v>
      </c>
      <c r="AM20" s="231"/>
      <c r="AN20" s="61">
        <v>101</v>
      </c>
      <c r="AO20" s="61">
        <v>154</v>
      </c>
      <c r="AP20" s="61">
        <v>98</v>
      </c>
      <c r="AQ20" s="61">
        <v>63</v>
      </c>
      <c r="AR20" s="61">
        <v>53</v>
      </c>
      <c r="AS20" s="62">
        <v>469</v>
      </c>
      <c r="AT20" s="63">
        <v>581</v>
      </c>
      <c r="AU20" s="60">
        <v>75</v>
      </c>
      <c r="AV20" s="61">
        <v>108</v>
      </c>
      <c r="AW20" s="62">
        <v>183</v>
      </c>
      <c r="AX20" s="231"/>
      <c r="AY20" s="61">
        <v>178</v>
      </c>
      <c r="AZ20" s="61">
        <v>199</v>
      </c>
      <c r="BA20" s="61">
        <v>157</v>
      </c>
      <c r="BB20" s="61">
        <v>96</v>
      </c>
      <c r="BC20" s="61">
        <v>64</v>
      </c>
      <c r="BD20" s="62">
        <v>694</v>
      </c>
      <c r="BE20" s="63">
        <v>877</v>
      </c>
      <c r="BF20" s="60">
        <v>75</v>
      </c>
      <c r="BG20" s="61">
        <v>91</v>
      </c>
      <c r="BH20" s="62">
        <v>166</v>
      </c>
      <c r="BI20" s="231"/>
      <c r="BJ20" s="61">
        <v>146</v>
      </c>
      <c r="BK20" s="61">
        <v>164</v>
      </c>
      <c r="BL20" s="61">
        <v>126</v>
      </c>
      <c r="BM20" s="61">
        <v>112</v>
      </c>
      <c r="BN20" s="61">
        <v>51</v>
      </c>
      <c r="BO20" s="62">
        <v>599</v>
      </c>
      <c r="BP20" s="63">
        <v>765</v>
      </c>
      <c r="BQ20" s="60">
        <v>54</v>
      </c>
      <c r="BR20" s="61">
        <v>59</v>
      </c>
      <c r="BS20" s="62">
        <v>113</v>
      </c>
      <c r="BT20" s="231"/>
      <c r="BU20" s="61">
        <v>86</v>
      </c>
      <c r="BV20" s="61">
        <v>117</v>
      </c>
      <c r="BW20" s="61">
        <v>78</v>
      </c>
      <c r="BX20" s="61">
        <v>68</v>
      </c>
      <c r="BY20" s="61">
        <v>45</v>
      </c>
      <c r="BZ20" s="62">
        <v>394</v>
      </c>
      <c r="CA20" s="63">
        <v>507</v>
      </c>
      <c r="CB20" s="60">
        <v>12</v>
      </c>
      <c r="CC20" s="61">
        <v>25</v>
      </c>
      <c r="CD20" s="62">
        <v>37</v>
      </c>
      <c r="CE20" s="231"/>
      <c r="CF20" s="61">
        <v>21</v>
      </c>
      <c r="CG20" s="61">
        <v>43</v>
      </c>
      <c r="CH20" s="61">
        <v>24</v>
      </c>
      <c r="CI20" s="61">
        <v>15</v>
      </c>
      <c r="CJ20" s="61">
        <v>15</v>
      </c>
      <c r="CK20" s="62">
        <v>118</v>
      </c>
      <c r="CL20" s="63">
        <v>155</v>
      </c>
      <c r="CM20" s="60">
        <v>298</v>
      </c>
      <c r="CN20" s="61">
        <v>420</v>
      </c>
      <c r="CO20" s="62">
        <v>718</v>
      </c>
      <c r="CP20" s="231"/>
      <c r="CQ20" s="61">
        <v>609</v>
      </c>
      <c r="CR20" s="61">
        <v>816</v>
      </c>
      <c r="CS20" s="61">
        <v>587</v>
      </c>
      <c r="CT20" s="61">
        <v>435</v>
      </c>
      <c r="CU20" s="61">
        <v>290</v>
      </c>
      <c r="CV20" s="62">
        <v>2737</v>
      </c>
      <c r="CW20" s="63">
        <v>3455</v>
      </c>
      <c r="CX20" s="113">
        <v>616</v>
      </c>
      <c r="CY20" s="72">
        <v>877</v>
      </c>
      <c r="CZ20" s="73">
        <v>1493</v>
      </c>
      <c r="DA20" s="228"/>
      <c r="DB20" s="72">
        <v>957</v>
      </c>
      <c r="DC20" s="72">
        <v>1298</v>
      </c>
      <c r="DD20" s="72">
        <v>941</v>
      </c>
      <c r="DE20" s="72">
        <v>883</v>
      </c>
      <c r="DF20" s="72">
        <v>597</v>
      </c>
      <c r="DG20" s="74">
        <v>4676</v>
      </c>
      <c r="DH20" s="75">
        <v>6169</v>
      </c>
      <c r="DI20" s="60">
        <v>12</v>
      </c>
      <c r="DJ20" s="61">
        <v>34</v>
      </c>
      <c r="DK20" s="62">
        <v>46</v>
      </c>
      <c r="DL20" s="231"/>
      <c r="DM20" s="61">
        <v>17</v>
      </c>
      <c r="DN20" s="61">
        <v>35</v>
      </c>
      <c r="DO20" s="61">
        <v>29</v>
      </c>
      <c r="DP20" s="61">
        <v>17</v>
      </c>
      <c r="DQ20" s="61">
        <v>20</v>
      </c>
      <c r="DR20" s="62">
        <v>118</v>
      </c>
      <c r="DS20" s="63">
        <v>164</v>
      </c>
      <c r="DT20" s="60">
        <v>43</v>
      </c>
      <c r="DU20" s="61">
        <v>67</v>
      </c>
      <c r="DV20" s="62">
        <v>110</v>
      </c>
      <c r="DW20" s="231"/>
      <c r="DX20" s="61">
        <v>74</v>
      </c>
      <c r="DY20" s="61">
        <v>85</v>
      </c>
      <c r="DZ20" s="61">
        <v>54</v>
      </c>
      <c r="EA20" s="61">
        <v>48</v>
      </c>
      <c r="EB20" s="61">
        <v>28</v>
      </c>
      <c r="EC20" s="62">
        <v>289</v>
      </c>
      <c r="ED20" s="63">
        <v>399</v>
      </c>
      <c r="EE20" s="60">
        <v>108</v>
      </c>
      <c r="EF20" s="61">
        <v>149</v>
      </c>
      <c r="EG20" s="62">
        <v>257</v>
      </c>
      <c r="EH20" s="231"/>
      <c r="EI20" s="61">
        <v>134</v>
      </c>
      <c r="EJ20" s="61">
        <v>173</v>
      </c>
      <c r="EK20" s="61">
        <v>118</v>
      </c>
      <c r="EL20" s="61">
        <v>95</v>
      </c>
      <c r="EM20" s="61">
        <v>66</v>
      </c>
      <c r="EN20" s="62">
        <v>586</v>
      </c>
      <c r="EO20" s="63">
        <v>843</v>
      </c>
      <c r="EP20" s="60">
        <v>219</v>
      </c>
      <c r="EQ20" s="61">
        <v>248</v>
      </c>
      <c r="ER20" s="62">
        <v>467</v>
      </c>
      <c r="ES20" s="231"/>
      <c r="ET20" s="61">
        <v>249</v>
      </c>
      <c r="EU20" s="61">
        <v>310</v>
      </c>
      <c r="EV20" s="61">
        <v>213</v>
      </c>
      <c r="EW20" s="61">
        <v>194</v>
      </c>
      <c r="EX20" s="61">
        <v>110</v>
      </c>
      <c r="EY20" s="62">
        <v>1076</v>
      </c>
      <c r="EZ20" s="63">
        <v>1543</v>
      </c>
      <c r="FA20" s="60">
        <v>162</v>
      </c>
      <c r="FB20" s="61">
        <v>238</v>
      </c>
      <c r="FC20" s="62">
        <v>400</v>
      </c>
      <c r="FD20" s="231"/>
      <c r="FE20" s="61">
        <v>269</v>
      </c>
      <c r="FF20" s="61">
        <v>349</v>
      </c>
      <c r="FG20" s="61">
        <v>250</v>
      </c>
      <c r="FH20" s="61">
        <v>208</v>
      </c>
      <c r="FI20" s="61">
        <v>171</v>
      </c>
      <c r="FJ20" s="62">
        <v>1247</v>
      </c>
      <c r="FK20" s="63">
        <v>1647</v>
      </c>
      <c r="FL20" s="60">
        <v>72</v>
      </c>
      <c r="FM20" s="61">
        <v>141</v>
      </c>
      <c r="FN20" s="62">
        <v>213</v>
      </c>
      <c r="FO20" s="231"/>
      <c r="FP20" s="61">
        <v>214</v>
      </c>
      <c r="FQ20" s="61">
        <v>346</v>
      </c>
      <c r="FR20" s="61">
        <v>277</v>
      </c>
      <c r="FS20" s="61">
        <v>321</v>
      </c>
      <c r="FT20" s="61">
        <v>202</v>
      </c>
      <c r="FU20" s="62">
        <v>1360</v>
      </c>
      <c r="FV20" s="63">
        <v>1573</v>
      </c>
      <c r="FW20" s="60">
        <v>4</v>
      </c>
      <c r="FX20" s="61">
        <v>21</v>
      </c>
      <c r="FY20" s="62">
        <v>25</v>
      </c>
      <c r="FZ20" s="231"/>
      <c r="GA20" s="61">
        <v>12</v>
      </c>
      <c r="GB20" s="61">
        <v>31</v>
      </c>
      <c r="GC20" s="61">
        <v>18</v>
      </c>
      <c r="GD20" s="61">
        <v>16</v>
      </c>
      <c r="GE20" s="61">
        <v>24</v>
      </c>
      <c r="GF20" s="62">
        <v>101</v>
      </c>
      <c r="GG20" s="63">
        <v>126</v>
      </c>
      <c r="GH20" s="60">
        <v>620</v>
      </c>
      <c r="GI20" s="61">
        <v>898</v>
      </c>
      <c r="GJ20" s="62">
        <v>1518</v>
      </c>
      <c r="GK20" s="231"/>
      <c r="GL20" s="61">
        <v>969</v>
      </c>
      <c r="GM20" s="61">
        <v>1329</v>
      </c>
      <c r="GN20" s="61">
        <v>959</v>
      </c>
      <c r="GO20" s="61">
        <v>899</v>
      </c>
      <c r="GP20" s="61">
        <v>621</v>
      </c>
      <c r="GQ20" s="62">
        <v>4777</v>
      </c>
      <c r="GR20" s="63">
        <v>6295</v>
      </c>
      <c r="GS20" s="113">
        <v>902</v>
      </c>
      <c r="GT20" s="72">
        <v>1272</v>
      </c>
      <c r="GU20" s="73">
        <v>2174</v>
      </c>
      <c r="GV20" s="228"/>
      <c r="GW20" s="72">
        <v>1545</v>
      </c>
      <c r="GX20" s="72">
        <v>2071</v>
      </c>
      <c r="GY20" s="72">
        <v>1504</v>
      </c>
      <c r="GZ20" s="72">
        <v>1303</v>
      </c>
      <c r="HA20" s="72">
        <v>872</v>
      </c>
      <c r="HB20" s="74">
        <v>7295</v>
      </c>
      <c r="HC20" s="75">
        <v>9469</v>
      </c>
      <c r="HD20" s="60">
        <v>22</v>
      </c>
      <c r="HE20" s="61">
        <v>52</v>
      </c>
      <c r="HF20" s="62">
        <v>74</v>
      </c>
      <c r="HG20" s="231"/>
      <c r="HH20" s="61">
        <v>42</v>
      </c>
      <c r="HI20" s="61">
        <v>79</v>
      </c>
      <c r="HJ20" s="61">
        <v>60</v>
      </c>
      <c r="HK20" s="61">
        <v>39</v>
      </c>
      <c r="HL20" s="61">
        <v>43</v>
      </c>
      <c r="HM20" s="62">
        <v>263</v>
      </c>
      <c r="HN20" s="63">
        <v>337</v>
      </c>
      <c r="HO20" s="60">
        <v>63</v>
      </c>
      <c r="HP20" s="61">
        <v>126</v>
      </c>
      <c r="HQ20" s="62">
        <v>189</v>
      </c>
      <c r="HR20" s="231"/>
      <c r="HS20" s="61">
        <v>126</v>
      </c>
      <c r="HT20" s="61">
        <v>180</v>
      </c>
      <c r="HU20" s="61">
        <v>127</v>
      </c>
      <c r="HV20" s="61">
        <v>107</v>
      </c>
      <c r="HW20" s="61">
        <v>67</v>
      </c>
      <c r="HX20" s="62">
        <v>607</v>
      </c>
      <c r="HY20" s="63">
        <v>796</v>
      </c>
      <c r="HZ20" s="60">
        <v>160</v>
      </c>
      <c r="IA20" s="61">
        <v>209</v>
      </c>
      <c r="IB20" s="62">
        <v>369</v>
      </c>
      <c r="IC20" s="231"/>
      <c r="ID20" s="61">
        <v>235</v>
      </c>
      <c r="IE20" s="61">
        <v>327</v>
      </c>
      <c r="IF20" s="61">
        <v>216</v>
      </c>
      <c r="IG20" s="61">
        <v>158</v>
      </c>
      <c r="IH20" s="61">
        <v>119</v>
      </c>
      <c r="II20" s="62">
        <v>1055</v>
      </c>
      <c r="IJ20" s="63">
        <v>1424</v>
      </c>
      <c r="IK20" s="60">
        <v>294</v>
      </c>
      <c r="IL20" s="61">
        <v>356</v>
      </c>
      <c r="IM20" s="62">
        <v>650</v>
      </c>
      <c r="IN20" s="231"/>
      <c r="IO20" s="61">
        <v>427</v>
      </c>
      <c r="IP20" s="61">
        <v>509</v>
      </c>
      <c r="IQ20" s="61">
        <v>370</v>
      </c>
      <c r="IR20" s="61">
        <v>290</v>
      </c>
      <c r="IS20" s="61">
        <v>174</v>
      </c>
      <c r="IT20" s="62">
        <v>1770</v>
      </c>
      <c r="IU20" s="63">
        <v>2420</v>
      </c>
      <c r="IV20" s="60">
        <v>237</v>
      </c>
      <c r="IW20" s="61">
        <v>329</v>
      </c>
      <c r="IX20" s="62">
        <v>566</v>
      </c>
      <c r="IY20" s="231"/>
      <c r="IZ20" s="61">
        <v>415</v>
      </c>
      <c r="JA20" s="61">
        <v>513</v>
      </c>
      <c r="JB20" s="61">
        <v>376</v>
      </c>
      <c r="JC20" s="61">
        <v>320</v>
      </c>
      <c r="JD20" s="61">
        <v>222</v>
      </c>
      <c r="JE20" s="62">
        <v>1846</v>
      </c>
      <c r="JF20" s="63">
        <v>2412</v>
      </c>
      <c r="JG20" s="60">
        <v>126</v>
      </c>
      <c r="JH20" s="61">
        <v>200</v>
      </c>
      <c r="JI20" s="62">
        <v>326</v>
      </c>
      <c r="JJ20" s="231"/>
      <c r="JK20" s="61">
        <v>300</v>
      </c>
      <c r="JL20" s="61">
        <v>463</v>
      </c>
      <c r="JM20" s="61">
        <v>355</v>
      </c>
      <c r="JN20" s="61">
        <v>389</v>
      </c>
      <c r="JO20" s="61">
        <v>247</v>
      </c>
      <c r="JP20" s="62">
        <v>1754</v>
      </c>
      <c r="JQ20" s="63">
        <v>2080</v>
      </c>
      <c r="JR20" s="60">
        <v>16</v>
      </c>
      <c r="JS20" s="61">
        <v>46</v>
      </c>
      <c r="JT20" s="62">
        <v>62</v>
      </c>
      <c r="JU20" s="231"/>
      <c r="JV20" s="61">
        <v>33</v>
      </c>
      <c r="JW20" s="61">
        <v>74</v>
      </c>
      <c r="JX20" s="61">
        <v>42</v>
      </c>
      <c r="JY20" s="61">
        <v>31</v>
      </c>
      <c r="JZ20" s="61">
        <v>39</v>
      </c>
      <c r="KA20" s="62">
        <v>219</v>
      </c>
      <c r="KB20" s="63">
        <v>281</v>
      </c>
      <c r="KC20" s="60">
        <v>918</v>
      </c>
      <c r="KD20" s="61">
        <v>1318</v>
      </c>
      <c r="KE20" s="62">
        <v>2236</v>
      </c>
      <c r="KF20" s="231"/>
      <c r="KG20" s="61">
        <v>1578</v>
      </c>
      <c r="KH20" s="61">
        <v>2145</v>
      </c>
      <c r="KI20" s="61">
        <v>1546</v>
      </c>
      <c r="KJ20" s="61">
        <v>1334</v>
      </c>
      <c r="KK20" s="61">
        <v>911</v>
      </c>
      <c r="KL20" s="62">
        <v>7514</v>
      </c>
      <c r="KM20" s="63">
        <v>9750</v>
      </c>
    </row>
    <row r="21" spans="2:299" ht="21" customHeight="1" x14ac:dyDescent="0.2">
      <c r="B21" s="472" t="s">
        <v>18</v>
      </c>
      <c r="C21" s="293">
        <v>438</v>
      </c>
      <c r="D21" s="72">
        <v>465</v>
      </c>
      <c r="E21" s="73">
        <v>903</v>
      </c>
      <c r="F21" s="228"/>
      <c r="G21" s="72">
        <v>968</v>
      </c>
      <c r="H21" s="72">
        <v>789</v>
      </c>
      <c r="I21" s="72">
        <v>525</v>
      </c>
      <c r="J21" s="72">
        <v>451</v>
      </c>
      <c r="K21" s="72">
        <v>280</v>
      </c>
      <c r="L21" s="74">
        <v>3013</v>
      </c>
      <c r="M21" s="75">
        <v>3916</v>
      </c>
      <c r="N21" s="60">
        <v>21</v>
      </c>
      <c r="O21" s="61">
        <v>25</v>
      </c>
      <c r="P21" s="62">
        <v>46</v>
      </c>
      <c r="Q21" s="231"/>
      <c r="R21" s="61">
        <v>52</v>
      </c>
      <c r="S21" s="61">
        <v>54</v>
      </c>
      <c r="T21" s="61">
        <v>32</v>
      </c>
      <c r="U21" s="61">
        <v>29</v>
      </c>
      <c r="V21" s="61">
        <v>24</v>
      </c>
      <c r="W21" s="62">
        <v>191</v>
      </c>
      <c r="X21" s="63">
        <v>237</v>
      </c>
      <c r="Y21" s="60">
        <v>47</v>
      </c>
      <c r="Z21" s="61">
        <v>59</v>
      </c>
      <c r="AA21" s="62">
        <v>106</v>
      </c>
      <c r="AB21" s="231"/>
      <c r="AC21" s="61">
        <v>100</v>
      </c>
      <c r="AD21" s="61">
        <v>82</v>
      </c>
      <c r="AE21" s="61">
        <v>60</v>
      </c>
      <c r="AF21" s="61">
        <v>53</v>
      </c>
      <c r="AG21" s="61">
        <v>36</v>
      </c>
      <c r="AH21" s="62">
        <v>331</v>
      </c>
      <c r="AI21" s="63">
        <v>437</v>
      </c>
      <c r="AJ21" s="60">
        <v>85</v>
      </c>
      <c r="AK21" s="61">
        <v>84</v>
      </c>
      <c r="AL21" s="62">
        <v>169</v>
      </c>
      <c r="AM21" s="231"/>
      <c r="AN21" s="61">
        <v>150</v>
      </c>
      <c r="AO21" s="61">
        <v>122</v>
      </c>
      <c r="AP21" s="61">
        <v>97</v>
      </c>
      <c r="AQ21" s="61">
        <v>74</v>
      </c>
      <c r="AR21" s="61">
        <v>57</v>
      </c>
      <c r="AS21" s="62">
        <v>500</v>
      </c>
      <c r="AT21" s="63">
        <v>669</v>
      </c>
      <c r="AU21" s="60">
        <v>100</v>
      </c>
      <c r="AV21" s="61">
        <v>125</v>
      </c>
      <c r="AW21" s="62">
        <v>225</v>
      </c>
      <c r="AX21" s="231"/>
      <c r="AY21" s="61">
        <v>275</v>
      </c>
      <c r="AZ21" s="61">
        <v>225</v>
      </c>
      <c r="BA21" s="61">
        <v>123</v>
      </c>
      <c r="BB21" s="61">
        <v>113</v>
      </c>
      <c r="BC21" s="61">
        <v>78</v>
      </c>
      <c r="BD21" s="62">
        <v>814</v>
      </c>
      <c r="BE21" s="63">
        <v>1039</v>
      </c>
      <c r="BF21" s="60">
        <v>123</v>
      </c>
      <c r="BG21" s="61">
        <v>119</v>
      </c>
      <c r="BH21" s="62">
        <v>242</v>
      </c>
      <c r="BI21" s="231"/>
      <c r="BJ21" s="61">
        <v>261</v>
      </c>
      <c r="BK21" s="61">
        <v>182</v>
      </c>
      <c r="BL21" s="61">
        <v>130</v>
      </c>
      <c r="BM21" s="61">
        <v>110</v>
      </c>
      <c r="BN21" s="61">
        <v>58</v>
      </c>
      <c r="BO21" s="62">
        <v>741</v>
      </c>
      <c r="BP21" s="63">
        <v>983</v>
      </c>
      <c r="BQ21" s="60">
        <v>62</v>
      </c>
      <c r="BR21" s="61">
        <v>53</v>
      </c>
      <c r="BS21" s="62">
        <v>115</v>
      </c>
      <c r="BT21" s="231"/>
      <c r="BU21" s="61">
        <v>130</v>
      </c>
      <c r="BV21" s="61">
        <v>124</v>
      </c>
      <c r="BW21" s="61">
        <v>83</v>
      </c>
      <c r="BX21" s="61">
        <v>72</v>
      </c>
      <c r="BY21" s="61">
        <v>27</v>
      </c>
      <c r="BZ21" s="62">
        <v>436</v>
      </c>
      <c r="CA21" s="63">
        <v>551</v>
      </c>
      <c r="CB21" s="60">
        <v>14</v>
      </c>
      <c r="CC21" s="61">
        <v>27</v>
      </c>
      <c r="CD21" s="62">
        <v>41</v>
      </c>
      <c r="CE21" s="231"/>
      <c r="CF21" s="61">
        <v>29</v>
      </c>
      <c r="CG21" s="61">
        <v>33</v>
      </c>
      <c r="CH21" s="61">
        <v>29</v>
      </c>
      <c r="CI21" s="61">
        <v>29</v>
      </c>
      <c r="CJ21" s="61">
        <v>25</v>
      </c>
      <c r="CK21" s="62">
        <v>145</v>
      </c>
      <c r="CL21" s="63">
        <v>186</v>
      </c>
      <c r="CM21" s="60">
        <v>452</v>
      </c>
      <c r="CN21" s="61">
        <v>492</v>
      </c>
      <c r="CO21" s="62">
        <v>944</v>
      </c>
      <c r="CP21" s="231"/>
      <c r="CQ21" s="61">
        <v>997</v>
      </c>
      <c r="CR21" s="61">
        <v>822</v>
      </c>
      <c r="CS21" s="61">
        <v>554</v>
      </c>
      <c r="CT21" s="61">
        <v>480</v>
      </c>
      <c r="CU21" s="61">
        <v>305</v>
      </c>
      <c r="CV21" s="62">
        <v>3158</v>
      </c>
      <c r="CW21" s="63">
        <v>4102</v>
      </c>
      <c r="CX21" s="113">
        <v>818</v>
      </c>
      <c r="CY21" s="72">
        <v>1104</v>
      </c>
      <c r="CZ21" s="73">
        <v>1922</v>
      </c>
      <c r="DA21" s="228"/>
      <c r="DB21" s="72">
        <v>1470</v>
      </c>
      <c r="DC21" s="72">
        <v>1240</v>
      </c>
      <c r="DD21" s="72">
        <v>985</v>
      </c>
      <c r="DE21" s="72">
        <v>990</v>
      </c>
      <c r="DF21" s="72">
        <v>627</v>
      </c>
      <c r="DG21" s="74">
        <v>5312</v>
      </c>
      <c r="DH21" s="75">
        <v>7234</v>
      </c>
      <c r="DI21" s="60">
        <v>22</v>
      </c>
      <c r="DJ21" s="61">
        <v>30</v>
      </c>
      <c r="DK21" s="62">
        <v>52</v>
      </c>
      <c r="DL21" s="231"/>
      <c r="DM21" s="61">
        <v>33</v>
      </c>
      <c r="DN21" s="61">
        <v>23</v>
      </c>
      <c r="DO21" s="61">
        <v>18</v>
      </c>
      <c r="DP21" s="61">
        <v>23</v>
      </c>
      <c r="DQ21" s="61">
        <v>12</v>
      </c>
      <c r="DR21" s="62">
        <v>109</v>
      </c>
      <c r="DS21" s="63">
        <v>161</v>
      </c>
      <c r="DT21" s="60">
        <v>78</v>
      </c>
      <c r="DU21" s="61">
        <v>97</v>
      </c>
      <c r="DV21" s="62">
        <v>175</v>
      </c>
      <c r="DW21" s="231"/>
      <c r="DX21" s="61">
        <v>85</v>
      </c>
      <c r="DY21" s="61">
        <v>59</v>
      </c>
      <c r="DZ21" s="61">
        <v>46</v>
      </c>
      <c r="EA21" s="61">
        <v>50</v>
      </c>
      <c r="EB21" s="61">
        <v>41</v>
      </c>
      <c r="EC21" s="62">
        <v>281</v>
      </c>
      <c r="ED21" s="63">
        <v>456</v>
      </c>
      <c r="EE21" s="60">
        <v>132</v>
      </c>
      <c r="EF21" s="61">
        <v>172</v>
      </c>
      <c r="EG21" s="62">
        <v>304</v>
      </c>
      <c r="EH21" s="231"/>
      <c r="EI21" s="61">
        <v>196</v>
      </c>
      <c r="EJ21" s="61">
        <v>157</v>
      </c>
      <c r="EK21" s="61">
        <v>111</v>
      </c>
      <c r="EL21" s="61">
        <v>98</v>
      </c>
      <c r="EM21" s="61">
        <v>76</v>
      </c>
      <c r="EN21" s="62">
        <v>638</v>
      </c>
      <c r="EO21" s="63">
        <v>942</v>
      </c>
      <c r="EP21" s="60">
        <v>267</v>
      </c>
      <c r="EQ21" s="61">
        <v>338</v>
      </c>
      <c r="ER21" s="62">
        <v>605</v>
      </c>
      <c r="ES21" s="231"/>
      <c r="ET21" s="61">
        <v>399</v>
      </c>
      <c r="EU21" s="61">
        <v>304</v>
      </c>
      <c r="EV21" s="61">
        <v>217</v>
      </c>
      <c r="EW21" s="61">
        <v>208</v>
      </c>
      <c r="EX21" s="61">
        <v>126</v>
      </c>
      <c r="EY21" s="62">
        <v>1254</v>
      </c>
      <c r="EZ21" s="63">
        <v>1859</v>
      </c>
      <c r="FA21" s="60">
        <v>211</v>
      </c>
      <c r="FB21" s="61">
        <v>295</v>
      </c>
      <c r="FC21" s="62">
        <v>506</v>
      </c>
      <c r="FD21" s="231"/>
      <c r="FE21" s="61">
        <v>443</v>
      </c>
      <c r="FF21" s="61">
        <v>377</v>
      </c>
      <c r="FG21" s="61">
        <v>284</v>
      </c>
      <c r="FH21" s="61">
        <v>243</v>
      </c>
      <c r="FI21" s="61">
        <v>171</v>
      </c>
      <c r="FJ21" s="62">
        <v>1518</v>
      </c>
      <c r="FK21" s="63">
        <v>2024</v>
      </c>
      <c r="FL21" s="60">
        <v>108</v>
      </c>
      <c r="FM21" s="61">
        <v>172</v>
      </c>
      <c r="FN21" s="62">
        <v>280</v>
      </c>
      <c r="FO21" s="231"/>
      <c r="FP21" s="61">
        <v>314</v>
      </c>
      <c r="FQ21" s="61">
        <v>320</v>
      </c>
      <c r="FR21" s="61">
        <v>309</v>
      </c>
      <c r="FS21" s="61">
        <v>368</v>
      </c>
      <c r="FT21" s="61">
        <v>201</v>
      </c>
      <c r="FU21" s="62">
        <v>1512</v>
      </c>
      <c r="FV21" s="63">
        <v>1792</v>
      </c>
      <c r="FW21" s="60">
        <v>16</v>
      </c>
      <c r="FX21" s="61">
        <v>12</v>
      </c>
      <c r="FY21" s="62">
        <v>28</v>
      </c>
      <c r="FZ21" s="231"/>
      <c r="GA21" s="61">
        <v>25</v>
      </c>
      <c r="GB21" s="61">
        <v>34</v>
      </c>
      <c r="GC21" s="61">
        <v>11</v>
      </c>
      <c r="GD21" s="61">
        <v>17</v>
      </c>
      <c r="GE21" s="61">
        <v>14</v>
      </c>
      <c r="GF21" s="62">
        <v>101</v>
      </c>
      <c r="GG21" s="63">
        <v>129</v>
      </c>
      <c r="GH21" s="60">
        <v>834</v>
      </c>
      <c r="GI21" s="61">
        <v>1116</v>
      </c>
      <c r="GJ21" s="62">
        <v>1950</v>
      </c>
      <c r="GK21" s="231"/>
      <c r="GL21" s="61">
        <v>1495</v>
      </c>
      <c r="GM21" s="61">
        <v>1274</v>
      </c>
      <c r="GN21" s="61">
        <v>996</v>
      </c>
      <c r="GO21" s="61">
        <v>1007</v>
      </c>
      <c r="GP21" s="61">
        <v>641</v>
      </c>
      <c r="GQ21" s="62">
        <v>5413</v>
      </c>
      <c r="GR21" s="63">
        <v>7363</v>
      </c>
      <c r="GS21" s="113">
        <v>1256</v>
      </c>
      <c r="GT21" s="72">
        <v>1569</v>
      </c>
      <c r="GU21" s="73">
        <v>2825</v>
      </c>
      <c r="GV21" s="228"/>
      <c r="GW21" s="72">
        <v>2438</v>
      </c>
      <c r="GX21" s="72">
        <v>2029</v>
      </c>
      <c r="GY21" s="72">
        <v>1510</v>
      </c>
      <c r="GZ21" s="72">
        <v>1441</v>
      </c>
      <c r="HA21" s="72">
        <v>907</v>
      </c>
      <c r="HB21" s="74">
        <v>8325</v>
      </c>
      <c r="HC21" s="75">
        <v>11150</v>
      </c>
      <c r="HD21" s="60">
        <v>43</v>
      </c>
      <c r="HE21" s="61">
        <v>55</v>
      </c>
      <c r="HF21" s="62">
        <v>98</v>
      </c>
      <c r="HG21" s="231"/>
      <c r="HH21" s="61">
        <v>85</v>
      </c>
      <c r="HI21" s="61">
        <v>77</v>
      </c>
      <c r="HJ21" s="61">
        <v>50</v>
      </c>
      <c r="HK21" s="61">
        <v>52</v>
      </c>
      <c r="HL21" s="61">
        <v>36</v>
      </c>
      <c r="HM21" s="62">
        <v>300</v>
      </c>
      <c r="HN21" s="63">
        <v>398</v>
      </c>
      <c r="HO21" s="60">
        <v>125</v>
      </c>
      <c r="HP21" s="61">
        <v>156</v>
      </c>
      <c r="HQ21" s="62">
        <v>281</v>
      </c>
      <c r="HR21" s="231"/>
      <c r="HS21" s="61">
        <v>185</v>
      </c>
      <c r="HT21" s="61">
        <v>141</v>
      </c>
      <c r="HU21" s="61">
        <v>106</v>
      </c>
      <c r="HV21" s="61">
        <v>103</v>
      </c>
      <c r="HW21" s="61">
        <v>77</v>
      </c>
      <c r="HX21" s="62">
        <v>612</v>
      </c>
      <c r="HY21" s="63">
        <v>893</v>
      </c>
      <c r="HZ21" s="60">
        <v>217</v>
      </c>
      <c r="IA21" s="61">
        <v>256</v>
      </c>
      <c r="IB21" s="62">
        <v>473</v>
      </c>
      <c r="IC21" s="231"/>
      <c r="ID21" s="61">
        <v>346</v>
      </c>
      <c r="IE21" s="61">
        <v>279</v>
      </c>
      <c r="IF21" s="61">
        <v>208</v>
      </c>
      <c r="IG21" s="61">
        <v>172</v>
      </c>
      <c r="IH21" s="61">
        <v>133</v>
      </c>
      <c r="II21" s="62">
        <v>1138</v>
      </c>
      <c r="IJ21" s="63">
        <v>1611</v>
      </c>
      <c r="IK21" s="60">
        <v>367</v>
      </c>
      <c r="IL21" s="61">
        <v>463</v>
      </c>
      <c r="IM21" s="62">
        <v>830</v>
      </c>
      <c r="IN21" s="231"/>
      <c r="IO21" s="61">
        <v>674</v>
      </c>
      <c r="IP21" s="61">
        <v>529</v>
      </c>
      <c r="IQ21" s="61">
        <v>340</v>
      </c>
      <c r="IR21" s="61">
        <v>321</v>
      </c>
      <c r="IS21" s="61">
        <v>204</v>
      </c>
      <c r="IT21" s="62">
        <v>2068</v>
      </c>
      <c r="IU21" s="63">
        <v>2898</v>
      </c>
      <c r="IV21" s="60">
        <v>334</v>
      </c>
      <c r="IW21" s="61">
        <v>414</v>
      </c>
      <c r="IX21" s="62">
        <v>748</v>
      </c>
      <c r="IY21" s="231"/>
      <c r="IZ21" s="61">
        <v>704</v>
      </c>
      <c r="JA21" s="61">
        <v>559</v>
      </c>
      <c r="JB21" s="61">
        <v>414</v>
      </c>
      <c r="JC21" s="61">
        <v>353</v>
      </c>
      <c r="JD21" s="61">
        <v>229</v>
      </c>
      <c r="JE21" s="62">
        <v>2259</v>
      </c>
      <c r="JF21" s="63">
        <v>3007</v>
      </c>
      <c r="JG21" s="60">
        <v>170</v>
      </c>
      <c r="JH21" s="61">
        <v>225</v>
      </c>
      <c r="JI21" s="62">
        <v>395</v>
      </c>
      <c r="JJ21" s="231"/>
      <c r="JK21" s="61">
        <v>444</v>
      </c>
      <c r="JL21" s="61">
        <v>444</v>
      </c>
      <c r="JM21" s="61">
        <v>392</v>
      </c>
      <c r="JN21" s="61">
        <v>440</v>
      </c>
      <c r="JO21" s="61">
        <v>228</v>
      </c>
      <c r="JP21" s="62">
        <v>1948</v>
      </c>
      <c r="JQ21" s="63">
        <v>2343</v>
      </c>
      <c r="JR21" s="60">
        <v>30</v>
      </c>
      <c r="JS21" s="61">
        <v>39</v>
      </c>
      <c r="JT21" s="62">
        <v>69</v>
      </c>
      <c r="JU21" s="231"/>
      <c r="JV21" s="61">
        <v>54</v>
      </c>
      <c r="JW21" s="61">
        <v>67</v>
      </c>
      <c r="JX21" s="61">
        <v>40</v>
      </c>
      <c r="JY21" s="61">
        <v>46</v>
      </c>
      <c r="JZ21" s="61">
        <v>39</v>
      </c>
      <c r="KA21" s="62">
        <v>246</v>
      </c>
      <c r="KB21" s="63">
        <v>315</v>
      </c>
      <c r="KC21" s="60">
        <v>1286</v>
      </c>
      <c r="KD21" s="61">
        <v>1608</v>
      </c>
      <c r="KE21" s="62">
        <v>2894</v>
      </c>
      <c r="KF21" s="231"/>
      <c r="KG21" s="61">
        <v>2492</v>
      </c>
      <c r="KH21" s="61">
        <v>2096</v>
      </c>
      <c r="KI21" s="61">
        <v>1550</v>
      </c>
      <c r="KJ21" s="61">
        <v>1487</v>
      </c>
      <c r="KK21" s="61">
        <v>946</v>
      </c>
      <c r="KL21" s="62">
        <v>8571</v>
      </c>
      <c r="KM21" s="63">
        <v>11465</v>
      </c>
    </row>
    <row r="22" spans="2:299" ht="21" customHeight="1" x14ac:dyDescent="0.2">
      <c r="B22" s="472" t="s">
        <v>19</v>
      </c>
      <c r="C22" s="293">
        <v>199</v>
      </c>
      <c r="D22" s="72">
        <v>169</v>
      </c>
      <c r="E22" s="73">
        <v>368</v>
      </c>
      <c r="F22" s="228"/>
      <c r="G22" s="72">
        <v>406</v>
      </c>
      <c r="H22" s="72">
        <v>337</v>
      </c>
      <c r="I22" s="72">
        <v>208</v>
      </c>
      <c r="J22" s="72">
        <v>142</v>
      </c>
      <c r="K22" s="72">
        <v>100</v>
      </c>
      <c r="L22" s="74">
        <v>1193</v>
      </c>
      <c r="M22" s="75">
        <v>1561</v>
      </c>
      <c r="N22" s="76">
        <v>4</v>
      </c>
      <c r="O22" s="61">
        <v>11</v>
      </c>
      <c r="P22" s="62">
        <v>15</v>
      </c>
      <c r="Q22" s="231"/>
      <c r="R22" s="61">
        <v>18</v>
      </c>
      <c r="S22" s="61">
        <v>14</v>
      </c>
      <c r="T22" s="61">
        <v>7</v>
      </c>
      <c r="U22" s="61">
        <v>8</v>
      </c>
      <c r="V22" s="61">
        <v>6</v>
      </c>
      <c r="W22" s="62">
        <v>53</v>
      </c>
      <c r="X22" s="63">
        <v>68</v>
      </c>
      <c r="Y22" s="60">
        <v>21</v>
      </c>
      <c r="Z22" s="61">
        <v>18</v>
      </c>
      <c r="AA22" s="62">
        <v>39</v>
      </c>
      <c r="AB22" s="231"/>
      <c r="AC22" s="61">
        <v>45</v>
      </c>
      <c r="AD22" s="61">
        <v>41</v>
      </c>
      <c r="AE22" s="61">
        <v>20</v>
      </c>
      <c r="AF22" s="61">
        <v>16</v>
      </c>
      <c r="AG22" s="61">
        <v>15</v>
      </c>
      <c r="AH22" s="62">
        <v>137</v>
      </c>
      <c r="AI22" s="63">
        <v>176</v>
      </c>
      <c r="AJ22" s="76">
        <v>33</v>
      </c>
      <c r="AK22" s="61">
        <v>28</v>
      </c>
      <c r="AL22" s="62">
        <v>61</v>
      </c>
      <c r="AM22" s="231"/>
      <c r="AN22" s="61">
        <v>66</v>
      </c>
      <c r="AO22" s="61">
        <v>57</v>
      </c>
      <c r="AP22" s="61">
        <v>35</v>
      </c>
      <c r="AQ22" s="61">
        <v>33</v>
      </c>
      <c r="AR22" s="61">
        <v>15</v>
      </c>
      <c r="AS22" s="62">
        <v>206</v>
      </c>
      <c r="AT22" s="63">
        <v>267</v>
      </c>
      <c r="AU22" s="60">
        <v>52</v>
      </c>
      <c r="AV22" s="61">
        <v>37</v>
      </c>
      <c r="AW22" s="62">
        <v>89</v>
      </c>
      <c r="AX22" s="231"/>
      <c r="AY22" s="61">
        <v>98</v>
      </c>
      <c r="AZ22" s="61">
        <v>79</v>
      </c>
      <c r="BA22" s="61">
        <v>64</v>
      </c>
      <c r="BB22" s="61">
        <v>30</v>
      </c>
      <c r="BC22" s="61">
        <v>25</v>
      </c>
      <c r="BD22" s="62">
        <v>296</v>
      </c>
      <c r="BE22" s="63">
        <v>385</v>
      </c>
      <c r="BF22" s="76">
        <v>54</v>
      </c>
      <c r="BG22" s="61">
        <v>39</v>
      </c>
      <c r="BH22" s="62">
        <v>93</v>
      </c>
      <c r="BI22" s="231"/>
      <c r="BJ22" s="61">
        <v>112</v>
      </c>
      <c r="BK22" s="61">
        <v>84</v>
      </c>
      <c r="BL22" s="61">
        <v>40</v>
      </c>
      <c r="BM22" s="61">
        <v>38</v>
      </c>
      <c r="BN22" s="61">
        <v>28</v>
      </c>
      <c r="BO22" s="62">
        <v>302</v>
      </c>
      <c r="BP22" s="63">
        <v>395</v>
      </c>
      <c r="BQ22" s="60">
        <v>35</v>
      </c>
      <c r="BR22" s="61">
        <v>36</v>
      </c>
      <c r="BS22" s="62">
        <v>71</v>
      </c>
      <c r="BT22" s="231"/>
      <c r="BU22" s="61">
        <v>67</v>
      </c>
      <c r="BV22" s="61">
        <v>62</v>
      </c>
      <c r="BW22" s="61">
        <v>42</v>
      </c>
      <c r="BX22" s="61">
        <v>17</v>
      </c>
      <c r="BY22" s="61">
        <v>11</v>
      </c>
      <c r="BZ22" s="62">
        <v>199</v>
      </c>
      <c r="CA22" s="63">
        <v>270</v>
      </c>
      <c r="CB22" s="60">
        <v>7</v>
      </c>
      <c r="CC22" s="61">
        <v>8</v>
      </c>
      <c r="CD22" s="62">
        <v>15</v>
      </c>
      <c r="CE22" s="231"/>
      <c r="CF22" s="61">
        <v>13</v>
      </c>
      <c r="CG22" s="61">
        <v>10</v>
      </c>
      <c r="CH22" s="61">
        <v>10</v>
      </c>
      <c r="CI22" s="61">
        <v>7</v>
      </c>
      <c r="CJ22" s="61">
        <v>8</v>
      </c>
      <c r="CK22" s="62">
        <v>48</v>
      </c>
      <c r="CL22" s="63">
        <v>63</v>
      </c>
      <c r="CM22" s="60">
        <v>206</v>
      </c>
      <c r="CN22" s="61">
        <v>177</v>
      </c>
      <c r="CO22" s="62">
        <v>383</v>
      </c>
      <c r="CP22" s="231"/>
      <c r="CQ22" s="61">
        <v>419</v>
      </c>
      <c r="CR22" s="61">
        <v>347</v>
      </c>
      <c r="CS22" s="61">
        <v>218</v>
      </c>
      <c r="CT22" s="61">
        <v>149</v>
      </c>
      <c r="CU22" s="61">
        <v>108</v>
      </c>
      <c r="CV22" s="62">
        <v>1241</v>
      </c>
      <c r="CW22" s="63">
        <v>1624</v>
      </c>
      <c r="CX22" s="113">
        <v>365</v>
      </c>
      <c r="CY22" s="72">
        <v>411</v>
      </c>
      <c r="CZ22" s="73">
        <v>776</v>
      </c>
      <c r="DA22" s="228"/>
      <c r="DB22" s="72">
        <v>651</v>
      </c>
      <c r="DC22" s="72">
        <v>509</v>
      </c>
      <c r="DD22" s="72">
        <v>430</v>
      </c>
      <c r="DE22" s="72">
        <v>347</v>
      </c>
      <c r="DF22" s="72">
        <v>256</v>
      </c>
      <c r="DG22" s="74">
        <v>2193</v>
      </c>
      <c r="DH22" s="75">
        <v>2969</v>
      </c>
      <c r="DI22" s="76">
        <v>8</v>
      </c>
      <c r="DJ22" s="61">
        <v>10</v>
      </c>
      <c r="DK22" s="62">
        <v>18</v>
      </c>
      <c r="DL22" s="231"/>
      <c r="DM22" s="61">
        <v>12</v>
      </c>
      <c r="DN22" s="61">
        <v>14</v>
      </c>
      <c r="DO22" s="61">
        <v>7</v>
      </c>
      <c r="DP22" s="61">
        <v>4</v>
      </c>
      <c r="DQ22" s="61">
        <v>3</v>
      </c>
      <c r="DR22" s="62">
        <v>40</v>
      </c>
      <c r="DS22" s="63">
        <v>58</v>
      </c>
      <c r="DT22" s="60">
        <v>26</v>
      </c>
      <c r="DU22" s="61">
        <v>38</v>
      </c>
      <c r="DV22" s="62">
        <v>64</v>
      </c>
      <c r="DW22" s="231"/>
      <c r="DX22" s="61">
        <v>42</v>
      </c>
      <c r="DY22" s="61">
        <v>22</v>
      </c>
      <c r="DZ22" s="61">
        <v>19</v>
      </c>
      <c r="EA22" s="61">
        <v>15</v>
      </c>
      <c r="EB22" s="61">
        <v>18</v>
      </c>
      <c r="EC22" s="62">
        <v>116</v>
      </c>
      <c r="ED22" s="63">
        <v>180</v>
      </c>
      <c r="EE22" s="76">
        <v>55</v>
      </c>
      <c r="EF22" s="61">
        <v>62</v>
      </c>
      <c r="EG22" s="62">
        <v>117</v>
      </c>
      <c r="EH22" s="231"/>
      <c r="EI22" s="61">
        <v>84</v>
      </c>
      <c r="EJ22" s="61">
        <v>60</v>
      </c>
      <c r="EK22" s="61">
        <v>41</v>
      </c>
      <c r="EL22" s="61">
        <v>33</v>
      </c>
      <c r="EM22" s="61">
        <v>27</v>
      </c>
      <c r="EN22" s="62">
        <v>245</v>
      </c>
      <c r="EO22" s="63">
        <v>362</v>
      </c>
      <c r="EP22" s="60">
        <v>118</v>
      </c>
      <c r="EQ22" s="61">
        <v>105</v>
      </c>
      <c r="ER22" s="62">
        <v>223</v>
      </c>
      <c r="ES22" s="231"/>
      <c r="ET22" s="61">
        <v>159</v>
      </c>
      <c r="EU22" s="61">
        <v>133</v>
      </c>
      <c r="EV22" s="61">
        <v>93</v>
      </c>
      <c r="EW22" s="61">
        <v>72</v>
      </c>
      <c r="EX22" s="61">
        <v>46</v>
      </c>
      <c r="EY22" s="62">
        <v>503</v>
      </c>
      <c r="EZ22" s="63">
        <v>726</v>
      </c>
      <c r="FA22" s="76">
        <v>107</v>
      </c>
      <c r="FB22" s="61">
        <v>114</v>
      </c>
      <c r="FC22" s="62">
        <v>221</v>
      </c>
      <c r="FD22" s="231"/>
      <c r="FE22" s="61">
        <v>193</v>
      </c>
      <c r="FF22" s="61">
        <v>136</v>
      </c>
      <c r="FG22" s="61">
        <v>114</v>
      </c>
      <c r="FH22" s="61">
        <v>83</v>
      </c>
      <c r="FI22" s="61">
        <v>63</v>
      </c>
      <c r="FJ22" s="62">
        <v>589</v>
      </c>
      <c r="FK22" s="63">
        <v>810</v>
      </c>
      <c r="FL22" s="60">
        <v>51</v>
      </c>
      <c r="FM22" s="61">
        <v>82</v>
      </c>
      <c r="FN22" s="62">
        <v>133</v>
      </c>
      <c r="FO22" s="231"/>
      <c r="FP22" s="61">
        <v>161</v>
      </c>
      <c r="FQ22" s="61">
        <v>144</v>
      </c>
      <c r="FR22" s="61">
        <v>156</v>
      </c>
      <c r="FS22" s="61">
        <v>140</v>
      </c>
      <c r="FT22" s="61">
        <v>99</v>
      </c>
      <c r="FU22" s="62">
        <v>700</v>
      </c>
      <c r="FV22" s="63">
        <v>833</v>
      </c>
      <c r="FW22" s="60">
        <v>4</v>
      </c>
      <c r="FX22" s="61">
        <v>6</v>
      </c>
      <c r="FY22" s="62">
        <v>10</v>
      </c>
      <c r="FZ22" s="231"/>
      <c r="GA22" s="61">
        <v>5</v>
      </c>
      <c r="GB22" s="61">
        <v>11</v>
      </c>
      <c r="GC22" s="61">
        <v>5</v>
      </c>
      <c r="GD22" s="61">
        <v>4</v>
      </c>
      <c r="GE22" s="61">
        <v>5</v>
      </c>
      <c r="GF22" s="62">
        <v>30</v>
      </c>
      <c r="GG22" s="63">
        <v>40</v>
      </c>
      <c r="GH22" s="60">
        <v>369</v>
      </c>
      <c r="GI22" s="61">
        <v>417</v>
      </c>
      <c r="GJ22" s="62">
        <v>786</v>
      </c>
      <c r="GK22" s="231"/>
      <c r="GL22" s="61">
        <v>656</v>
      </c>
      <c r="GM22" s="61">
        <v>520</v>
      </c>
      <c r="GN22" s="61">
        <v>435</v>
      </c>
      <c r="GO22" s="61">
        <v>351</v>
      </c>
      <c r="GP22" s="61">
        <v>261</v>
      </c>
      <c r="GQ22" s="62">
        <v>2223</v>
      </c>
      <c r="GR22" s="63">
        <v>3009</v>
      </c>
      <c r="GS22" s="113">
        <v>564</v>
      </c>
      <c r="GT22" s="72">
        <v>580</v>
      </c>
      <c r="GU22" s="73">
        <v>1144</v>
      </c>
      <c r="GV22" s="228"/>
      <c r="GW22" s="72">
        <v>1057</v>
      </c>
      <c r="GX22" s="72">
        <v>846</v>
      </c>
      <c r="GY22" s="72">
        <v>638</v>
      </c>
      <c r="GZ22" s="72">
        <v>489</v>
      </c>
      <c r="HA22" s="72">
        <v>356</v>
      </c>
      <c r="HB22" s="74">
        <v>3386</v>
      </c>
      <c r="HC22" s="75">
        <v>4530</v>
      </c>
      <c r="HD22" s="76">
        <v>12</v>
      </c>
      <c r="HE22" s="61">
        <v>21</v>
      </c>
      <c r="HF22" s="62">
        <v>33</v>
      </c>
      <c r="HG22" s="231"/>
      <c r="HH22" s="61">
        <v>30</v>
      </c>
      <c r="HI22" s="61">
        <v>28</v>
      </c>
      <c r="HJ22" s="61">
        <v>14</v>
      </c>
      <c r="HK22" s="61">
        <v>12</v>
      </c>
      <c r="HL22" s="61">
        <v>9</v>
      </c>
      <c r="HM22" s="62">
        <v>93</v>
      </c>
      <c r="HN22" s="63">
        <v>126</v>
      </c>
      <c r="HO22" s="60">
        <v>47</v>
      </c>
      <c r="HP22" s="61">
        <v>56</v>
      </c>
      <c r="HQ22" s="62">
        <v>103</v>
      </c>
      <c r="HR22" s="231"/>
      <c r="HS22" s="61">
        <v>87</v>
      </c>
      <c r="HT22" s="61">
        <v>63</v>
      </c>
      <c r="HU22" s="61">
        <v>39</v>
      </c>
      <c r="HV22" s="61">
        <v>31</v>
      </c>
      <c r="HW22" s="61">
        <v>33</v>
      </c>
      <c r="HX22" s="62">
        <v>253</v>
      </c>
      <c r="HY22" s="63">
        <v>356</v>
      </c>
      <c r="HZ22" s="76">
        <v>88</v>
      </c>
      <c r="IA22" s="61">
        <v>90</v>
      </c>
      <c r="IB22" s="62">
        <v>178</v>
      </c>
      <c r="IC22" s="231"/>
      <c r="ID22" s="61">
        <v>150</v>
      </c>
      <c r="IE22" s="61">
        <v>117</v>
      </c>
      <c r="IF22" s="61">
        <v>76</v>
      </c>
      <c r="IG22" s="61">
        <v>66</v>
      </c>
      <c r="IH22" s="61">
        <v>42</v>
      </c>
      <c r="II22" s="62">
        <v>451</v>
      </c>
      <c r="IJ22" s="63">
        <v>629</v>
      </c>
      <c r="IK22" s="60">
        <v>170</v>
      </c>
      <c r="IL22" s="61">
        <v>142</v>
      </c>
      <c r="IM22" s="62">
        <v>312</v>
      </c>
      <c r="IN22" s="231"/>
      <c r="IO22" s="61">
        <v>257</v>
      </c>
      <c r="IP22" s="61">
        <v>212</v>
      </c>
      <c r="IQ22" s="61">
        <v>157</v>
      </c>
      <c r="IR22" s="61">
        <v>102</v>
      </c>
      <c r="IS22" s="61">
        <v>71</v>
      </c>
      <c r="IT22" s="62">
        <v>799</v>
      </c>
      <c r="IU22" s="63">
        <v>1111</v>
      </c>
      <c r="IV22" s="76">
        <v>161</v>
      </c>
      <c r="IW22" s="61">
        <v>153</v>
      </c>
      <c r="IX22" s="62">
        <v>314</v>
      </c>
      <c r="IY22" s="231"/>
      <c r="IZ22" s="61">
        <v>305</v>
      </c>
      <c r="JA22" s="61">
        <v>220</v>
      </c>
      <c r="JB22" s="61">
        <v>154</v>
      </c>
      <c r="JC22" s="61">
        <v>121</v>
      </c>
      <c r="JD22" s="61">
        <v>91</v>
      </c>
      <c r="JE22" s="62">
        <v>891</v>
      </c>
      <c r="JF22" s="63">
        <v>1205</v>
      </c>
      <c r="JG22" s="60">
        <v>86</v>
      </c>
      <c r="JH22" s="61">
        <v>118</v>
      </c>
      <c r="JI22" s="62">
        <v>204</v>
      </c>
      <c r="JJ22" s="231"/>
      <c r="JK22" s="61">
        <v>228</v>
      </c>
      <c r="JL22" s="61">
        <v>206</v>
      </c>
      <c r="JM22" s="61">
        <v>198</v>
      </c>
      <c r="JN22" s="61">
        <v>157</v>
      </c>
      <c r="JO22" s="61">
        <v>110</v>
      </c>
      <c r="JP22" s="62">
        <v>899</v>
      </c>
      <c r="JQ22" s="63">
        <v>1103</v>
      </c>
      <c r="JR22" s="60">
        <v>11</v>
      </c>
      <c r="JS22" s="61">
        <v>14</v>
      </c>
      <c r="JT22" s="62">
        <v>25</v>
      </c>
      <c r="JU22" s="231"/>
      <c r="JV22" s="61">
        <v>18</v>
      </c>
      <c r="JW22" s="61">
        <v>21</v>
      </c>
      <c r="JX22" s="61">
        <v>15</v>
      </c>
      <c r="JY22" s="61">
        <v>11</v>
      </c>
      <c r="JZ22" s="61">
        <v>13</v>
      </c>
      <c r="KA22" s="62">
        <v>78</v>
      </c>
      <c r="KB22" s="63">
        <v>103</v>
      </c>
      <c r="KC22" s="60">
        <v>575</v>
      </c>
      <c r="KD22" s="61">
        <v>594</v>
      </c>
      <c r="KE22" s="62">
        <v>1169</v>
      </c>
      <c r="KF22" s="231"/>
      <c r="KG22" s="61">
        <v>1075</v>
      </c>
      <c r="KH22" s="61">
        <v>867</v>
      </c>
      <c r="KI22" s="61">
        <v>653</v>
      </c>
      <c r="KJ22" s="61">
        <v>500</v>
      </c>
      <c r="KK22" s="61">
        <v>369</v>
      </c>
      <c r="KL22" s="62">
        <v>3464</v>
      </c>
      <c r="KM22" s="63">
        <v>4633</v>
      </c>
    </row>
    <row r="23" spans="2:299" ht="21" customHeight="1" x14ac:dyDescent="0.2">
      <c r="B23" s="472" t="s">
        <v>20</v>
      </c>
      <c r="C23" s="293">
        <v>291</v>
      </c>
      <c r="D23" s="72">
        <v>327</v>
      </c>
      <c r="E23" s="73">
        <v>618</v>
      </c>
      <c r="F23" s="228"/>
      <c r="G23" s="72">
        <v>587</v>
      </c>
      <c r="H23" s="72">
        <v>358</v>
      </c>
      <c r="I23" s="72">
        <v>276</v>
      </c>
      <c r="J23" s="72">
        <v>223</v>
      </c>
      <c r="K23" s="72">
        <v>112</v>
      </c>
      <c r="L23" s="74">
        <v>1556</v>
      </c>
      <c r="M23" s="75">
        <v>2174</v>
      </c>
      <c r="N23" s="60">
        <v>10</v>
      </c>
      <c r="O23" s="61">
        <v>8</v>
      </c>
      <c r="P23" s="62">
        <v>18</v>
      </c>
      <c r="Q23" s="231"/>
      <c r="R23" s="61">
        <v>23</v>
      </c>
      <c r="S23" s="61">
        <v>18</v>
      </c>
      <c r="T23" s="61">
        <v>14</v>
      </c>
      <c r="U23" s="61">
        <v>10</v>
      </c>
      <c r="V23" s="61">
        <v>7</v>
      </c>
      <c r="W23" s="62">
        <v>72</v>
      </c>
      <c r="X23" s="63">
        <v>90</v>
      </c>
      <c r="Y23" s="60">
        <v>27</v>
      </c>
      <c r="Z23" s="61">
        <v>25</v>
      </c>
      <c r="AA23" s="62">
        <v>52</v>
      </c>
      <c r="AB23" s="231"/>
      <c r="AC23" s="61">
        <v>59</v>
      </c>
      <c r="AD23" s="61">
        <v>40</v>
      </c>
      <c r="AE23" s="61">
        <v>32</v>
      </c>
      <c r="AF23" s="61">
        <v>37</v>
      </c>
      <c r="AG23" s="61">
        <v>16</v>
      </c>
      <c r="AH23" s="62">
        <v>184</v>
      </c>
      <c r="AI23" s="63">
        <v>236</v>
      </c>
      <c r="AJ23" s="60">
        <v>57</v>
      </c>
      <c r="AK23" s="61">
        <v>61</v>
      </c>
      <c r="AL23" s="62">
        <v>118</v>
      </c>
      <c r="AM23" s="231"/>
      <c r="AN23" s="61">
        <v>81</v>
      </c>
      <c r="AO23" s="61">
        <v>59</v>
      </c>
      <c r="AP23" s="61">
        <v>47</v>
      </c>
      <c r="AQ23" s="61">
        <v>40</v>
      </c>
      <c r="AR23" s="61">
        <v>26</v>
      </c>
      <c r="AS23" s="62">
        <v>253</v>
      </c>
      <c r="AT23" s="63">
        <v>371</v>
      </c>
      <c r="AU23" s="60">
        <v>85</v>
      </c>
      <c r="AV23" s="61">
        <v>92</v>
      </c>
      <c r="AW23" s="62">
        <v>177</v>
      </c>
      <c r="AX23" s="231"/>
      <c r="AY23" s="61">
        <v>167</v>
      </c>
      <c r="AZ23" s="61">
        <v>101</v>
      </c>
      <c r="BA23" s="61">
        <v>83</v>
      </c>
      <c r="BB23" s="61">
        <v>55</v>
      </c>
      <c r="BC23" s="61">
        <v>25</v>
      </c>
      <c r="BD23" s="62">
        <v>431</v>
      </c>
      <c r="BE23" s="63">
        <v>608</v>
      </c>
      <c r="BF23" s="60">
        <v>79</v>
      </c>
      <c r="BG23" s="61">
        <v>98</v>
      </c>
      <c r="BH23" s="62">
        <v>177</v>
      </c>
      <c r="BI23" s="231"/>
      <c r="BJ23" s="61">
        <v>166</v>
      </c>
      <c r="BK23" s="61">
        <v>81</v>
      </c>
      <c r="BL23" s="61">
        <v>69</v>
      </c>
      <c r="BM23" s="61">
        <v>51</v>
      </c>
      <c r="BN23" s="61">
        <v>25</v>
      </c>
      <c r="BO23" s="62">
        <v>392</v>
      </c>
      <c r="BP23" s="63">
        <v>569</v>
      </c>
      <c r="BQ23" s="60">
        <v>33</v>
      </c>
      <c r="BR23" s="61">
        <v>43</v>
      </c>
      <c r="BS23" s="62">
        <v>76</v>
      </c>
      <c r="BT23" s="231"/>
      <c r="BU23" s="61">
        <v>91</v>
      </c>
      <c r="BV23" s="61">
        <v>59</v>
      </c>
      <c r="BW23" s="61">
        <v>31</v>
      </c>
      <c r="BX23" s="61">
        <v>30</v>
      </c>
      <c r="BY23" s="61">
        <v>13</v>
      </c>
      <c r="BZ23" s="62">
        <v>224</v>
      </c>
      <c r="CA23" s="63">
        <v>300</v>
      </c>
      <c r="CB23" s="60">
        <v>7</v>
      </c>
      <c r="CC23" s="61">
        <v>12</v>
      </c>
      <c r="CD23" s="62">
        <v>19</v>
      </c>
      <c r="CE23" s="231"/>
      <c r="CF23" s="61">
        <v>20</v>
      </c>
      <c r="CG23" s="61">
        <v>15</v>
      </c>
      <c r="CH23" s="61">
        <v>12</v>
      </c>
      <c r="CI23" s="61">
        <v>8</v>
      </c>
      <c r="CJ23" s="61">
        <v>9</v>
      </c>
      <c r="CK23" s="62">
        <v>64</v>
      </c>
      <c r="CL23" s="63">
        <v>83</v>
      </c>
      <c r="CM23" s="60">
        <v>298</v>
      </c>
      <c r="CN23" s="61">
        <v>339</v>
      </c>
      <c r="CO23" s="62">
        <v>637</v>
      </c>
      <c r="CP23" s="231"/>
      <c r="CQ23" s="61">
        <v>607</v>
      </c>
      <c r="CR23" s="61">
        <v>373</v>
      </c>
      <c r="CS23" s="61">
        <v>288</v>
      </c>
      <c r="CT23" s="61">
        <v>231</v>
      </c>
      <c r="CU23" s="61">
        <v>121</v>
      </c>
      <c r="CV23" s="62">
        <v>1620</v>
      </c>
      <c r="CW23" s="63">
        <v>2257</v>
      </c>
      <c r="CX23" s="113">
        <v>486</v>
      </c>
      <c r="CY23" s="72">
        <v>621</v>
      </c>
      <c r="CZ23" s="73">
        <v>1107</v>
      </c>
      <c r="DA23" s="228"/>
      <c r="DB23" s="72">
        <v>883</v>
      </c>
      <c r="DC23" s="72">
        <v>582</v>
      </c>
      <c r="DD23" s="72">
        <v>469</v>
      </c>
      <c r="DE23" s="72">
        <v>447</v>
      </c>
      <c r="DF23" s="72">
        <v>270</v>
      </c>
      <c r="DG23" s="74">
        <v>2651</v>
      </c>
      <c r="DH23" s="75">
        <v>3758</v>
      </c>
      <c r="DI23" s="60">
        <v>9</v>
      </c>
      <c r="DJ23" s="61">
        <v>13</v>
      </c>
      <c r="DK23" s="62">
        <v>22</v>
      </c>
      <c r="DL23" s="231"/>
      <c r="DM23" s="61">
        <v>23</v>
      </c>
      <c r="DN23" s="61">
        <v>17</v>
      </c>
      <c r="DO23" s="61">
        <v>7</v>
      </c>
      <c r="DP23" s="61">
        <v>9</v>
      </c>
      <c r="DQ23" s="61">
        <v>7</v>
      </c>
      <c r="DR23" s="62">
        <v>63</v>
      </c>
      <c r="DS23" s="63">
        <v>85</v>
      </c>
      <c r="DT23" s="60">
        <v>36</v>
      </c>
      <c r="DU23" s="61">
        <v>40</v>
      </c>
      <c r="DV23" s="62">
        <v>76</v>
      </c>
      <c r="DW23" s="231"/>
      <c r="DX23" s="61">
        <v>63</v>
      </c>
      <c r="DY23" s="61">
        <v>34</v>
      </c>
      <c r="DZ23" s="61">
        <v>24</v>
      </c>
      <c r="EA23" s="61">
        <v>25</v>
      </c>
      <c r="EB23" s="61">
        <v>18</v>
      </c>
      <c r="EC23" s="62">
        <v>164</v>
      </c>
      <c r="ED23" s="63">
        <v>240</v>
      </c>
      <c r="EE23" s="60">
        <v>77</v>
      </c>
      <c r="EF23" s="61">
        <v>99</v>
      </c>
      <c r="EG23" s="62">
        <v>176</v>
      </c>
      <c r="EH23" s="231"/>
      <c r="EI23" s="61">
        <v>145</v>
      </c>
      <c r="EJ23" s="61">
        <v>72</v>
      </c>
      <c r="EK23" s="61">
        <v>40</v>
      </c>
      <c r="EL23" s="61">
        <v>35</v>
      </c>
      <c r="EM23" s="61">
        <v>33</v>
      </c>
      <c r="EN23" s="62">
        <v>325</v>
      </c>
      <c r="EO23" s="63">
        <v>501</v>
      </c>
      <c r="EP23" s="60">
        <v>191</v>
      </c>
      <c r="EQ23" s="61">
        <v>174</v>
      </c>
      <c r="ER23" s="62">
        <v>365</v>
      </c>
      <c r="ES23" s="231"/>
      <c r="ET23" s="61">
        <v>202</v>
      </c>
      <c r="EU23" s="61">
        <v>127</v>
      </c>
      <c r="EV23" s="61">
        <v>107</v>
      </c>
      <c r="EW23" s="61">
        <v>74</v>
      </c>
      <c r="EX23" s="61">
        <v>60</v>
      </c>
      <c r="EY23" s="62">
        <v>570</v>
      </c>
      <c r="EZ23" s="63">
        <v>935</v>
      </c>
      <c r="FA23" s="60">
        <v>123</v>
      </c>
      <c r="FB23" s="61">
        <v>178</v>
      </c>
      <c r="FC23" s="62">
        <v>301</v>
      </c>
      <c r="FD23" s="231"/>
      <c r="FE23" s="61">
        <v>253</v>
      </c>
      <c r="FF23" s="61">
        <v>156</v>
      </c>
      <c r="FG23" s="61">
        <v>118</v>
      </c>
      <c r="FH23" s="61">
        <v>121</v>
      </c>
      <c r="FI23" s="61">
        <v>62</v>
      </c>
      <c r="FJ23" s="62">
        <v>710</v>
      </c>
      <c r="FK23" s="63">
        <v>1011</v>
      </c>
      <c r="FL23" s="60">
        <v>50</v>
      </c>
      <c r="FM23" s="61">
        <v>117</v>
      </c>
      <c r="FN23" s="62">
        <v>167</v>
      </c>
      <c r="FO23" s="231"/>
      <c r="FP23" s="61">
        <v>197</v>
      </c>
      <c r="FQ23" s="61">
        <v>176</v>
      </c>
      <c r="FR23" s="61">
        <v>173</v>
      </c>
      <c r="FS23" s="61">
        <v>183</v>
      </c>
      <c r="FT23" s="61">
        <v>90</v>
      </c>
      <c r="FU23" s="62">
        <v>819</v>
      </c>
      <c r="FV23" s="63">
        <v>986</v>
      </c>
      <c r="FW23" s="60">
        <v>6</v>
      </c>
      <c r="FX23" s="61">
        <v>14</v>
      </c>
      <c r="FY23" s="62">
        <v>20</v>
      </c>
      <c r="FZ23" s="231"/>
      <c r="GA23" s="61">
        <v>15</v>
      </c>
      <c r="GB23" s="61">
        <v>12</v>
      </c>
      <c r="GC23" s="61">
        <v>5</v>
      </c>
      <c r="GD23" s="61">
        <v>9</v>
      </c>
      <c r="GE23" s="61">
        <v>7</v>
      </c>
      <c r="GF23" s="62">
        <v>48</v>
      </c>
      <c r="GG23" s="63">
        <v>68</v>
      </c>
      <c r="GH23" s="60">
        <v>492</v>
      </c>
      <c r="GI23" s="61">
        <v>635</v>
      </c>
      <c r="GJ23" s="62">
        <v>1127</v>
      </c>
      <c r="GK23" s="231"/>
      <c r="GL23" s="61">
        <v>898</v>
      </c>
      <c r="GM23" s="61">
        <v>594</v>
      </c>
      <c r="GN23" s="61">
        <v>474</v>
      </c>
      <c r="GO23" s="61">
        <v>456</v>
      </c>
      <c r="GP23" s="61">
        <v>277</v>
      </c>
      <c r="GQ23" s="62">
        <v>2699</v>
      </c>
      <c r="GR23" s="63">
        <v>3826</v>
      </c>
      <c r="GS23" s="113">
        <v>777</v>
      </c>
      <c r="GT23" s="72">
        <v>948</v>
      </c>
      <c r="GU23" s="73">
        <v>1725</v>
      </c>
      <c r="GV23" s="228"/>
      <c r="GW23" s="72">
        <v>1470</v>
      </c>
      <c r="GX23" s="72">
        <v>940</v>
      </c>
      <c r="GY23" s="72">
        <v>745</v>
      </c>
      <c r="GZ23" s="72">
        <v>670</v>
      </c>
      <c r="HA23" s="72">
        <v>382</v>
      </c>
      <c r="HB23" s="74">
        <v>4207</v>
      </c>
      <c r="HC23" s="75">
        <v>5932</v>
      </c>
      <c r="HD23" s="60">
        <v>19</v>
      </c>
      <c r="HE23" s="61">
        <v>21</v>
      </c>
      <c r="HF23" s="62">
        <v>40</v>
      </c>
      <c r="HG23" s="231"/>
      <c r="HH23" s="61">
        <v>46</v>
      </c>
      <c r="HI23" s="61">
        <v>35</v>
      </c>
      <c r="HJ23" s="61">
        <v>21</v>
      </c>
      <c r="HK23" s="61">
        <v>19</v>
      </c>
      <c r="HL23" s="61">
        <v>14</v>
      </c>
      <c r="HM23" s="62">
        <v>135</v>
      </c>
      <c r="HN23" s="63">
        <v>175</v>
      </c>
      <c r="HO23" s="60">
        <v>63</v>
      </c>
      <c r="HP23" s="61">
        <v>65</v>
      </c>
      <c r="HQ23" s="62">
        <v>128</v>
      </c>
      <c r="HR23" s="231"/>
      <c r="HS23" s="61">
        <v>122</v>
      </c>
      <c r="HT23" s="61">
        <v>74</v>
      </c>
      <c r="HU23" s="61">
        <v>56</v>
      </c>
      <c r="HV23" s="61">
        <v>62</v>
      </c>
      <c r="HW23" s="61">
        <v>34</v>
      </c>
      <c r="HX23" s="62">
        <v>348</v>
      </c>
      <c r="HY23" s="63">
        <v>476</v>
      </c>
      <c r="HZ23" s="60">
        <v>134</v>
      </c>
      <c r="IA23" s="61">
        <v>160</v>
      </c>
      <c r="IB23" s="62">
        <v>294</v>
      </c>
      <c r="IC23" s="231"/>
      <c r="ID23" s="61">
        <v>226</v>
      </c>
      <c r="IE23" s="61">
        <v>131</v>
      </c>
      <c r="IF23" s="61">
        <v>87</v>
      </c>
      <c r="IG23" s="61">
        <v>75</v>
      </c>
      <c r="IH23" s="61">
        <v>59</v>
      </c>
      <c r="II23" s="62">
        <v>578</v>
      </c>
      <c r="IJ23" s="63">
        <v>872</v>
      </c>
      <c r="IK23" s="60">
        <v>276</v>
      </c>
      <c r="IL23" s="61">
        <v>266</v>
      </c>
      <c r="IM23" s="62">
        <v>542</v>
      </c>
      <c r="IN23" s="231"/>
      <c r="IO23" s="61">
        <v>369</v>
      </c>
      <c r="IP23" s="61">
        <v>228</v>
      </c>
      <c r="IQ23" s="61">
        <v>190</v>
      </c>
      <c r="IR23" s="61">
        <v>129</v>
      </c>
      <c r="IS23" s="61">
        <v>85</v>
      </c>
      <c r="IT23" s="62">
        <v>1001</v>
      </c>
      <c r="IU23" s="63">
        <v>1543</v>
      </c>
      <c r="IV23" s="60">
        <v>202</v>
      </c>
      <c r="IW23" s="61">
        <v>276</v>
      </c>
      <c r="IX23" s="62">
        <v>478</v>
      </c>
      <c r="IY23" s="231"/>
      <c r="IZ23" s="61">
        <v>419</v>
      </c>
      <c r="JA23" s="61">
        <v>237</v>
      </c>
      <c r="JB23" s="61">
        <v>187</v>
      </c>
      <c r="JC23" s="61">
        <v>172</v>
      </c>
      <c r="JD23" s="61">
        <v>87</v>
      </c>
      <c r="JE23" s="62">
        <v>1102</v>
      </c>
      <c r="JF23" s="63">
        <v>1580</v>
      </c>
      <c r="JG23" s="60">
        <v>83</v>
      </c>
      <c r="JH23" s="61">
        <v>160</v>
      </c>
      <c r="JI23" s="62">
        <v>243</v>
      </c>
      <c r="JJ23" s="231"/>
      <c r="JK23" s="61">
        <v>288</v>
      </c>
      <c r="JL23" s="61">
        <v>235</v>
      </c>
      <c r="JM23" s="61">
        <v>204</v>
      </c>
      <c r="JN23" s="61">
        <v>213</v>
      </c>
      <c r="JO23" s="61">
        <v>103</v>
      </c>
      <c r="JP23" s="62">
        <v>1043</v>
      </c>
      <c r="JQ23" s="63">
        <v>1286</v>
      </c>
      <c r="JR23" s="60">
        <v>13</v>
      </c>
      <c r="JS23" s="61">
        <v>26</v>
      </c>
      <c r="JT23" s="62">
        <v>39</v>
      </c>
      <c r="JU23" s="231"/>
      <c r="JV23" s="61">
        <v>35</v>
      </c>
      <c r="JW23" s="61">
        <v>27</v>
      </c>
      <c r="JX23" s="61">
        <v>17</v>
      </c>
      <c r="JY23" s="61">
        <v>17</v>
      </c>
      <c r="JZ23" s="61">
        <v>16</v>
      </c>
      <c r="KA23" s="62">
        <v>112</v>
      </c>
      <c r="KB23" s="63">
        <v>151</v>
      </c>
      <c r="KC23" s="60">
        <v>790</v>
      </c>
      <c r="KD23" s="61">
        <v>974</v>
      </c>
      <c r="KE23" s="62">
        <v>1764</v>
      </c>
      <c r="KF23" s="231"/>
      <c r="KG23" s="61">
        <v>1505</v>
      </c>
      <c r="KH23" s="61">
        <v>967</v>
      </c>
      <c r="KI23" s="61">
        <v>762</v>
      </c>
      <c r="KJ23" s="61">
        <v>687</v>
      </c>
      <c r="KK23" s="61">
        <v>398</v>
      </c>
      <c r="KL23" s="62">
        <v>4319</v>
      </c>
      <c r="KM23" s="63">
        <v>6083</v>
      </c>
    </row>
    <row r="24" spans="2:299" ht="21" customHeight="1" x14ac:dyDescent="0.2">
      <c r="B24" s="472" t="s">
        <v>21</v>
      </c>
      <c r="C24" s="293">
        <v>318</v>
      </c>
      <c r="D24" s="72">
        <v>248</v>
      </c>
      <c r="E24" s="73">
        <v>566</v>
      </c>
      <c r="F24" s="228"/>
      <c r="G24" s="72">
        <v>456</v>
      </c>
      <c r="H24" s="72">
        <v>434</v>
      </c>
      <c r="I24" s="72">
        <v>292</v>
      </c>
      <c r="J24" s="72">
        <v>226</v>
      </c>
      <c r="K24" s="72">
        <v>153</v>
      </c>
      <c r="L24" s="74">
        <v>1561</v>
      </c>
      <c r="M24" s="75">
        <v>2127</v>
      </c>
      <c r="N24" s="60">
        <v>13</v>
      </c>
      <c r="O24" s="61">
        <v>17</v>
      </c>
      <c r="P24" s="62">
        <v>30</v>
      </c>
      <c r="Q24" s="231"/>
      <c r="R24" s="61">
        <v>22</v>
      </c>
      <c r="S24" s="61">
        <v>17</v>
      </c>
      <c r="T24" s="61">
        <v>13</v>
      </c>
      <c r="U24" s="61">
        <v>16</v>
      </c>
      <c r="V24" s="61">
        <v>14</v>
      </c>
      <c r="W24" s="62">
        <v>82</v>
      </c>
      <c r="X24" s="63">
        <v>112</v>
      </c>
      <c r="Y24" s="60">
        <v>31</v>
      </c>
      <c r="Z24" s="61">
        <v>30</v>
      </c>
      <c r="AA24" s="62">
        <v>61</v>
      </c>
      <c r="AB24" s="231"/>
      <c r="AC24" s="61">
        <v>42</v>
      </c>
      <c r="AD24" s="61">
        <v>52</v>
      </c>
      <c r="AE24" s="61">
        <v>34</v>
      </c>
      <c r="AF24" s="61">
        <v>28</v>
      </c>
      <c r="AG24" s="61">
        <v>20</v>
      </c>
      <c r="AH24" s="62">
        <v>176</v>
      </c>
      <c r="AI24" s="63">
        <v>237</v>
      </c>
      <c r="AJ24" s="60">
        <v>66</v>
      </c>
      <c r="AK24" s="61">
        <v>42</v>
      </c>
      <c r="AL24" s="62">
        <v>108</v>
      </c>
      <c r="AM24" s="231"/>
      <c r="AN24" s="61">
        <v>78</v>
      </c>
      <c r="AO24" s="61">
        <v>64</v>
      </c>
      <c r="AP24" s="61">
        <v>60</v>
      </c>
      <c r="AQ24" s="61">
        <v>45</v>
      </c>
      <c r="AR24" s="61">
        <v>29</v>
      </c>
      <c r="AS24" s="62">
        <v>276</v>
      </c>
      <c r="AT24" s="63">
        <v>384</v>
      </c>
      <c r="AU24" s="60">
        <v>86</v>
      </c>
      <c r="AV24" s="61">
        <v>50</v>
      </c>
      <c r="AW24" s="62">
        <v>136</v>
      </c>
      <c r="AX24" s="231"/>
      <c r="AY24" s="61">
        <v>131</v>
      </c>
      <c r="AZ24" s="61">
        <v>132</v>
      </c>
      <c r="BA24" s="61">
        <v>77</v>
      </c>
      <c r="BB24" s="61">
        <v>60</v>
      </c>
      <c r="BC24" s="61">
        <v>37</v>
      </c>
      <c r="BD24" s="62">
        <v>437</v>
      </c>
      <c r="BE24" s="63">
        <v>573</v>
      </c>
      <c r="BF24" s="60">
        <v>83</v>
      </c>
      <c r="BG24" s="61">
        <v>72</v>
      </c>
      <c r="BH24" s="62">
        <v>155</v>
      </c>
      <c r="BI24" s="231"/>
      <c r="BJ24" s="61">
        <v>135</v>
      </c>
      <c r="BK24" s="61">
        <v>99</v>
      </c>
      <c r="BL24" s="61">
        <v>54</v>
      </c>
      <c r="BM24" s="61">
        <v>45</v>
      </c>
      <c r="BN24" s="61">
        <v>33</v>
      </c>
      <c r="BO24" s="62">
        <v>366</v>
      </c>
      <c r="BP24" s="63">
        <v>521</v>
      </c>
      <c r="BQ24" s="60">
        <v>39</v>
      </c>
      <c r="BR24" s="61">
        <v>37</v>
      </c>
      <c r="BS24" s="62">
        <v>76</v>
      </c>
      <c r="BT24" s="231"/>
      <c r="BU24" s="61">
        <v>48</v>
      </c>
      <c r="BV24" s="61">
        <v>70</v>
      </c>
      <c r="BW24" s="61">
        <v>54</v>
      </c>
      <c r="BX24" s="61">
        <v>32</v>
      </c>
      <c r="BY24" s="61">
        <v>20</v>
      </c>
      <c r="BZ24" s="62">
        <v>224</v>
      </c>
      <c r="CA24" s="63">
        <v>300</v>
      </c>
      <c r="CB24" s="60">
        <v>11</v>
      </c>
      <c r="CC24" s="61">
        <v>13</v>
      </c>
      <c r="CD24" s="62">
        <v>24</v>
      </c>
      <c r="CE24" s="231"/>
      <c r="CF24" s="61">
        <v>7</v>
      </c>
      <c r="CG24" s="61">
        <v>22</v>
      </c>
      <c r="CH24" s="61">
        <v>9</v>
      </c>
      <c r="CI24" s="61">
        <v>7</v>
      </c>
      <c r="CJ24" s="61">
        <v>11</v>
      </c>
      <c r="CK24" s="62">
        <v>56</v>
      </c>
      <c r="CL24" s="63">
        <v>80</v>
      </c>
      <c r="CM24" s="60">
        <v>329</v>
      </c>
      <c r="CN24" s="61">
        <v>261</v>
      </c>
      <c r="CO24" s="62">
        <v>590</v>
      </c>
      <c r="CP24" s="231"/>
      <c r="CQ24" s="61">
        <v>463</v>
      </c>
      <c r="CR24" s="61">
        <v>456</v>
      </c>
      <c r="CS24" s="61">
        <v>301</v>
      </c>
      <c r="CT24" s="61">
        <v>233</v>
      </c>
      <c r="CU24" s="61">
        <v>164</v>
      </c>
      <c r="CV24" s="62">
        <v>1617</v>
      </c>
      <c r="CW24" s="63">
        <v>2207</v>
      </c>
      <c r="CX24" s="113">
        <v>602</v>
      </c>
      <c r="CY24" s="72">
        <v>573</v>
      </c>
      <c r="CZ24" s="73">
        <v>1175</v>
      </c>
      <c r="DA24" s="228"/>
      <c r="DB24" s="72">
        <v>746</v>
      </c>
      <c r="DC24" s="72">
        <v>713</v>
      </c>
      <c r="DD24" s="72">
        <v>576</v>
      </c>
      <c r="DE24" s="72">
        <v>470</v>
      </c>
      <c r="DF24" s="72">
        <v>364</v>
      </c>
      <c r="DG24" s="74">
        <v>2869</v>
      </c>
      <c r="DH24" s="75">
        <v>4044</v>
      </c>
      <c r="DI24" s="60">
        <v>13</v>
      </c>
      <c r="DJ24" s="61">
        <v>15</v>
      </c>
      <c r="DK24" s="62">
        <v>28</v>
      </c>
      <c r="DL24" s="231"/>
      <c r="DM24" s="61">
        <v>18</v>
      </c>
      <c r="DN24" s="61">
        <v>21</v>
      </c>
      <c r="DO24" s="61">
        <v>9</v>
      </c>
      <c r="DP24" s="61">
        <v>4</v>
      </c>
      <c r="DQ24" s="61">
        <v>17</v>
      </c>
      <c r="DR24" s="62">
        <v>69</v>
      </c>
      <c r="DS24" s="63">
        <v>97</v>
      </c>
      <c r="DT24" s="60">
        <v>46</v>
      </c>
      <c r="DU24" s="61">
        <v>38</v>
      </c>
      <c r="DV24" s="62">
        <v>84</v>
      </c>
      <c r="DW24" s="231"/>
      <c r="DX24" s="61">
        <v>42</v>
      </c>
      <c r="DY24" s="61">
        <v>38</v>
      </c>
      <c r="DZ24" s="61">
        <v>29</v>
      </c>
      <c r="EA24" s="61">
        <v>24</v>
      </c>
      <c r="EB24" s="61">
        <v>30</v>
      </c>
      <c r="EC24" s="62">
        <v>163</v>
      </c>
      <c r="ED24" s="63">
        <v>247</v>
      </c>
      <c r="EE24" s="60">
        <v>90</v>
      </c>
      <c r="EF24" s="61">
        <v>89</v>
      </c>
      <c r="EG24" s="62">
        <v>179</v>
      </c>
      <c r="EH24" s="231"/>
      <c r="EI24" s="61">
        <v>100</v>
      </c>
      <c r="EJ24" s="61">
        <v>82</v>
      </c>
      <c r="EK24" s="61">
        <v>68</v>
      </c>
      <c r="EL24" s="61">
        <v>44</v>
      </c>
      <c r="EM24" s="61">
        <v>34</v>
      </c>
      <c r="EN24" s="62">
        <v>328</v>
      </c>
      <c r="EO24" s="63">
        <v>507</v>
      </c>
      <c r="EP24" s="60">
        <v>196</v>
      </c>
      <c r="EQ24" s="61">
        <v>181</v>
      </c>
      <c r="ER24" s="62">
        <v>377</v>
      </c>
      <c r="ES24" s="231"/>
      <c r="ET24" s="61">
        <v>211</v>
      </c>
      <c r="EU24" s="61">
        <v>151</v>
      </c>
      <c r="EV24" s="61">
        <v>113</v>
      </c>
      <c r="EW24" s="61">
        <v>111</v>
      </c>
      <c r="EX24" s="61">
        <v>77</v>
      </c>
      <c r="EY24" s="62">
        <v>663</v>
      </c>
      <c r="EZ24" s="63">
        <v>1040</v>
      </c>
      <c r="FA24" s="60">
        <v>176</v>
      </c>
      <c r="FB24" s="61">
        <v>167</v>
      </c>
      <c r="FC24" s="62">
        <v>343</v>
      </c>
      <c r="FD24" s="231"/>
      <c r="FE24" s="61">
        <v>209</v>
      </c>
      <c r="FF24" s="61">
        <v>224</v>
      </c>
      <c r="FG24" s="61">
        <v>171</v>
      </c>
      <c r="FH24" s="61">
        <v>113</v>
      </c>
      <c r="FI24" s="61">
        <v>87</v>
      </c>
      <c r="FJ24" s="62">
        <v>804</v>
      </c>
      <c r="FK24" s="63">
        <v>1147</v>
      </c>
      <c r="FL24" s="60">
        <v>81</v>
      </c>
      <c r="FM24" s="61">
        <v>83</v>
      </c>
      <c r="FN24" s="62">
        <v>164</v>
      </c>
      <c r="FO24" s="231"/>
      <c r="FP24" s="61">
        <v>166</v>
      </c>
      <c r="FQ24" s="61">
        <v>197</v>
      </c>
      <c r="FR24" s="61">
        <v>186</v>
      </c>
      <c r="FS24" s="61">
        <v>174</v>
      </c>
      <c r="FT24" s="61">
        <v>119</v>
      </c>
      <c r="FU24" s="62">
        <v>842</v>
      </c>
      <c r="FV24" s="63">
        <v>1006</v>
      </c>
      <c r="FW24" s="60">
        <v>6</v>
      </c>
      <c r="FX24" s="61">
        <v>13</v>
      </c>
      <c r="FY24" s="62">
        <v>19</v>
      </c>
      <c r="FZ24" s="231"/>
      <c r="GA24" s="61">
        <v>3</v>
      </c>
      <c r="GB24" s="61">
        <v>17</v>
      </c>
      <c r="GC24" s="61">
        <v>17</v>
      </c>
      <c r="GD24" s="61">
        <v>8</v>
      </c>
      <c r="GE24" s="61">
        <v>6</v>
      </c>
      <c r="GF24" s="62">
        <v>51</v>
      </c>
      <c r="GG24" s="63">
        <v>70</v>
      </c>
      <c r="GH24" s="60">
        <v>608</v>
      </c>
      <c r="GI24" s="61">
        <v>586</v>
      </c>
      <c r="GJ24" s="62">
        <v>1194</v>
      </c>
      <c r="GK24" s="231"/>
      <c r="GL24" s="61">
        <v>749</v>
      </c>
      <c r="GM24" s="61">
        <v>730</v>
      </c>
      <c r="GN24" s="61">
        <v>593</v>
      </c>
      <c r="GO24" s="61">
        <v>478</v>
      </c>
      <c r="GP24" s="61">
        <v>370</v>
      </c>
      <c r="GQ24" s="62">
        <v>2920</v>
      </c>
      <c r="GR24" s="63">
        <v>4114</v>
      </c>
      <c r="GS24" s="113">
        <v>920</v>
      </c>
      <c r="GT24" s="72">
        <v>821</v>
      </c>
      <c r="GU24" s="73">
        <v>1741</v>
      </c>
      <c r="GV24" s="228"/>
      <c r="GW24" s="72">
        <v>1202</v>
      </c>
      <c r="GX24" s="72">
        <v>1147</v>
      </c>
      <c r="GY24" s="72">
        <v>868</v>
      </c>
      <c r="GZ24" s="72">
        <v>696</v>
      </c>
      <c r="HA24" s="72">
        <v>517</v>
      </c>
      <c r="HB24" s="74">
        <v>4430</v>
      </c>
      <c r="HC24" s="75">
        <v>6171</v>
      </c>
      <c r="HD24" s="60">
        <v>26</v>
      </c>
      <c r="HE24" s="61">
        <v>32</v>
      </c>
      <c r="HF24" s="62">
        <v>58</v>
      </c>
      <c r="HG24" s="231"/>
      <c r="HH24" s="61">
        <v>40</v>
      </c>
      <c r="HI24" s="61">
        <v>38</v>
      </c>
      <c r="HJ24" s="61">
        <v>22</v>
      </c>
      <c r="HK24" s="61">
        <v>20</v>
      </c>
      <c r="HL24" s="61">
        <v>31</v>
      </c>
      <c r="HM24" s="62">
        <v>151</v>
      </c>
      <c r="HN24" s="63">
        <v>209</v>
      </c>
      <c r="HO24" s="60">
        <v>77</v>
      </c>
      <c r="HP24" s="61">
        <v>68</v>
      </c>
      <c r="HQ24" s="62">
        <v>145</v>
      </c>
      <c r="HR24" s="231"/>
      <c r="HS24" s="61">
        <v>84</v>
      </c>
      <c r="HT24" s="61">
        <v>90</v>
      </c>
      <c r="HU24" s="61">
        <v>63</v>
      </c>
      <c r="HV24" s="61">
        <v>52</v>
      </c>
      <c r="HW24" s="61">
        <v>50</v>
      </c>
      <c r="HX24" s="62">
        <v>339</v>
      </c>
      <c r="HY24" s="63">
        <v>484</v>
      </c>
      <c r="HZ24" s="60">
        <v>156</v>
      </c>
      <c r="IA24" s="61">
        <v>131</v>
      </c>
      <c r="IB24" s="62">
        <v>287</v>
      </c>
      <c r="IC24" s="231"/>
      <c r="ID24" s="61">
        <v>178</v>
      </c>
      <c r="IE24" s="61">
        <v>146</v>
      </c>
      <c r="IF24" s="61">
        <v>128</v>
      </c>
      <c r="IG24" s="61">
        <v>89</v>
      </c>
      <c r="IH24" s="61">
        <v>63</v>
      </c>
      <c r="II24" s="62">
        <v>604</v>
      </c>
      <c r="IJ24" s="63">
        <v>891</v>
      </c>
      <c r="IK24" s="60">
        <v>282</v>
      </c>
      <c r="IL24" s="61">
        <v>231</v>
      </c>
      <c r="IM24" s="62">
        <v>513</v>
      </c>
      <c r="IN24" s="231"/>
      <c r="IO24" s="61">
        <v>342</v>
      </c>
      <c r="IP24" s="61">
        <v>283</v>
      </c>
      <c r="IQ24" s="61">
        <v>190</v>
      </c>
      <c r="IR24" s="61">
        <v>171</v>
      </c>
      <c r="IS24" s="61">
        <v>114</v>
      </c>
      <c r="IT24" s="62">
        <v>1100</v>
      </c>
      <c r="IU24" s="63">
        <v>1613</v>
      </c>
      <c r="IV24" s="60">
        <v>259</v>
      </c>
      <c r="IW24" s="61">
        <v>239</v>
      </c>
      <c r="IX24" s="62">
        <v>498</v>
      </c>
      <c r="IY24" s="231"/>
      <c r="IZ24" s="61">
        <v>344</v>
      </c>
      <c r="JA24" s="61">
        <v>323</v>
      </c>
      <c r="JB24" s="61">
        <v>225</v>
      </c>
      <c r="JC24" s="61">
        <v>158</v>
      </c>
      <c r="JD24" s="61">
        <v>120</v>
      </c>
      <c r="JE24" s="62">
        <v>1170</v>
      </c>
      <c r="JF24" s="63">
        <v>1668</v>
      </c>
      <c r="JG24" s="60">
        <v>120</v>
      </c>
      <c r="JH24" s="61">
        <v>120</v>
      </c>
      <c r="JI24" s="62">
        <v>240</v>
      </c>
      <c r="JJ24" s="231"/>
      <c r="JK24" s="61">
        <v>214</v>
      </c>
      <c r="JL24" s="61">
        <v>267</v>
      </c>
      <c r="JM24" s="61">
        <v>240</v>
      </c>
      <c r="JN24" s="61">
        <v>206</v>
      </c>
      <c r="JO24" s="61">
        <v>139</v>
      </c>
      <c r="JP24" s="62">
        <v>1066</v>
      </c>
      <c r="JQ24" s="63">
        <v>1306</v>
      </c>
      <c r="JR24" s="60">
        <v>17</v>
      </c>
      <c r="JS24" s="61">
        <v>26</v>
      </c>
      <c r="JT24" s="62">
        <v>43</v>
      </c>
      <c r="JU24" s="231"/>
      <c r="JV24" s="61">
        <v>10</v>
      </c>
      <c r="JW24" s="61">
        <v>39</v>
      </c>
      <c r="JX24" s="61">
        <v>26</v>
      </c>
      <c r="JY24" s="61">
        <v>15</v>
      </c>
      <c r="JZ24" s="61">
        <v>17</v>
      </c>
      <c r="KA24" s="62">
        <v>107</v>
      </c>
      <c r="KB24" s="63">
        <v>150</v>
      </c>
      <c r="KC24" s="60">
        <v>937</v>
      </c>
      <c r="KD24" s="61">
        <v>847</v>
      </c>
      <c r="KE24" s="62">
        <v>1784</v>
      </c>
      <c r="KF24" s="231"/>
      <c r="KG24" s="61">
        <v>1212</v>
      </c>
      <c r="KH24" s="61">
        <v>1186</v>
      </c>
      <c r="KI24" s="61">
        <v>894</v>
      </c>
      <c r="KJ24" s="61">
        <v>711</v>
      </c>
      <c r="KK24" s="61">
        <v>534</v>
      </c>
      <c r="KL24" s="62">
        <v>4537</v>
      </c>
      <c r="KM24" s="63">
        <v>6321</v>
      </c>
    </row>
    <row r="25" spans="2:299" ht="21" customHeight="1" x14ac:dyDescent="0.2">
      <c r="B25" s="472" t="s">
        <v>22</v>
      </c>
      <c r="C25" s="293">
        <v>81</v>
      </c>
      <c r="D25" s="72">
        <v>81</v>
      </c>
      <c r="E25" s="73">
        <v>162</v>
      </c>
      <c r="F25" s="228"/>
      <c r="G25" s="72">
        <v>182</v>
      </c>
      <c r="H25" s="72">
        <v>151</v>
      </c>
      <c r="I25" s="72">
        <v>96</v>
      </c>
      <c r="J25" s="72">
        <v>76</v>
      </c>
      <c r="K25" s="72">
        <v>45</v>
      </c>
      <c r="L25" s="74">
        <v>550</v>
      </c>
      <c r="M25" s="75">
        <v>712</v>
      </c>
      <c r="N25" s="60">
        <v>3</v>
      </c>
      <c r="O25" s="61">
        <v>3</v>
      </c>
      <c r="P25" s="62">
        <v>6</v>
      </c>
      <c r="Q25" s="231"/>
      <c r="R25" s="61">
        <v>5</v>
      </c>
      <c r="S25" s="61">
        <v>5</v>
      </c>
      <c r="T25" s="61">
        <v>2</v>
      </c>
      <c r="U25" s="61">
        <v>2</v>
      </c>
      <c r="V25" s="61">
        <v>2</v>
      </c>
      <c r="W25" s="62">
        <v>16</v>
      </c>
      <c r="X25" s="63">
        <v>22</v>
      </c>
      <c r="Y25" s="60">
        <v>5</v>
      </c>
      <c r="Z25" s="61">
        <v>6</v>
      </c>
      <c r="AA25" s="62">
        <v>11</v>
      </c>
      <c r="AB25" s="231"/>
      <c r="AC25" s="61">
        <v>12</v>
      </c>
      <c r="AD25" s="61">
        <v>12</v>
      </c>
      <c r="AE25" s="61">
        <v>6</v>
      </c>
      <c r="AF25" s="61">
        <v>7</v>
      </c>
      <c r="AG25" s="61">
        <v>12</v>
      </c>
      <c r="AH25" s="62">
        <v>49</v>
      </c>
      <c r="AI25" s="63">
        <v>60</v>
      </c>
      <c r="AJ25" s="60">
        <v>7</v>
      </c>
      <c r="AK25" s="61">
        <v>11</v>
      </c>
      <c r="AL25" s="62">
        <v>18</v>
      </c>
      <c r="AM25" s="231"/>
      <c r="AN25" s="61">
        <v>30</v>
      </c>
      <c r="AO25" s="61">
        <v>22</v>
      </c>
      <c r="AP25" s="61">
        <v>19</v>
      </c>
      <c r="AQ25" s="61">
        <v>15</v>
      </c>
      <c r="AR25" s="61">
        <v>6</v>
      </c>
      <c r="AS25" s="62">
        <v>92</v>
      </c>
      <c r="AT25" s="63">
        <v>110</v>
      </c>
      <c r="AU25" s="60">
        <v>21</v>
      </c>
      <c r="AV25" s="61">
        <v>31</v>
      </c>
      <c r="AW25" s="62">
        <v>52</v>
      </c>
      <c r="AX25" s="231"/>
      <c r="AY25" s="61">
        <v>30</v>
      </c>
      <c r="AZ25" s="61">
        <v>43</v>
      </c>
      <c r="BA25" s="61">
        <v>23</v>
      </c>
      <c r="BB25" s="61">
        <v>19</v>
      </c>
      <c r="BC25" s="61">
        <v>12</v>
      </c>
      <c r="BD25" s="62">
        <v>127</v>
      </c>
      <c r="BE25" s="63">
        <v>179</v>
      </c>
      <c r="BF25" s="60">
        <v>31</v>
      </c>
      <c r="BG25" s="61">
        <v>21</v>
      </c>
      <c r="BH25" s="62">
        <v>52</v>
      </c>
      <c r="BI25" s="231"/>
      <c r="BJ25" s="61">
        <v>55</v>
      </c>
      <c r="BK25" s="61">
        <v>38</v>
      </c>
      <c r="BL25" s="61">
        <v>21</v>
      </c>
      <c r="BM25" s="61">
        <v>15</v>
      </c>
      <c r="BN25" s="61">
        <v>8</v>
      </c>
      <c r="BO25" s="62">
        <v>137</v>
      </c>
      <c r="BP25" s="63">
        <v>189</v>
      </c>
      <c r="BQ25" s="60">
        <v>14</v>
      </c>
      <c r="BR25" s="61">
        <v>9</v>
      </c>
      <c r="BS25" s="62">
        <v>23</v>
      </c>
      <c r="BT25" s="231"/>
      <c r="BU25" s="61">
        <v>50</v>
      </c>
      <c r="BV25" s="61">
        <v>31</v>
      </c>
      <c r="BW25" s="61">
        <v>25</v>
      </c>
      <c r="BX25" s="61">
        <v>18</v>
      </c>
      <c r="BY25" s="61">
        <v>5</v>
      </c>
      <c r="BZ25" s="62">
        <v>129</v>
      </c>
      <c r="CA25" s="63">
        <v>152</v>
      </c>
      <c r="CB25" s="60">
        <v>2</v>
      </c>
      <c r="CC25" s="61">
        <v>3</v>
      </c>
      <c r="CD25" s="62">
        <v>5</v>
      </c>
      <c r="CE25" s="231"/>
      <c r="CF25" s="61">
        <v>8</v>
      </c>
      <c r="CG25" s="61">
        <v>3</v>
      </c>
      <c r="CH25" s="61">
        <v>1</v>
      </c>
      <c r="CI25" s="61">
        <v>2</v>
      </c>
      <c r="CJ25" s="61">
        <v>5</v>
      </c>
      <c r="CK25" s="62">
        <v>19</v>
      </c>
      <c r="CL25" s="63">
        <v>24</v>
      </c>
      <c r="CM25" s="60">
        <v>83</v>
      </c>
      <c r="CN25" s="61">
        <v>84</v>
      </c>
      <c r="CO25" s="62">
        <v>167</v>
      </c>
      <c r="CP25" s="231"/>
      <c r="CQ25" s="61">
        <v>190</v>
      </c>
      <c r="CR25" s="61">
        <v>154</v>
      </c>
      <c r="CS25" s="61">
        <v>97</v>
      </c>
      <c r="CT25" s="61">
        <v>78</v>
      </c>
      <c r="CU25" s="61">
        <v>50</v>
      </c>
      <c r="CV25" s="62">
        <v>569</v>
      </c>
      <c r="CW25" s="63">
        <v>736</v>
      </c>
      <c r="CX25" s="113">
        <v>119</v>
      </c>
      <c r="CY25" s="72">
        <v>242</v>
      </c>
      <c r="CZ25" s="73">
        <v>361</v>
      </c>
      <c r="DA25" s="228"/>
      <c r="DB25" s="72">
        <v>316</v>
      </c>
      <c r="DC25" s="72">
        <v>294</v>
      </c>
      <c r="DD25" s="72">
        <v>206</v>
      </c>
      <c r="DE25" s="72">
        <v>205</v>
      </c>
      <c r="DF25" s="72">
        <v>108</v>
      </c>
      <c r="DG25" s="74">
        <v>1129</v>
      </c>
      <c r="DH25" s="75">
        <v>1490</v>
      </c>
      <c r="DI25" s="60">
        <v>7</v>
      </c>
      <c r="DJ25" s="61">
        <v>9</v>
      </c>
      <c r="DK25" s="62">
        <v>16</v>
      </c>
      <c r="DL25" s="231"/>
      <c r="DM25" s="61">
        <v>3</v>
      </c>
      <c r="DN25" s="61">
        <v>4</v>
      </c>
      <c r="DO25" s="61">
        <v>4</v>
      </c>
      <c r="DP25" s="61">
        <v>1</v>
      </c>
      <c r="DQ25" s="61">
        <v>3</v>
      </c>
      <c r="DR25" s="62">
        <v>15</v>
      </c>
      <c r="DS25" s="63">
        <v>31</v>
      </c>
      <c r="DT25" s="60">
        <v>5</v>
      </c>
      <c r="DU25" s="61">
        <v>7</v>
      </c>
      <c r="DV25" s="62">
        <v>12</v>
      </c>
      <c r="DW25" s="231"/>
      <c r="DX25" s="61">
        <v>12</v>
      </c>
      <c r="DY25" s="61">
        <v>15</v>
      </c>
      <c r="DZ25" s="61">
        <v>5</v>
      </c>
      <c r="EA25" s="61">
        <v>5</v>
      </c>
      <c r="EB25" s="61">
        <v>5</v>
      </c>
      <c r="EC25" s="62">
        <v>42</v>
      </c>
      <c r="ED25" s="63">
        <v>54</v>
      </c>
      <c r="EE25" s="60">
        <v>27</v>
      </c>
      <c r="EF25" s="61">
        <v>40</v>
      </c>
      <c r="EG25" s="62">
        <v>67</v>
      </c>
      <c r="EH25" s="231"/>
      <c r="EI25" s="61">
        <v>33</v>
      </c>
      <c r="EJ25" s="61">
        <v>34</v>
      </c>
      <c r="EK25" s="61">
        <v>19</v>
      </c>
      <c r="EL25" s="61">
        <v>15</v>
      </c>
      <c r="EM25" s="61">
        <v>15</v>
      </c>
      <c r="EN25" s="62">
        <v>116</v>
      </c>
      <c r="EO25" s="63">
        <v>183</v>
      </c>
      <c r="EP25" s="60">
        <v>34</v>
      </c>
      <c r="EQ25" s="61">
        <v>77</v>
      </c>
      <c r="ER25" s="62">
        <v>111</v>
      </c>
      <c r="ES25" s="231"/>
      <c r="ET25" s="61">
        <v>75</v>
      </c>
      <c r="EU25" s="61">
        <v>56</v>
      </c>
      <c r="EV25" s="61">
        <v>45</v>
      </c>
      <c r="EW25" s="61">
        <v>39</v>
      </c>
      <c r="EX25" s="61">
        <v>15</v>
      </c>
      <c r="EY25" s="62">
        <v>230</v>
      </c>
      <c r="EZ25" s="63">
        <v>341</v>
      </c>
      <c r="FA25" s="60">
        <v>32</v>
      </c>
      <c r="FB25" s="61">
        <v>65</v>
      </c>
      <c r="FC25" s="62">
        <v>97</v>
      </c>
      <c r="FD25" s="231"/>
      <c r="FE25" s="61">
        <v>109</v>
      </c>
      <c r="FF25" s="61">
        <v>89</v>
      </c>
      <c r="FG25" s="61">
        <v>50</v>
      </c>
      <c r="FH25" s="61">
        <v>50</v>
      </c>
      <c r="FI25" s="61">
        <v>32</v>
      </c>
      <c r="FJ25" s="62">
        <v>330</v>
      </c>
      <c r="FK25" s="63">
        <v>427</v>
      </c>
      <c r="FL25" s="60">
        <v>14</v>
      </c>
      <c r="FM25" s="61">
        <v>44</v>
      </c>
      <c r="FN25" s="62">
        <v>58</v>
      </c>
      <c r="FO25" s="231"/>
      <c r="FP25" s="61">
        <v>84</v>
      </c>
      <c r="FQ25" s="61">
        <v>96</v>
      </c>
      <c r="FR25" s="61">
        <v>83</v>
      </c>
      <c r="FS25" s="61">
        <v>95</v>
      </c>
      <c r="FT25" s="61">
        <v>38</v>
      </c>
      <c r="FU25" s="62">
        <v>396</v>
      </c>
      <c r="FV25" s="63">
        <v>454</v>
      </c>
      <c r="FW25" s="60">
        <v>1</v>
      </c>
      <c r="FX25" s="61">
        <v>2</v>
      </c>
      <c r="FY25" s="62">
        <v>3</v>
      </c>
      <c r="FZ25" s="231"/>
      <c r="GA25" s="61">
        <v>3</v>
      </c>
      <c r="GB25" s="61">
        <v>8</v>
      </c>
      <c r="GC25" s="61">
        <v>6</v>
      </c>
      <c r="GD25" s="61">
        <v>2</v>
      </c>
      <c r="GE25" s="61">
        <v>0</v>
      </c>
      <c r="GF25" s="62">
        <v>19</v>
      </c>
      <c r="GG25" s="63">
        <v>22</v>
      </c>
      <c r="GH25" s="60">
        <v>120</v>
      </c>
      <c r="GI25" s="61">
        <v>244</v>
      </c>
      <c r="GJ25" s="62">
        <v>364</v>
      </c>
      <c r="GK25" s="231"/>
      <c r="GL25" s="61">
        <v>319</v>
      </c>
      <c r="GM25" s="61">
        <v>302</v>
      </c>
      <c r="GN25" s="61">
        <v>212</v>
      </c>
      <c r="GO25" s="61">
        <v>207</v>
      </c>
      <c r="GP25" s="61">
        <v>108</v>
      </c>
      <c r="GQ25" s="62">
        <v>1148</v>
      </c>
      <c r="GR25" s="63">
        <v>1512</v>
      </c>
      <c r="GS25" s="113">
        <v>200</v>
      </c>
      <c r="GT25" s="72">
        <v>323</v>
      </c>
      <c r="GU25" s="73">
        <v>523</v>
      </c>
      <c r="GV25" s="228"/>
      <c r="GW25" s="72">
        <v>498</v>
      </c>
      <c r="GX25" s="72">
        <v>445</v>
      </c>
      <c r="GY25" s="72">
        <v>302</v>
      </c>
      <c r="GZ25" s="72">
        <v>281</v>
      </c>
      <c r="HA25" s="72">
        <v>153</v>
      </c>
      <c r="HB25" s="74">
        <v>1679</v>
      </c>
      <c r="HC25" s="75">
        <v>2202</v>
      </c>
      <c r="HD25" s="60">
        <v>10</v>
      </c>
      <c r="HE25" s="61">
        <v>12</v>
      </c>
      <c r="HF25" s="62">
        <v>22</v>
      </c>
      <c r="HG25" s="231"/>
      <c r="HH25" s="61">
        <v>8</v>
      </c>
      <c r="HI25" s="61">
        <v>9</v>
      </c>
      <c r="HJ25" s="61">
        <v>6</v>
      </c>
      <c r="HK25" s="61">
        <v>3</v>
      </c>
      <c r="HL25" s="61">
        <v>5</v>
      </c>
      <c r="HM25" s="62">
        <v>31</v>
      </c>
      <c r="HN25" s="63">
        <v>53</v>
      </c>
      <c r="HO25" s="60">
        <v>10</v>
      </c>
      <c r="HP25" s="61">
        <v>13</v>
      </c>
      <c r="HQ25" s="62">
        <v>23</v>
      </c>
      <c r="HR25" s="231"/>
      <c r="HS25" s="61">
        <v>24</v>
      </c>
      <c r="HT25" s="61">
        <v>27</v>
      </c>
      <c r="HU25" s="61">
        <v>11</v>
      </c>
      <c r="HV25" s="61">
        <v>12</v>
      </c>
      <c r="HW25" s="61">
        <v>17</v>
      </c>
      <c r="HX25" s="62">
        <v>91</v>
      </c>
      <c r="HY25" s="63">
        <v>114</v>
      </c>
      <c r="HZ25" s="60">
        <v>34</v>
      </c>
      <c r="IA25" s="61">
        <v>51</v>
      </c>
      <c r="IB25" s="62">
        <v>85</v>
      </c>
      <c r="IC25" s="231"/>
      <c r="ID25" s="61">
        <v>63</v>
      </c>
      <c r="IE25" s="61">
        <v>56</v>
      </c>
      <c r="IF25" s="61">
        <v>38</v>
      </c>
      <c r="IG25" s="61">
        <v>30</v>
      </c>
      <c r="IH25" s="61">
        <v>21</v>
      </c>
      <c r="II25" s="62">
        <v>208</v>
      </c>
      <c r="IJ25" s="63">
        <v>293</v>
      </c>
      <c r="IK25" s="60">
        <v>55</v>
      </c>
      <c r="IL25" s="61">
        <v>108</v>
      </c>
      <c r="IM25" s="62">
        <v>163</v>
      </c>
      <c r="IN25" s="231"/>
      <c r="IO25" s="61">
        <v>105</v>
      </c>
      <c r="IP25" s="61">
        <v>99</v>
      </c>
      <c r="IQ25" s="61">
        <v>68</v>
      </c>
      <c r="IR25" s="61">
        <v>58</v>
      </c>
      <c r="IS25" s="61">
        <v>27</v>
      </c>
      <c r="IT25" s="62">
        <v>357</v>
      </c>
      <c r="IU25" s="63">
        <v>520</v>
      </c>
      <c r="IV25" s="60">
        <v>63</v>
      </c>
      <c r="IW25" s="61">
        <v>86</v>
      </c>
      <c r="IX25" s="62">
        <v>149</v>
      </c>
      <c r="IY25" s="231"/>
      <c r="IZ25" s="61">
        <v>164</v>
      </c>
      <c r="JA25" s="61">
        <v>127</v>
      </c>
      <c r="JB25" s="61">
        <v>71</v>
      </c>
      <c r="JC25" s="61">
        <v>65</v>
      </c>
      <c r="JD25" s="61">
        <v>40</v>
      </c>
      <c r="JE25" s="62">
        <v>467</v>
      </c>
      <c r="JF25" s="63">
        <v>616</v>
      </c>
      <c r="JG25" s="60">
        <v>28</v>
      </c>
      <c r="JH25" s="61">
        <v>53</v>
      </c>
      <c r="JI25" s="62">
        <v>81</v>
      </c>
      <c r="JJ25" s="231"/>
      <c r="JK25" s="61">
        <v>134</v>
      </c>
      <c r="JL25" s="61">
        <v>127</v>
      </c>
      <c r="JM25" s="61">
        <v>108</v>
      </c>
      <c r="JN25" s="61">
        <v>113</v>
      </c>
      <c r="JO25" s="61">
        <v>43</v>
      </c>
      <c r="JP25" s="62">
        <v>525</v>
      </c>
      <c r="JQ25" s="63">
        <v>606</v>
      </c>
      <c r="JR25" s="60">
        <v>3</v>
      </c>
      <c r="JS25" s="61">
        <v>5</v>
      </c>
      <c r="JT25" s="62">
        <v>8</v>
      </c>
      <c r="JU25" s="231"/>
      <c r="JV25" s="61">
        <v>11</v>
      </c>
      <c r="JW25" s="61">
        <v>11</v>
      </c>
      <c r="JX25" s="61">
        <v>7</v>
      </c>
      <c r="JY25" s="61">
        <v>4</v>
      </c>
      <c r="JZ25" s="61">
        <v>5</v>
      </c>
      <c r="KA25" s="62">
        <v>38</v>
      </c>
      <c r="KB25" s="63">
        <v>46</v>
      </c>
      <c r="KC25" s="60">
        <v>203</v>
      </c>
      <c r="KD25" s="61">
        <v>328</v>
      </c>
      <c r="KE25" s="62">
        <v>531</v>
      </c>
      <c r="KF25" s="231"/>
      <c r="KG25" s="61">
        <v>509</v>
      </c>
      <c r="KH25" s="61">
        <v>456</v>
      </c>
      <c r="KI25" s="61">
        <v>309</v>
      </c>
      <c r="KJ25" s="61">
        <v>285</v>
      </c>
      <c r="KK25" s="61">
        <v>158</v>
      </c>
      <c r="KL25" s="62">
        <v>1717</v>
      </c>
      <c r="KM25" s="63">
        <v>2248</v>
      </c>
    </row>
    <row r="26" spans="2:299" ht="21" customHeight="1" x14ac:dyDescent="0.2">
      <c r="B26" s="472" t="s">
        <v>23</v>
      </c>
      <c r="C26" s="293">
        <v>196</v>
      </c>
      <c r="D26" s="72">
        <v>203</v>
      </c>
      <c r="E26" s="73">
        <v>399</v>
      </c>
      <c r="F26" s="228"/>
      <c r="G26" s="72">
        <v>311</v>
      </c>
      <c r="H26" s="72">
        <v>263</v>
      </c>
      <c r="I26" s="72">
        <v>170</v>
      </c>
      <c r="J26" s="72">
        <v>168</v>
      </c>
      <c r="K26" s="72">
        <v>86</v>
      </c>
      <c r="L26" s="74">
        <v>998</v>
      </c>
      <c r="M26" s="75">
        <v>1397</v>
      </c>
      <c r="N26" s="60">
        <v>5</v>
      </c>
      <c r="O26" s="61">
        <v>8</v>
      </c>
      <c r="P26" s="62">
        <v>13</v>
      </c>
      <c r="Q26" s="231"/>
      <c r="R26" s="61">
        <v>8</v>
      </c>
      <c r="S26" s="61">
        <v>13</v>
      </c>
      <c r="T26" s="61">
        <v>4</v>
      </c>
      <c r="U26" s="61">
        <v>8</v>
      </c>
      <c r="V26" s="61">
        <v>4</v>
      </c>
      <c r="W26" s="62">
        <v>37</v>
      </c>
      <c r="X26" s="63">
        <v>50</v>
      </c>
      <c r="Y26" s="60">
        <v>23</v>
      </c>
      <c r="Z26" s="61">
        <v>22</v>
      </c>
      <c r="AA26" s="62">
        <v>45</v>
      </c>
      <c r="AB26" s="231"/>
      <c r="AC26" s="61">
        <v>26</v>
      </c>
      <c r="AD26" s="61">
        <v>31</v>
      </c>
      <c r="AE26" s="61">
        <v>20</v>
      </c>
      <c r="AF26" s="61">
        <v>17</v>
      </c>
      <c r="AG26" s="61">
        <v>10</v>
      </c>
      <c r="AH26" s="62">
        <v>104</v>
      </c>
      <c r="AI26" s="63">
        <v>149</v>
      </c>
      <c r="AJ26" s="60">
        <v>45</v>
      </c>
      <c r="AK26" s="61">
        <v>31</v>
      </c>
      <c r="AL26" s="62">
        <v>76</v>
      </c>
      <c r="AM26" s="231"/>
      <c r="AN26" s="61">
        <v>56</v>
      </c>
      <c r="AO26" s="61">
        <v>39</v>
      </c>
      <c r="AP26" s="61">
        <v>22</v>
      </c>
      <c r="AQ26" s="61">
        <v>29</v>
      </c>
      <c r="AR26" s="61">
        <v>21</v>
      </c>
      <c r="AS26" s="62">
        <v>167</v>
      </c>
      <c r="AT26" s="63">
        <v>243</v>
      </c>
      <c r="AU26" s="60">
        <v>46</v>
      </c>
      <c r="AV26" s="61">
        <v>70</v>
      </c>
      <c r="AW26" s="62">
        <v>116</v>
      </c>
      <c r="AX26" s="231"/>
      <c r="AY26" s="61">
        <v>99</v>
      </c>
      <c r="AZ26" s="61">
        <v>71</v>
      </c>
      <c r="BA26" s="61">
        <v>43</v>
      </c>
      <c r="BB26" s="61">
        <v>50</v>
      </c>
      <c r="BC26" s="61">
        <v>19</v>
      </c>
      <c r="BD26" s="62">
        <v>282</v>
      </c>
      <c r="BE26" s="63">
        <v>398</v>
      </c>
      <c r="BF26" s="60">
        <v>57</v>
      </c>
      <c r="BG26" s="61">
        <v>54</v>
      </c>
      <c r="BH26" s="62">
        <v>111</v>
      </c>
      <c r="BI26" s="231"/>
      <c r="BJ26" s="61">
        <v>90</v>
      </c>
      <c r="BK26" s="61">
        <v>66</v>
      </c>
      <c r="BL26" s="61">
        <v>55</v>
      </c>
      <c r="BM26" s="61">
        <v>36</v>
      </c>
      <c r="BN26" s="61">
        <v>23</v>
      </c>
      <c r="BO26" s="62">
        <v>270</v>
      </c>
      <c r="BP26" s="63">
        <v>381</v>
      </c>
      <c r="BQ26" s="60">
        <v>20</v>
      </c>
      <c r="BR26" s="61">
        <v>18</v>
      </c>
      <c r="BS26" s="62">
        <v>38</v>
      </c>
      <c r="BT26" s="231"/>
      <c r="BU26" s="61">
        <v>32</v>
      </c>
      <c r="BV26" s="61">
        <v>43</v>
      </c>
      <c r="BW26" s="61">
        <v>26</v>
      </c>
      <c r="BX26" s="61">
        <v>28</v>
      </c>
      <c r="BY26" s="61">
        <v>9</v>
      </c>
      <c r="BZ26" s="62">
        <v>138</v>
      </c>
      <c r="CA26" s="63">
        <v>176</v>
      </c>
      <c r="CB26" s="60">
        <v>6</v>
      </c>
      <c r="CC26" s="61">
        <v>11</v>
      </c>
      <c r="CD26" s="62">
        <v>17</v>
      </c>
      <c r="CE26" s="231"/>
      <c r="CF26" s="61">
        <v>4</v>
      </c>
      <c r="CG26" s="61">
        <v>13</v>
      </c>
      <c r="CH26" s="61">
        <v>7</v>
      </c>
      <c r="CI26" s="61">
        <v>7</v>
      </c>
      <c r="CJ26" s="61">
        <v>3</v>
      </c>
      <c r="CK26" s="62">
        <v>34</v>
      </c>
      <c r="CL26" s="63">
        <v>51</v>
      </c>
      <c r="CM26" s="60">
        <v>202</v>
      </c>
      <c r="CN26" s="61">
        <v>214</v>
      </c>
      <c r="CO26" s="62">
        <v>416</v>
      </c>
      <c r="CP26" s="231"/>
      <c r="CQ26" s="61">
        <v>315</v>
      </c>
      <c r="CR26" s="61">
        <v>276</v>
      </c>
      <c r="CS26" s="61">
        <v>177</v>
      </c>
      <c r="CT26" s="61">
        <v>175</v>
      </c>
      <c r="CU26" s="61">
        <v>89</v>
      </c>
      <c r="CV26" s="62">
        <v>1032</v>
      </c>
      <c r="CW26" s="63">
        <v>1448</v>
      </c>
      <c r="CX26" s="113">
        <v>331</v>
      </c>
      <c r="CY26" s="72">
        <v>439</v>
      </c>
      <c r="CZ26" s="73">
        <v>770</v>
      </c>
      <c r="DA26" s="228"/>
      <c r="DB26" s="72">
        <v>518</v>
      </c>
      <c r="DC26" s="72">
        <v>452</v>
      </c>
      <c r="DD26" s="72">
        <v>310</v>
      </c>
      <c r="DE26" s="72">
        <v>352</v>
      </c>
      <c r="DF26" s="72">
        <v>225</v>
      </c>
      <c r="DG26" s="74">
        <v>1857</v>
      </c>
      <c r="DH26" s="75">
        <v>2627</v>
      </c>
      <c r="DI26" s="60">
        <v>10</v>
      </c>
      <c r="DJ26" s="61">
        <v>12</v>
      </c>
      <c r="DK26" s="62">
        <v>22</v>
      </c>
      <c r="DL26" s="231"/>
      <c r="DM26" s="61">
        <v>12</v>
      </c>
      <c r="DN26" s="61">
        <v>9</v>
      </c>
      <c r="DO26" s="61">
        <v>7</v>
      </c>
      <c r="DP26" s="61">
        <v>9</v>
      </c>
      <c r="DQ26" s="61">
        <v>5</v>
      </c>
      <c r="DR26" s="62">
        <v>42</v>
      </c>
      <c r="DS26" s="63">
        <v>64</v>
      </c>
      <c r="DT26" s="60">
        <v>23</v>
      </c>
      <c r="DU26" s="61">
        <v>40</v>
      </c>
      <c r="DV26" s="62">
        <v>63</v>
      </c>
      <c r="DW26" s="231"/>
      <c r="DX26" s="61">
        <v>27</v>
      </c>
      <c r="DY26" s="61">
        <v>26</v>
      </c>
      <c r="DZ26" s="61">
        <v>14</v>
      </c>
      <c r="EA26" s="61">
        <v>22</v>
      </c>
      <c r="EB26" s="61">
        <v>11</v>
      </c>
      <c r="EC26" s="62">
        <v>100</v>
      </c>
      <c r="ED26" s="63">
        <v>163</v>
      </c>
      <c r="EE26" s="60">
        <v>66</v>
      </c>
      <c r="EF26" s="61">
        <v>81</v>
      </c>
      <c r="EG26" s="62">
        <v>147</v>
      </c>
      <c r="EH26" s="231"/>
      <c r="EI26" s="61">
        <v>66</v>
      </c>
      <c r="EJ26" s="61">
        <v>55</v>
      </c>
      <c r="EK26" s="61">
        <v>43</v>
      </c>
      <c r="EL26" s="61">
        <v>48</v>
      </c>
      <c r="EM26" s="61">
        <v>28</v>
      </c>
      <c r="EN26" s="62">
        <v>240</v>
      </c>
      <c r="EO26" s="63">
        <v>387</v>
      </c>
      <c r="EP26" s="60">
        <v>130</v>
      </c>
      <c r="EQ26" s="61">
        <v>124</v>
      </c>
      <c r="ER26" s="62">
        <v>254</v>
      </c>
      <c r="ES26" s="231"/>
      <c r="ET26" s="61">
        <v>140</v>
      </c>
      <c r="EU26" s="61">
        <v>122</v>
      </c>
      <c r="EV26" s="61">
        <v>66</v>
      </c>
      <c r="EW26" s="61">
        <v>67</v>
      </c>
      <c r="EX26" s="61">
        <v>51</v>
      </c>
      <c r="EY26" s="62">
        <v>446</v>
      </c>
      <c r="EZ26" s="63">
        <v>700</v>
      </c>
      <c r="FA26" s="60">
        <v>71</v>
      </c>
      <c r="FB26" s="61">
        <v>121</v>
      </c>
      <c r="FC26" s="62">
        <v>192</v>
      </c>
      <c r="FD26" s="231"/>
      <c r="FE26" s="61">
        <v>173</v>
      </c>
      <c r="FF26" s="61">
        <v>124</v>
      </c>
      <c r="FG26" s="61">
        <v>95</v>
      </c>
      <c r="FH26" s="61">
        <v>97</v>
      </c>
      <c r="FI26" s="61">
        <v>58</v>
      </c>
      <c r="FJ26" s="62">
        <v>547</v>
      </c>
      <c r="FK26" s="63">
        <v>739</v>
      </c>
      <c r="FL26" s="60">
        <v>31</v>
      </c>
      <c r="FM26" s="61">
        <v>61</v>
      </c>
      <c r="FN26" s="62">
        <v>92</v>
      </c>
      <c r="FO26" s="231"/>
      <c r="FP26" s="61">
        <v>100</v>
      </c>
      <c r="FQ26" s="61">
        <v>116</v>
      </c>
      <c r="FR26" s="61">
        <v>85</v>
      </c>
      <c r="FS26" s="61">
        <v>109</v>
      </c>
      <c r="FT26" s="61">
        <v>72</v>
      </c>
      <c r="FU26" s="62">
        <v>482</v>
      </c>
      <c r="FV26" s="63">
        <v>574</v>
      </c>
      <c r="FW26" s="60">
        <v>5</v>
      </c>
      <c r="FX26" s="61">
        <v>7</v>
      </c>
      <c r="FY26" s="62">
        <v>12</v>
      </c>
      <c r="FZ26" s="231"/>
      <c r="GA26" s="61">
        <v>6</v>
      </c>
      <c r="GB26" s="61">
        <v>10</v>
      </c>
      <c r="GC26" s="61">
        <v>5</v>
      </c>
      <c r="GD26" s="61">
        <v>2</v>
      </c>
      <c r="GE26" s="61">
        <v>4</v>
      </c>
      <c r="GF26" s="62">
        <v>27</v>
      </c>
      <c r="GG26" s="63">
        <v>39</v>
      </c>
      <c r="GH26" s="60">
        <v>336</v>
      </c>
      <c r="GI26" s="61">
        <v>446</v>
      </c>
      <c r="GJ26" s="62">
        <v>782</v>
      </c>
      <c r="GK26" s="231"/>
      <c r="GL26" s="61">
        <v>524</v>
      </c>
      <c r="GM26" s="61">
        <v>462</v>
      </c>
      <c r="GN26" s="61">
        <v>315</v>
      </c>
      <c r="GO26" s="61">
        <v>354</v>
      </c>
      <c r="GP26" s="61">
        <v>229</v>
      </c>
      <c r="GQ26" s="62">
        <v>1884</v>
      </c>
      <c r="GR26" s="63">
        <v>2666</v>
      </c>
      <c r="GS26" s="113">
        <v>527</v>
      </c>
      <c r="GT26" s="72">
        <v>642</v>
      </c>
      <c r="GU26" s="73">
        <v>1169</v>
      </c>
      <c r="GV26" s="228"/>
      <c r="GW26" s="72">
        <v>829</v>
      </c>
      <c r="GX26" s="72">
        <v>715</v>
      </c>
      <c r="GY26" s="72">
        <v>480</v>
      </c>
      <c r="GZ26" s="72">
        <v>520</v>
      </c>
      <c r="HA26" s="72">
        <v>311</v>
      </c>
      <c r="HB26" s="74">
        <v>2855</v>
      </c>
      <c r="HC26" s="75">
        <v>4024</v>
      </c>
      <c r="HD26" s="60">
        <v>15</v>
      </c>
      <c r="HE26" s="61">
        <v>20</v>
      </c>
      <c r="HF26" s="62">
        <v>35</v>
      </c>
      <c r="HG26" s="231"/>
      <c r="HH26" s="61">
        <v>20</v>
      </c>
      <c r="HI26" s="61">
        <v>22</v>
      </c>
      <c r="HJ26" s="61">
        <v>11</v>
      </c>
      <c r="HK26" s="61">
        <v>17</v>
      </c>
      <c r="HL26" s="61">
        <v>9</v>
      </c>
      <c r="HM26" s="62">
        <v>79</v>
      </c>
      <c r="HN26" s="63">
        <v>114</v>
      </c>
      <c r="HO26" s="60">
        <v>46</v>
      </c>
      <c r="HP26" s="61">
        <v>62</v>
      </c>
      <c r="HQ26" s="62">
        <v>108</v>
      </c>
      <c r="HR26" s="231"/>
      <c r="HS26" s="61">
        <v>53</v>
      </c>
      <c r="HT26" s="61">
        <v>57</v>
      </c>
      <c r="HU26" s="61">
        <v>34</v>
      </c>
      <c r="HV26" s="61">
        <v>39</v>
      </c>
      <c r="HW26" s="61">
        <v>21</v>
      </c>
      <c r="HX26" s="62">
        <v>204</v>
      </c>
      <c r="HY26" s="63">
        <v>312</v>
      </c>
      <c r="HZ26" s="60">
        <v>111</v>
      </c>
      <c r="IA26" s="61">
        <v>112</v>
      </c>
      <c r="IB26" s="62">
        <v>223</v>
      </c>
      <c r="IC26" s="231"/>
      <c r="ID26" s="61">
        <v>122</v>
      </c>
      <c r="IE26" s="61">
        <v>94</v>
      </c>
      <c r="IF26" s="61">
        <v>65</v>
      </c>
      <c r="IG26" s="61">
        <v>77</v>
      </c>
      <c r="IH26" s="61">
        <v>49</v>
      </c>
      <c r="II26" s="62">
        <v>407</v>
      </c>
      <c r="IJ26" s="63">
        <v>630</v>
      </c>
      <c r="IK26" s="60">
        <v>176</v>
      </c>
      <c r="IL26" s="61">
        <v>194</v>
      </c>
      <c r="IM26" s="62">
        <v>370</v>
      </c>
      <c r="IN26" s="231"/>
      <c r="IO26" s="61">
        <v>239</v>
      </c>
      <c r="IP26" s="61">
        <v>193</v>
      </c>
      <c r="IQ26" s="61">
        <v>109</v>
      </c>
      <c r="IR26" s="61">
        <v>117</v>
      </c>
      <c r="IS26" s="61">
        <v>70</v>
      </c>
      <c r="IT26" s="62">
        <v>728</v>
      </c>
      <c r="IU26" s="63">
        <v>1098</v>
      </c>
      <c r="IV26" s="60">
        <v>128</v>
      </c>
      <c r="IW26" s="61">
        <v>175</v>
      </c>
      <c r="IX26" s="62">
        <v>303</v>
      </c>
      <c r="IY26" s="231"/>
      <c r="IZ26" s="61">
        <v>263</v>
      </c>
      <c r="JA26" s="61">
        <v>190</v>
      </c>
      <c r="JB26" s="61">
        <v>150</v>
      </c>
      <c r="JC26" s="61">
        <v>133</v>
      </c>
      <c r="JD26" s="61">
        <v>81</v>
      </c>
      <c r="JE26" s="62">
        <v>817</v>
      </c>
      <c r="JF26" s="63">
        <v>1120</v>
      </c>
      <c r="JG26" s="60">
        <v>51</v>
      </c>
      <c r="JH26" s="61">
        <v>79</v>
      </c>
      <c r="JI26" s="62">
        <v>130</v>
      </c>
      <c r="JJ26" s="231"/>
      <c r="JK26" s="61">
        <v>132</v>
      </c>
      <c r="JL26" s="61">
        <v>159</v>
      </c>
      <c r="JM26" s="61">
        <v>111</v>
      </c>
      <c r="JN26" s="61">
        <v>137</v>
      </c>
      <c r="JO26" s="61">
        <v>81</v>
      </c>
      <c r="JP26" s="62">
        <v>620</v>
      </c>
      <c r="JQ26" s="63">
        <v>750</v>
      </c>
      <c r="JR26" s="60">
        <v>11</v>
      </c>
      <c r="JS26" s="61">
        <v>18</v>
      </c>
      <c r="JT26" s="62">
        <v>29</v>
      </c>
      <c r="JU26" s="231"/>
      <c r="JV26" s="61">
        <v>10</v>
      </c>
      <c r="JW26" s="61">
        <v>23</v>
      </c>
      <c r="JX26" s="61">
        <v>12</v>
      </c>
      <c r="JY26" s="61">
        <v>9</v>
      </c>
      <c r="JZ26" s="61">
        <v>7</v>
      </c>
      <c r="KA26" s="62">
        <v>61</v>
      </c>
      <c r="KB26" s="63">
        <v>90</v>
      </c>
      <c r="KC26" s="60">
        <v>538</v>
      </c>
      <c r="KD26" s="61">
        <v>660</v>
      </c>
      <c r="KE26" s="62">
        <v>1198</v>
      </c>
      <c r="KF26" s="231"/>
      <c r="KG26" s="61">
        <v>839</v>
      </c>
      <c r="KH26" s="61">
        <v>738</v>
      </c>
      <c r="KI26" s="61">
        <v>492</v>
      </c>
      <c r="KJ26" s="61">
        <v>529</v>
      </c>
      <c r="KK26" s="61">
        <v>318</v>
      </c>
      <c r="KL26" s="62">
        <v>2916</v>
      </c>
      <c r="KM26" s="63">
        <v>4114</v>
      </c>
    </row>
    <row r="27" spans="2:299" ht="21" customHeight="1" x14ac:dyDescent="0.2">
      <c r="B27" s="472" t="s">
        <v>24</v>
      </c>
      <c r="C27" s="293">
        <v>113</v>
      </c>
      <c r="D27" s="72">
        <v>88</v>
      </c>
      <c r="E27" s="73">
        <v>201</v>
      </c>
      <c r="F27" s="228"/>
      <c r="G27" s="72">
        <v>162</v>
      </c>
      <c r="H27" s="72">
        <v>105</v>
      </c>
      <c r="I27" s="72">
        <v>67</v>
      </c>
      <c r="J27" s="72">
        <v>63</v>
      </c>
      <c r="K27" s="72">
        <v>49</v>
      </c>
      <c r="L27" s="74">
        <v>446</v>
      </c>
      <c r="M27" s="75">
        <v>647</v>
      </c>
      <c r="N27" s="60">
        <v>3</v>
      </c>
      <c r="O27" s="61">
        <v>2</v>
      </c>
      <c r="P27" s="62">
        <v>5</v>
      </c>
      <c r="Q27" s="231"/>
      <c r="R27" s="61">
        <v>6</v>
      </c>
      <c r="S27" s="61">
        <v>4</v>
      </c>
      <c r="T27" s="61">
        <v>2</v>
      </c>
      <c r="U27" s="61">
        <v>0</v>
      </c>
      <c r="V27" s="61">
        <v>6</v>
      </c>
      <c r="W27" s="62">
        <v>18</v>
      </c>
      <c r="X27" s="63">
        <v>23</v>
      </c>
      <c r="Y27" s="60">
        <v>7</v>
      </c>
      <c r="Z27" s="61">
        <v>6</v>
      </c>
      <c r="AA27" s="62">
        <v>13</v>
      </c>
      <c r="AB27" s="231"/>
      <c r="AC27" s="61">
        <v>13</v>
      </c>
      <c r="AD27" s="61">
        <v>5</v>
      </c>
      <c r="AE27" s="61">
        <v>3</v>
      </c>
      <c r="AF27" s="61">
        <v>3</v>
      </c>
      <c r="AG27" s="61">
        <v>9</v>
      </c>
      <c r="AH27" s="62">
        <v>33</v>
      </c>
      <c r="AI27" s="63">
        <v>46</v>
      </c>
      <c r="AJ27" s="60">
        <v>16</v>
      </c>
      <c r="AK27" s="61">
        <v>13</v>
      </c>
      <c r="AL27" s="62">
        <v>29</v>
      </c>
      <c r="AM27" s="231"/>
      <c r="AN27" s="61">
        <v>22</v>
      </c>
      <c r="AO27" s="61">
        <v>19</v>
      </c>
      <c r="AP27" s="61">
        <v>13</v>
      </c>
      <c r="AQ27" s="61">
        <v>11</v>
      </c>
      <c r="AR27" s="61">
        <v>3</v>
      </c>
      <c r="AS27" s="62">
        <v>68</v>
      </c>
      <c r="AT27" s="63">
        <v>97</v>
      </c>
      <c r="AU27" s="60">
        <v>21</v>
      </c>
      <c r="AV27" s="61">
        <v>19</v>
      </c>
      <c r="AW27" s="62">
        <v>40</v>
      </c>
      <c r="AX27" s="231"/>
      <c r="AY27" s="61">
        <v>47</v>
      </c>
      <c r="AZ27" s="61">
        <v>23</v>
      </c>
      <c r="BA27" s="61">
        <v>16</v>
      </c>
      <c r="BB27" s="61">
        <v>15</v>
      </c>
      <c r="BC27" s="61">
        <v>13</v>
      </c>
      <c r="BD27" s="62">
        <v>114</v>
      </c>
      <c r="BE27" s="63">
        <v>154</v>
      </c>
      <c r="BF27" s="60">
        <v>35</v>
      </c>
      <c r="BG27" s="61">
        <v>27</v>
      </c>
      <c r="BH27" s="62">
        <v>62</v>
      </c>
      <c r="BI27" s="231"/>
      <c r="BJ27" s="61">
        <v>41</v>
      </c>
      <c r="BK27" s="61">
        <v>32</v>
      </c>
      <c r="BL27" s="61">
        <v>15</v>
      </c>
      <c r="BM27" s="61">
        <v>17</v>
      </c>
      <c r="BN27" s="61">
        <v>9</v>
      </c>
      <c r="BO27" s="62">
        <v>114</v>
      </c>
      <c r="BP27" s="63">
        <v>176</v>
      </c>
      <c r="BQ27" s="60">
        <v>31</v>
      </c>
      <c r="BR27" s="61">
        <v>21</v>
      </c>
      <c r="BS27" s="62">
        <v>52</v>
      </c>
      <c r="BT27" s="231"/>
      <c r="BU27" s="61">
        <v>33</v>
      </c>
      <c r="BV27" s="61">
        <v>22</v>
      </c>
      <c r="BW27" s="61">
        <v>18</v>
      </c>
      <c r="BX27" s="61">
        <v>17</v>
      </c>
      <c r="BY27" s="61">
        <v>9</v>
      </c>
      <c r="BZ27" s="62">
        <v>99</v>
      </c>
      <c r="CA27" s="63">
        <v>151</v>
      </c>
      <c r="CB27" s="60">
        <v>4</v>
      </c>
      <c r="CC27" s="61">
        <v>2</v>
      </c>
      <c r="CD27" s="62">
        <v>6</v>
      </c>
      <c r="CE27" s="231"/>
      <c r="CF27" s="61">
        <v>4</v>
      </c>
      <c r="CG27" s="61">
        <v>5</v>
      </c>
      <c r="CH27" s="61">
        <v>3</v>
      </c>
      <c r="CI27" s="61">
        <v>2</v>
      </c>
      <c r="CJ27" s="61">
        <v>1</v>
      </c>
      <c r="CK27" s="62">
        <v>15</v>
      </c>
      <c r="CL27" s="63">
        <v>21</v>
      </c>
      <c r="CM27" s="60">
        <v>117</v>
      </c>
      <c r="CN27" s="61">
        <v>90</v>
      </c>
      <c r="CO27" s="62">
        <v>207</v>
      </c>
      <c r="CP27" s="231"/>
      <c r="CQ27" s="61">
        <v>166</v>
      </c>
      <c r="CR27" s="61">
        <v>110</v>
      </c>
      <c r="CS27" s="61">
        <v>70</v>
      </c>
      <c r="CT27" s="61">
        <v>65</v>
      </c>
      <c r="CU27" s="61">
        <v>50</v>
      </c>
      <c r="CV27" s="62">
        <v>461</v>
      </c>
      <c r="CW27" s="63">
        <v>668</v>
      </c>
      <c r="CX27" s="113">
        <v>233</v>
      </c>
      <c r="CY27" s="72">
        <v>180</v>
      </c>
      <c r="CZ27" s="73">
        <v>413</v>
      </c>
      <c r="DA27" s="228"/>
      <c r="DB27" s="72">
        <v>264</v>
      </c>
      <c r="DC27" s="72">
        <v>185</v>
      </c>
      <c r="DD27" s="72">
        <v>149</v>
      </c>
      <c r="DE27" s="72">
        <v>187</v>
      </c>
      <c r="DF27" s="72">
        <v>110</v>
      </c>
      <c r="DG27" s="74">
        <v>895</v>
      </c>
      <c r="DH27" s="75">
        <v>1308</v>
      </c>
      <c r="DI27" s="60">
        <v>3</v>
      </c>
      <c r="DJ27" s="61">
        <v>5</v>
      </c>
      <c r="DK27" s="62">
        <v>8</v>
      </c>
      <c r="DL27" s="231"/>
      <c r="DM27" s="61">
        <v>3</v>
      </c>
      <c r="DN27" s="61">
        <v>1</v>
      </c>
      <c r="DO27" s="61">
        <v>3</v>
      </c>
      <c r="DP27" s="61">
        <v>2</v>
      </c>
      <c r="DQ27" s="61">
        <v>2</v>
      </c>
      <c r="DR27" s="62">
        <v>11</v>
      </c>
      <c r="DS27" s="63">
        <v>19</v>
      </c>
      <c r="DT27" s="60">
        <v>11</v>
      </c>
      <c r="DU27" s="61">
        <v>6</v>
      </c>
      <c r="DV27" s="62">
        <v>17</v>
      </c>
      <c r="DW27" s="231"/>
      <c r="DX27" s="61">
        <v>7</v>
      </c>
      <c r="DY27" s="61">
        <v>6</v>
      </c>
      <c r="DZ27" s="61">
        <v>3</v>
      </c>
      <c r="EA27" s="61">
        <v>7</v>
      </c>
      <c r="EB27" s="61">
        <v>2</v>
      </c>
      <c r="EC27" s="62">
        <v>25</v>
      </c>
      <c r="ED27" s="63">
        <v>42</v>
      </c>
      <c r="EE27" s="60">
        <v>31</v>
      </c>
      <c r="EF27" s="61">
        <v>20</v>
      </c>
      <c r="EG27" s="62">
        <v>51</v>
      </c>
      <c r="EH27" s="231"/>
      <c r="EI27" s="61">
        <v>23</v>
      </c>
      <c r="EJ27" s="61">
        <v>15</v>
      </c>
      <c r="EK27" s="61">
        <v>12</v>
      </c>
      <c r="EL27" s="61">
        <v>15</v>
      </c>
      <c r="EM27" s="61">
        <v>7</v>
      </c>
      <c r="EN27" s="62">
        <v>72</v>
      </c>
      <c r="EO27" s="63">
        <v>123</v>
      </c>
      <c r="EP27" s="60">
        <v>60</v>
      </c>
      <c r="EQ27" s="61">
        <v>42</v>
      </c>
      <c r="ER27" s="62">
        <v>102</v>
      </c>
      <c r="ES27" s="231"/>
      <c r="ET27" s="61">
        <v>64</v>
      </c>
      <c r="EU27" s="61">
        <v>32</v>
      </c>
      <c r="EV27" s="61">
        <v>21</v>
      </c>
      <c r="EW27" s="61">
        <v>29</v>
      </c>
      <c r="EX27" s="61">
        <v>19</v>
      </c>
      <c r="EY27" s="62">
        <v>165</v>
      </c>
      <c r="EZ27" s="63">
        <v>267</v>
      </c>
      <c r="FA27" s="60">
        <v>86</v>
      </c>
      <c r="FB27" s="61">
        <v>63</v>
      </c>
      <c r="FC27" s="62">
        <v>149</v>
      </c>
      <c r="FD27" s="231"/>
      <c r="FE27" s="61">
        <v>93</v>
      </c>
      <c r="FF27" s="61">
        <v>52</v>
      </c>
      <c r="FG27" s="61">
        <v>37</v>
      </c>
      <c r="FH27" s="61">
        <v>43</v>
      </c>
      <c r="FI27" s="61">
        <v>23</v>
      </c>
      <c r="FJ27" s="62">
        <v>248</v>
      </c>
      <c r="FK27" s="63">
        <v>397</v>
      </c>
      <c r="FL27" s="60">
        <v>42</v>
      </c>
      <c r="FM27" s="61">
        <v>44</v>
      </c>
      <c r="FN27" s="62">
        <v>86</v>
      </c>
      <c r="FO27" s="231"/>
      <c r="FP27" s="61">
        <v>74</v>
      </c>
      <c r="FQ27" s="61">
        <v>79</v>
      </c>
      <c r="FR27" s="61">
        <v>73</v>
      </c>
      <c r="FS27" s="61">
        <v>91</v>
      </c>
      <c r="FT27" s="61">
        <v>57</v>
      </c>
      <c r="FU27" s="62">
        <v>374</v>
      </c>
      <c r="FV27" s="63">
        <v>460</v>
      </c>
      <c r="FW27" s="60">
        <v>3</v>
      </c>
      <c r="FX27" s="61">
        <v>2</v>
      </c>
      <c r="FY27" s="62">
        <v>5</v>
      </c>
      <c r="FZ27" s="231"/>
      <c r="GA27" s="61">
        <v>1</v>
      </c>
      <c r="GB27" s="61">
        <v>2</v>
      </c>
      <c r="GC27" s="61">
        <v>2</v>
      </c>
      <c r="GD27" s="61">
        <v>2</v>
      </c>
      <c r="GE27" s="61">
        <v>5</v>
      </c>
      <c r="GF27" s="62">
        <v>12</v>
      </c>
      <c r="GG27" s="63">
        <v>17</v>
      </c>
      <c r="GH27" s="60">
        <v>236</v>
      </c>
      <c r="GI27" s="61">
        <v>182</v>
      </c>
      <c r="GJ27" s="62">
        <v>418</v>
      </c>
      <c r="GK27" s="231"/>
      <c r="GL27" s="61">
        <v>265</v>
      </c>
      <c r="GM27" s="61">
        <v>187</v>
      </c>
      <c r="GN27" s="61">
        <v>151</v>
      </c>
      <c r="GO27" s="61">
        <v>189</v>
      </c>
      <c r="GP27" s="61">
        <v>115</v>
      </c>
      <c r="GQ27" s="62">
        <v>907</v>
      </c>
      <c r="GR27" s="63">
        <v>1325</v>
      </c>
      <c r="GS27" s="113">
        <v>346</v>
      </c>
      <c r="GT27" s="72">
        <v>268</v>
      </c>
      <c r="GU27" s="73">
        <v>614</v>
      </c>
      <c r="GV27" s="228"/>
      <c r="GW27" s="72">
        <v>426</v>
      </c>
      <c r="GX27" s="72">
        <v>290</v>
      </c>
      <c r="GY27" s="72">
        <v>216</v>
      </c>
      <c r="GZ27" s="72">
        <v>250</v>
      </c>
      <c r="HA27" s="72">
        <v>159</v>
      </c>
      <c r="HB27" s="74">
        <v>1341</v>
      </c>
      <c r="HC27" s="75">
        <v>1955</v>
      </c>
      <c r="HD27" s="60">
        <v>6</v>
      </c>
      <c r="HE27" s="61">
        <v>7</v>
      </c>
      <c r="HF27" s="62">
        <v>13</v>
      </c>
      <c r="HG27" s="231"/>
      <c r="HH27" s="61">
        <v>9</v>
      </c>
      <c r="HI27" s="61">
        <v>5</v>
      </c>
      <c r="HJ27" s="61">
        <v>5</v>
      </c>
      <c r="HK27" s="61">
        <v>2</v>
      </c>
      <c r="HL27" s="61">
        <v>8</v>
      </c>
      <c r="HM27" s="62">
        <v>29</v>
      </c>
      <c r="HN27" s="63">
        <v>42</v>
      </c>
      <c r="HO27" s="60">
        <v>18</v>
      </c>
      <c r="HP27" s="61">
        <v>12</v>
      </c>
      <c r="HQ27" s="62">
        <v>30</v>
      </c>
      <c r="HR27" s="231"/>
      <c r="HS27" s="61">
        <v>20</v>
      </c>
      <c r="HT27" s="61">
        <v>11</v>
      </c>
      <c r="HU27" s="61">
        <v>6</v>
      </c>
      <c r="HV27" s="61">
        <v>10</v>
      </c>
      <c r="HW27" s="61">
        <v>11</v>
      </c>
      <c r="HX27" s="62">
        <v>58</v>
      </c>
      <c r="HY27" s="63">
        <v>88</v>
      </c>
      <c r="HZ27" s="60">
        <v>47</v>
      </c>
      <c r="IA27" s="61">
        <v>33</v>
      </c>
      <c r="IB27" s="62">
        <v>80</v>
      </c>
      <c r="IC27" s="231"/>
      <c r="ID27" s="61">
        <v>45</v>
      </c>
      <c r="IE27" s="61">
        <v>34</v>
      </c>
      <c r="IF27" s="61">
        <v>25</v>
      </c>
      <c r="IG27" s="61">
        <v>26</v>
      </c>
      <c r="IH27" s="61">
        <v>10</v>
      </c>
      <c r="II27" s="62">
        <v>140</v>
      </c>
      <c r="IJ27" s="63">
        <v>220</v>
      </c>
      <c r="IK27" s="60">
        <v>81</v>
      </c>
      <c r="IL27" s="61">
        <v>61</v>
      </c>
      <c r="IM27" s="62">
        <v>142</v>
      </c>
      <c r="IN27" s="231"/>
      <c r="IO27" s="61">
        <v>111</v>
      </c>
      <c r="IP27" s="61">
        <v>55</v>
      </c>
      <c r="IQ27" s="61">
        <v>37</v>
      </c>
      <c r="IR27" s="61">
        <v>44</v>
      </c>
      <c r="IS27" s="61">
        <v>32</v>
      </c>
      <c r="IT27" s="62">
        <v>279</v>
      </c>
      <c r="IU27" s="63">
        <v>421</v>
      </c>
      <c r="IV27" s="60">
        <v>121</v>
      </c>
      <c r="IW27" s="61">
        <v>90</v>
      </c>
      <c r="IX27" s="62">
        <v>211</v>
      </c>
      <c r="IY27" s="231"/>
      <c r="IZ27" s="61">
        <v>134</v>
      </c>
      <c r="JA27" s="61">
        <v>84</v>
      </c>
      <c r="JB27" s="61">
        <v>52</v>
      </c>
      <c r="JC27" s="61">
        <v>60</v>
      </c>
      <c r="JD27" s="61">
        <v>32</v>
      </c>
      <c r="JE27" s="62">
        <v>362</v>
      </c>
      <c r="JF27" s="63">
        <v>573</v>
      </c>
      <c r="JG27" s="60">
        <v>73</v>
      </c>
      <c r="JH27" s="61">
        <v>65</v>
      </c>
      <c r="JI27" s="62">
        <v>138</v>
      </c>
      <c r="JJ27" s="231"/>
      <c r="JK27" s="61">
        <v>107</v>
      </c>
      <c r="JL27" s="61">
        <v>101</v>
      </c>
      <c r="JM27" s="61">
        <v>91</v>
      </c>
      <c r="JN27" s="61">
        <v>108</v>
      </c>
      <c r="JO27" s="61">
        <v>66</v>
      </c>
      <c r="JP27" s="62">
        <v>473</v>
      </c>
      <c r="JQ27" s="63">
        <v>611</v>
      </c>
      <c r="JR27" s="60">
        <v>7</v>
      </c>
      <c r="JS27" s="61">
        <v>4</v>
      </c>
      <c r="JT27" s="62">
        <v>11</v>
      </c>
      <c r="JU27" s="231"/>
      <c r="JV27" s="61">
        <v>5</v>
      </c>
      <c r="JW27" s="61">
        <v>7</v>
      </c>
      <c r="JX27" s="61">
        <v>5</v>
      </c>
      <c r="JY27" s="61">
        <v>4</v>
      </c>
      <c r="JZ27" s="61">
        <v>6</v>
      </c>
      <c r="KA27" s="62">
        <v>27</v>
      </c>
      <c r="KB27" s="63">
        <v>38</v>
      </c>
      <c r="KC27" s="60">
        <v>353</v>
      </c>
      <c r="KD27" s="61">
        <v>272</v>
      </c>
      <c r="KE27" s="62">
        <v>625</v>
      </c>
      <c r="KF27" s="231"/>
      <c r="KG27" s="61">
        <v>431</v>
      </c>
      <c r="KH27" s="61">
        <v>297</v>
      </c>
      <c r="KI27" s="61">
        <v>221</v>
      </c>
      <c r="KJ27" s="61">
        <v>254</v>
      </c>
      <c r="KK27" s="61">
        <v>165</v>
      </c>
      <c r="KL27" s="62">
        <v>1368</v>
      </c>
      <c r="KM27" s="63">
        <v>1993</v>
      </c>
    </row>
    <row r="28" spans="2:299" ht="21" customHeight="1" x14ac:dyDescent="0.2">
      <c r="B28" s="472" t="s">
        <v>25</v>
      </c>
      <c r="C28" s="293">
        <v>124</v>
      </c>
      <c r="D28" s="72">
        <v>108</v>
      </c>
      <c r="E28" s="73">
        <v>232</v>
      </c>
      <c r="F28" s="228"/>
      <c r="G28" s="72">
        <v>209</v>
      </c>
      <c r="H28" s="72">
        <v>139</v>
      </c>
      <c r="I28" s="72">
        <v>98</v>
      </c>
      <c r="J28" s="72">
        <v>118</v>
      </c>
      <c r="K28" s="72">
        <v>63</v>
      </c>
      <c r="L28" s="74">
        <v>627</v>
      </c>
      <c r="M28" s="75">
        <v>859</v>
      </c>
      <c r="N28" s="60">
        <v>4</v>
      </c>
      <c r="O28" s="61">
        <v>4</v>
      </c>
      <c r="P28" s="62">
        <v>8</v>
      </c>
      <c r="Q28" s="231"/>
      <c r="R28" s="61">
        <v>8</v>
      </c>
      <c r="S28" s="61">
        <v>7</v>
      </c>
      <c r="T28" s="61">
        <v>2</v>
      </c>
      <c r="U28" s="61">
        <v>7</v>
      </c>
      <c r="V28" s="61">
        <v>1</v>
      </c>
      <c r="W28" s="62">
        <v>25</v>
      </c>
      <c r="X28" s="63">
        <v>33</v>
      </c>
      <c r="Y28" s="60">
        <v>17</v>
      </c>
      <c r="Z28" s="61">
        <v>11</v>
      </c>
      <c r="AA28" s="62">
        <v>28</v>
      </c>
      <c r="AB28" s="231"/>
      <c r="AC28" s="61">
        <v>19</v>
      </c>
      <c r="AD28" s="61">
        <v>17</v>
      </c>
      <c r="AE28" s="61">
        <v>9</v>
      </c>
      <c r="AF28" s="61">
        <v>17</v>
      </c>
      <c r="AG28" s="61">
        <v>5</v>
      </c>
      <c r="AH28" s="62">
        <v>67</v>
      </c>
      <c r="AI28" s="63">
        <v>95</v>
      </c>
      <c r="AJ28" s="60">
        <v>18</v>
      </c>
      <c r="AK28" s="61">
        <v>18</v>
      </c>
      <c r="AL28" s="62">
        <v>36</v>
      </c>
      <c r="AM28" s="231"/>
      <c r="AN28" s="61">
        <v>42</v>
      </c>
      <c r="AO28" s="61">
        <v>23</v>
      </c>
      <c r="AP28" s="61">
        <v>20</v>
      </c>
      <c r="AQ28" s="61">
        <v>24</v>
      </c>
      <c r="AR28" s="61">
        <v>11</v>
      </c>
      <c r="AS28" s="62">
        <v>120</v>
      </c>
      <c r="AT28" s="63">
        <v>156</v>
      </c>
      <c r="AU28" s="60">
        <v>41</v>
      </c>
      <c r="AV28" s="61">
        <v>34</v>
      </c>
      <c r="AW28" s="62">
        <v>75</v>
      </c>
      <c r="AX28" s="231"/>
      <c r="AY28" s="61">
        <v>60</v>
      </c>
      <c r="AZ28" s="61">
        <v>34</v>
      </c>
      <c r="BA28" s="61">
        <v>31</v>
      </c>
      <c r="BB28" s="61">
        <v>29</v>
      </c>
      <c r="BC28" s="61">
        <v>21</v>
      </c>
      <c r="BD28" s="62">
        <v>175</v>
      </c>
      <c r="BE28" s="63">
        <v>250</v>
      </c>
      <c r="BF28" s="60">
        <v>34</v>
      </c>
      <c r="BG28" s="61">
        <v>29</v>
      </c>
      <c r="BH28" s="62">
        <v>63</v>
      </c>
      <c r="BI28" s="231"/>
      <c r="BJ28" s="61">
        <v>52</v>
      </c>
      <c r="BK28" s="61">
        <v>33</v>
      </c>
      <c r="BL28" s="61">
        <v>28</v>
      </c>
      <c r="BM28" s="61">
        <v>24</v>
      </c>
      <c r="BN28" s="61">
        <v>16</v>
      </c>
      <c r="BO28" s="62">
        <v>153</v>
      </c>
      <c r="BP28" s="63">
        <v>216</v>
      </c>
      <c r="BQ28" s="60">
        <v>10</v>
      </c>
      <c r="BR28" s="61">
        <v>12</v>
      </c>
      <c r="BS28" s="62">
        <v>22</v>
      </c>
      <c r="BT28" s="231"/>
      <c r="BU28" s="61">
        <v>28</v>
      </c>
      <c r="BV28" s="61">
        <v>25</v>
      </c>
      <c r="BW28" s="61">
        <v>8</v>
      </c>
      <c r="BX28" s="61">
        <v>17</v>
      </c>
      <c r="BY28" s="61">
        <v>9</v>
      </c>
      <c r="BZ28" s="62">
        <v>87</v>
      </c>
      <c r="CA28" s="63">
        <v>109</v>
      </c>
      <c r="CB28" s="60">
        <v>2</v>
      </c>
      <c r="CC28" s="61">
        <v>2</v>
      </c>
      <c r="CD28" s="62">
        <v>4</v>
      </c>
      <c r="CE28" s="231"/>
      <c r="CF28" s="61">
        <v>2</v>
      </c>
      <c r="CG28" s="61">
        <v>10</v>
      </c>
      <c r="CH28" s="61">
        <v>3</v>
      </c>
      <c r="CI28" s="61">
        <v>4</v>
      </c>
      <c r="CJ28" s="61">
        <v>3</v>
      </c>
      <c r="CK28" s="62">
        <v>22</v>
      </c>
      <c r="CL28" s="63">
        <v>26</v>
      </c>
      <c r="CM28" s="60">
        <v>126</v>
      </c>
      <c r="CN28" s="61">
        <v>110</v>
      </c>
      <c r="CO28" s="62">
        <v>236</v>
      </c>
      <c r="CP28" s="231"/>
      <c r="CQ28" s="61">
        <v>211</v>
      </c>
      <c r="CR28" s="61">
        <v>149</v>
      </c>
      <c r="CS28" s="61">
        <v>101</v>
      </c>
      <c r="CT28" s="61">
        <v>122</v>
      </c>
      <c r="CU28" s="61">
        <v>66</v>
      </c>
      <c r="CV28" s="62">
        <v>649</v>
      </c>
      <c r="CW28" s="63">
        <v>885</v>
      </c>
      <c r="CX28" s="113">
        <v>212</v>
      </c>
      <c r="CY28" s="72">
        <v>235</v>
      </c>
      <c r="CZ28" s="73">
        <v>447</v>
      </c>
      <c r="DA28" s="228"/>
      <c r="DB28" s="72">
        <v>329</v>
      </c>
      <c r="DC28" s="72">
        <v>221</v>
      </c>
      <c r="DD28" s="72">
        <v>175</v>
      </c>
      <c r="DE28" s="72">
        <v>176</v>
      </c>
      <c r="DF28" s="72">
        <v>98</v>
      </c>
      <c r="DG28" s="74">
        <v>999</v>
      </c>
      <c r="DH28" s="75">
        <v>1446</v>
      </c>
      <c r="DI28" s="60">
        <v>5</v>
      </c>
      <c r="DJ28" s="61">
        <v>4</v>
      </c>
      <c r="DK28" s="62">
        <v>9</v>
      </c>
      <c r="DL28" s="231"/>
      <c r="DM28" s="61">
        <v>9</v>
      </c>
      <c r="DN28" s="61">
        <v>7</v>
      </c>
      <c r="DO28" s="61">
        <v>5</v>
      </c>
      <c r="DP28" s="61">
        <v>1</v>
      </c>
      <c r="DQ28" s="61">
        <v>2</v>
      </c>
      <c r="DR28" s="62">
        <v>24</v>
      </c>
      <c r="DS28" s="63">
        <v>33</v>
      </c>
      <c r="DT28" s="60">
        <v>19</v>
      </c>
      <c r="DU28" s="61">
        <v>19</v>
      </c>
      <c r="DV28" s="62">
        <v>38</v>
      </c>
      <c r="DW28" s="231"/>
      <c r="DX28" s="61">
        <v>24</v>
      </c>
      <c r="DY28" s="61">
        <v>14</v>
      </c>
      <c r="DZ28" s="61">
        <v>11</v>
      </c>
      <c r="EA28" s="61">
        <v>8</v>
      </c>
      <c r="EB28" s="61">
        <v>10</v>
      </c>
      <c r="EC28" s="62">
        <v>67</v>
      </c>
      <c r="ED28" s="63">
        <v>105</v>
      </c>
      <c r="EE28" s="60">
        <v>28</v>
      </c>
      <c r="EF28" s="61">
        <v>26</v>
      </c>
      <c r="EG28" s="62">
        <v>54</v>
      </c>
      <c r="EH28" s="231"/>
      <c r="EI28" s="61">
        <v>53</v>
      </c>
      <c r="EJ28" s="61">
        <v>31</v>
      </c>
      <c r="EK28" s="61">
        <v>20</v>
      </c>
      <c r="EL28" s="61">
        <v>24</v>
      </c>
      <c r="EM28" s="61">
        <v>13</v>
      </c>
      <c r="EN28" s="62">
        <v>141</v>
      </c>
      <c r="EO28" s="63">
        <v>195</v>
      </c>
      <c r="EP28" s="60">
        <v>74</v>
      </c>
      <c r="EQ28" s="61">
        <v>71</v>
      </c>
      <c r="ER28" s="62">
        <v>145</v>
      </c>
      <c r="ES28" s="231"/>
      <c r="ET28" s="61">
        <v>86</v>
      </c>
      <c r="EU28" s="61">
        <v>51</v>
      </c>
      <c r="EV28" s="61">
        <v>40</v>
      </c>
      <c r="EW28" s="61">
        <v>36</v>
      </c>
      <c r="EX28" s="61">
        <v>14</v>
      </c>
      <c r="EY28" s="62">
        <v>227</v>
      </c>
      <c r="EZ28" s="63">
        <v>372</v>
      </c>
      <c r="FA28" s="60">
        <v>58</v>
      </c>
      <c r="FB28" s="61">
        <v>73</v>
      </c>
      <c r="FC28" s="62">
        <v>131</v>
      </c>
      <c r="FD28" s="231"/>
      <c r="FE28" s="61">
        <v>84</v>
      </c>
      <c r="FF28" s="61">
        <v>61</v>
      </c>
      <c r="FG28" s="61">
        <v>50</v>
      </c>
      <c r="FH28" s="61">
        <v>43</v>
      </c>
      <c r="FI28" s="61">
        <v>28</v>
      </c>
      <c r="FJ28" s="62">
        <v>266</v>
      </c>
      <c r="FK28" s="63">
        <v>397</v>
      </c>
      <c r="FL28" s="60">
        <v>28</v>
      </c>
      <c r="FM28" s="61">
        <v>42</v>
      </c>
      <c r="FN28" s="62">
        <v>70</v>
      </c>
      <c r="FO28" s="231"/>
      <c r="FP28" s="61">
        <v>73</v>
      </c>
      <c r="FQ28" s="61">
        <v>57</v>
      </c>
      <c r="FR28" s="61">
        <v>49</v>
      </c>
      <c r="FS28" s="61">
        <v>64</v>
      </c>
      <c r="FT28" s="61">
        <v>31</v>
      </c>
      <c r="FU28" s="62">
        <v>274</v>
      </c>
      <c r="FV28" s="63">
        <v>344</v>
      </c>
      <c r="FW28" s="60">
        <v>3</v>
      </c>
      <c r="FX28" s="61">
        <v>4</v>
      </c>
      <c r="FY28" s="62">
        <v>7</v>
      </c>
      <c r="FZ28" s="231"/>
      <c r="GA28" s="61">
        <v>4</v>
      </c>
      <c r="GB28" s="61">
        <v>3</v>
      </c>
      <c r="GC28" s="61">
        <v>2</v>
      </c>
      <c r="GD28" s="61">
        <v>2</v>
      </c>
      <c r="GE28" s="61">
        <v>6</v>
      </c>
      <c r="GF28" s="62">
        <v>17</v>
      </c>
      <c r="GG28" s="63">
        <v>24</v>
      </c>
      <c r="GH28" s="60">
        <v>215</v>
      </c>
      <c r="GI28" s="61">
        <v>239</v>
      </c>
      <c r="GJ28" s="62">
        <v>454</v>
      </c>
      <c r="GK28" s="231"/>
      <c r="GL28" s="61">
        <v>333</v>
      </c>
      <c r="GM28" s="61">
        <v>224</v>
      </c>
      <c r="GN28" s="61">
        <v>177</v>
      </c>
      <c r="GO28" s="61">
        <v>178</v>
      </c>
      <c r="GP28" s="61">
        <v>104</v>
      </c>
      <c r="GQ28" s="62">
        <v>1016</v>
      </c>
      <c r="GR28" s="63">
        <v>1470</v>
      </c>
      <c r="GS28" s="113">
        <v>336</v>
      </c>
      <c r="GT28" s="72">
        <v>343</v>
      </c>
      <c r="GU28" s="73">
        <v>679</v>
      </c>
      <c r="GV28" s="228"/>
      <c r="GW28" s="72">
        <v>538</v>
      </c>
      <c r="GX28" s="72">
        <v>360</v>
      </c>
      <c r="GY28" s="72">
        <v>273</v>
      </c>
      <c r="GZ28" s="72">
        <v>294</v>
      </c>
      <c r="HA28" s="72">
        <v>161</v>
      </c>
      <c r="HB28" s="74">
        <v>1626</v>
      </c>
      <c r="HC28" s="75">
        <v>2305</v>
      </c>
      <c r="HD28" s="60">
        <v>9</v>
      </c>
      <c r="HE28" s="61">
        <v>8</v>
      </c>
      <c r="HF28" s="62">
        <v>17</v>
      </c>
      <c r="HG28" s="231"/>
      <c r="HH28" s="61">
        <v>17</v>
      </c>
      <c r="HI28" s="61">
        <v>14</v>
      </c>
      <c r="HJ28" s="61">
        <v>7</v>
      </c>
      <c r="HK28" s="61">
        <v>8</v>
      </c>
      <c r="HL28" s="61">
        <v>3</v>
      </c>
      <c r="HM28" s="62">
        <v>49</v>
      </c>
      <c r="HN28" s="63">
        <v>66</v>
      </c>
      <c r="HO28" s="60">
        <v>36</v>
      </c>
      <c r="HP28" s="61">
        <v>30</v>
      </c>
      <c r="HQ28" s="62">
        <v>66</v>
      </c>
      <c r="HR28" s="231"/>
      <c r="HS28" s="61">
        <v>43</v>
      </c>
      <c r="HT28" s="61">
        <v>31</v>
      </c>
      <c r="HU28" s="61">
        <v>20</v>
      </c>
      <c r="HV28" s="61">
        <v>25</v>
      </c>
      <c r="HW28" s="61">
        <v>15</v>
      </c>
      <c r="HX28" s="62">
        <v>134</v>
      </c>
      <c r="HY28" s="63">
        <v>200</v>
      </c>
      <c r="HZ28" s="60">
        <v>46</v>
      </c>
      <c r="IA28" s="61">
        <v>44</v>
      </c>
      <c r="IB28" s="62">
        <v>90</v>
      </c>
      <c r="IC28" s="231"/>
      <c r="ID28" s="61">
        <v>95</v>
      </c>
      <c r="IE28" s="61">
        <v>54</v>
      </c>
      <c r="IF28" s="61">
        <v>40</v>
      </c>
      <c r="IG28" s="61">
        <v>48</v>
      </c>
      <c r="IH28" s="61">
        <v>24</v>
      </c>
      <c r="II28" s="62">
        <v>261</v>
      </c>
      <c r="IJ28" s="63">
        <v>351</v>
      </c>
      <c r="IK28" s="60">
        <v>115</v>
      </c>
      <c r="IL28" s="61">
        <v>105</v>
      </c>
      <c r="IM28" s="62">
        <v>220</v>
      </c>
      <c r="IN28" s="231"/>
      <c r="IO28" s="61">
        <v>146</v>
      </c>
      <c r="IP28" s="61">
        <v>85</v>
      </c>
      <c r="IQ28" s="61">
        <v>71</v>
      </c>
      <c r="IR28" s="61">
        <v>65</v>
      </c>
      <c r="IS28" s="61">
        <v>35</v>
      </c>
      <c r="IT28" s="62">
        <v>402</v>
      </c>
      <c r="IU28" s="63">
        <v>622</v>
      </c>
      <c r="IV28" s="60">
        <v>92</v>
      </c>
      <c r="IW28" s="61">
        <v>102</v>
      </c>
      <c r="IX28" s="62">
        <v>194</v>
      </c>
      <c r="IY28" s="231"/>
      <c r="IZ28" s="61">
        <v>136</v>
      </c>
      <c r="JA28" s="61">
        <v>94</v>
      </c>
      <c r="JB28" s="61">
        <v>78</v>
      </c>
      <c r="JC28" s="61">
        <v>67</v>
      </c>
      <c r="JD28" s="61">
        <v>44</v>
      </c>
      <c r="JE28" s="62">
        <v>419</v>
      </c>
      <c r="JF28" s="63">
        <v>613</v>
      </c>
      <c r="JG28" s="60">
        <v>38</v>
      </c>
      <c r="JH28" s="61">
        <v>54</v>
      </c>
      <c r="JI28" s="62">
        <v>92</v>
      </c>
      <c r="JJ28" s="231"/>
      <c r="JK28" s="61">
        <v>101</v>
      </c>
      <c r="JL28" s="61">
        <v>82</v>
      </c>
      <c r="JM28" s="61">
        <v>57</v>
      </c>
      <c r="JN28" s="61">
        <v>81</v>
      </c>
      <c r="JO28" s="61">
        <v>40</v>
      </c>
      <c r="JP28" s="62">
        <v>361</v>
      </c>
      <c r="JQ28" s="63">
        <v>453</v>
      </c>
      <c r="JR28" s="60">
        <v>5</v>
      </c>
      <c r="JS28" s="61">
        <v>6</v>
      </c>
      <c r="JT28" s="62">
        <v>11</v>
      </c>
      <c r="JU28" s="231"/>
      <c r="JV28" s="61">
        <v>6</v>
      </c>
      <c r="JW28" s="61">
        <v>13</v>
      </c>
      <c r="JX28" s="61">
        <v>5</v>
      </c>
      <c r="JY28" s="61">
        <v>6</v>
      </c>
      <c r="JZ28" s="61">
        <v>9</v>
      </c>
      <c r="KA28" s="62">
        <v>39</v>
      </c>
      <c r="KB28" s="63">
        <v>50</v>
      </c>
      <c r="KC28" s="60">
        <v>341</v>
      </c>
      <c r="KD28" s="61">
        <v>349</v>
      </c>
      <c r="KE28" s="62">
        <v>690</v>
      </c>
      <c r="KF28" s="231"/>
      <c r="KG28" s="61">
        <v>544</v>
      </c>
      <c r="KH28" s="61">
        <v>373</v>
      </c>
      <c r="KI28" s="61">
        <v>278</v>
      </c>
      <c r="KJ28" s="61">
        <v>300</v>
      </c>
      <c r="KK28" s="61">
        <v>170</v>
      </c>
      <c r="KL28" s="62">
        <v>1665</v>
      </c>
      <c r="KM28" s="63">
        <v>2355</v>
      </c>
    </row>
    <row r="29" spans="2:299" ht="21" customHeight="1" x14ac:dyDescent="0.2">
      <c r="B29" s="472" t="s">
        <v>26</v>
      </c>
      <c r="C29" s="293">
        <v>77</v>
      </c>
      <c r="D29" s="72">
        <v>69</v>
      </c>
      <c r="E29" s="73">
        <v>146</v>
      </c>
      <c r="F29" s="228"/>
      <c r="G29" s="72">
        <v>140</v>
      </c>
      <c r="H29" s="72">
        <v>107</v>
      </c>
      <c r="I29" s="72">
        <v>108</v>
      </c>
      <c r="J29" s="72">
        <v>73</v>
      </c>
      <c r="K29" s="72">
        <v>54</v>
      </c>
      <c r="L29" s="74">
        <v>482</v>
      </c>
      <c r="M29" s="75">
        <v>628</v>
      </c>
      <c r="N29" s="60">
        <v>2</v>
      </c>
      <c r="O29" s="61">
        <v>2</v>
      </c>
      <c r="P29" s="62">
        <v>4</v>
      </c>
      <c r="Q29" s="231"/>
      <c r="R29" s="61">
        <v>4</v>
      </c>
      <c r="S29" s="61">
        <v>1</v>
      </c>
      <c r="T29" s="61">
        <v>9</v>
      </c>
      <c r="U29" s="61">
        <v>1</v>
      </c>
      <c r="V29" s="61">
        <v>2</v>
      </c>
      <c r="W29" s="62">
        <v>17</v>
      </c>
      <c r="X29" s="63">
        <v>21</v>
      </c>
      <c r="Y29" s="60">
        <v>3</v>
      </c>
      <c r="Z29" s="61">
        <v>10</v>
      </c>
      <c r="AA29" s="62">
        <v>13</v>
      </c>
      <c r="AB29" s="231"/>
      <c r="AC29" s="61">
        <v>12</v>
      </c>
      <c r="AD29" s="61">
        <v>14</v>
      </c>
      <c r="AE29" s="61">
        <v>6</v>
      </c>
      <c r="AF29" s="61">
        <v>9</v>
      </c>
      <c r="AG29" s="61">
        <v>10</v>
      </c>
      <c r="AH29" s="62">
        <v>51</v>
      </c>
      <c r="AI29" s="63">
        <v>64</v>
      </c>
      <c r="AJ29" s="60">
        <v>7</v>
      </c>
      <c r="AK29" s="61">
        <v>13</v>
      </c>
      <c r="AL29" s="62">
        <v>20</v>
      </c>
      <c r="AM29" s="231"/>
      <c r="AN29" s="61">
        <v>22</v>
      </c>
      <c r="AO29" s="61">
        <v>12</v>
      </c>
      <c r="AP29" s="61">
        <v>17</v>
      </c>
      <c r="AQ29" s="61">
        <v>10</v>
      </c>
      <c r="AR29" s="61">
        <v>8</v>
      </c>
      <c r="AS29" s="62">
        <v>69</v>
      </c>
      <c r="AT29" s="63">
        <v>89</v>
      </c>
      <c r="AU29" s="60">
        <v>26</v>
      </c>
      <c r="AV29" s="61">
        <v>18</v>
      </c>
      <c r="AW29" s="62">
        <v>44</v>
      </c>
      <c r="AX29" s="231"/>
      <c r="AY29" s="61">
        <v>41</v>
      </c>
      <c r="AZ29" s="61">
        <v>28</v>
      </c>
      <c r="BA29" s="61">
        <v>22</v>
      </c>
      <c r="BB29" s="61">
        <v>22</v>
      </c>
      <c r="BC29" s="61">
        <v>11</v>
      </c>
      <c r="BD29" s="62">
        <v>124</v>
      </c>
      <c r="BE29" s="63">
        <v>168</v>
      </c>
      <c r="BF29" s="60">
        <v>18</v>
      </c>
      <c r="BG29" s="61">
        <v>18</v>
      </c>
      <c r="BH29" s="62">
        <v>36</v>
      </c>
      <c r="BI29" s="231"/>
      <c r="BJ29" s="61">
        <v>34</v>
      </c>
      <c r="BK29" s="61">
        <v>28</v>
      </c>
      <c r="BL29" s="61">
        <v>38</v>
      </c>
      <c r="BM29" s="61">
        <v>19</v>
      </c>
      <c r="BN29" s="61">
        <v>10</v>
      </c>
      <c r="BO29" s="62">
        <v>129</v>
      </c>
      <c r="BP29" s="63">
        <v>165</v>
      </c>
      <c r="BQ29" s="60">
        <v>21</v>
      </c>
      <c r="BR29" s="61">
        <v>8</v>
      </c>
      <c r="BS29" s="62">
        <v>29</v>
      </c>
      <c r="BT29" s="231"/>
      <c r="BU29" s="61">
        <v>27</v>
      </c>
      <c r="BV29" s="61">
        <v>24</v>
      </c>
      <c r="BW29" s="61">
        <v>16</v>
      </c>
      <c r="BX29" s="61">
        <v>12</v>
      </c>
      <c r="BY29" s="61">
        <v>13</v>
      </c>
      <c r="BZ29" s="62">
        <v>92</v>
      </c>
      <c r="CA29" s="63">
        <v>121</v>
      </c>
      <c r="CB29" s="60">
        <v>5</v>
      </c>
      <c r="CC29" s="61">
        <v>0</v>
      </c>
      <c r="CD29" s="62">
        <v>5</v>
      </c>
      <c r="CE29" s="231"/>
      <c r="CF29" s="61">
        <v>6</v>
      </c>
      <c r="CG29" s="61">
        <v>6</v>
      </c>
      <c r="CH29" s="61">
        <v>2</v>
      </c>
      <c r="CI29" s="61">
        <v>1</v>
      </c>
      <c r="CJ29" s="61">
        <v>1</v>
      </c>
      <c r="CK29" s="62">
        <v>16</v>
      </c>
      <c r="CL29" s="63">
        <v>21</v>
      </c>
      <c r="CM29" s="60">
        <v>82</v>
      </c>
      <c r="CN29" s="61">
        <v>69</v>
      </c>
      <c r="CO29" s="62">
        <v>151</v>
      </c>
      <c r="CP29" s="231"/>
      <c r="CQ29" s="61">
        <v>146</v>
      </c>
      <c r="CR29" s="61">
        <v>113</v>
      </c>
      <c r="CS29" s="61">
        <v>110</v>
      </c>
      <c r="CT29" s="61">
        <v>74</v>
      </c>
      <c r="CU29" s="61">
        <v>55</v>
      </c>
      <c r="CV29" s="62">
        <v>498</v>
      </c>
      <c r="CW29" s="63">
        <v>649</v>
      </c>
      <c r="CX29" s="113">
        <v>178</v>
      </c>
      <c r="CY29" s="72">
        <v>220</v>
      </c>
      <c r="CZ29" s="73">
        <v>398</v>
      </c>
      <c r="DA29" s="228"/>
      <c r="DB29" s="72">
        <v>265</v>
      </c>
      <c r="DC29" s="72">
        <v>228</v>
      </c>
      <c r="DD29" s="72">
        <v>182</v>
      </c>
      <c r="DE29" s="72">
        <v>136</v>
      </c>
      <c r="DF29" s="72">
        <v>122</v>
      </c>
      <c r="DG29" s="74">
        <v>933</v>
      </c>
      <c r="DH29" s="75">
        <v>1331</v>
      </c>
      <c r="DI29" s="60">
        <v>2</v>
      </c>
      <c r="DJ29" s="61">
        <v>4</v>
      </c>
      <c r="DK29" s="62">
        <v>6</v>
      </c>
      <c r="DL29" s="231"/>
      <c r="DM29" s="61">
        <v>4</v>
      </c>
      <c r="DN29" s="61">
        <v>5</v>
      </c>
      <c r="DO29" s="61">
        <v>4</v>
      </c>
      <c r="DP29" s="61">
        <v>1</v>
      </c>
      <c r="DQ29" s="61">
        <v>1</v>
      </c>
      <c r="DR29" s="62">
        <v>15</v>
      </c>
      <c r="DS29" s="63">
        <v>21</v>
      </c>
      <c r="DT29" s="60">
        <v>12</v>
      </c>
      <c r="DU29" s="61">
        <v>16</v>
      </c>
      <c r="DV29" s="62">
        <v>28</v>
      </c>
      <c r="DW29" s="231"/>
      <c r="DX29" s="61">
        <v>18</v>
      </c>
      <c r="DY29" s="61">
        <v>13</v>
      </c>
      <c r="DZ29" s="61">
        <v>3</v>
      </c>
      <c r="EA29" s="61">
        <v>5</v>
      </c>
      <c r="EB29" s="61">
        <v>5</v>
      </c>
      <c r="EC29" s="62">
        <v>44</v>
      </c>
      <c r="ED29" s="63">
        <v>72</v>
      </c>
      <c r="EE29" s="60">
        <v>20</v>
      </c>
      <c r="EF29" s="61">
        <v>31</v>
      </c>
      <c r="EG29" s="62">
        <v>51</v>
      </c>
      <c r="EH29" s="231"/>
      <c r="EI29" s="61">
        <v>35</v>
      </c>
      <c r="EJ29" s="61">
        <v>32</v>
      </c>
      <c r="EK29" s="61">
        <v>13</v>
      </c>
      <c r="EL29" s="61">
        <v>14</v>
      </c>
      <c r="EM29" s="61">
        <v>8</v>
      </c>
      <c r="EN29" s="62">
        <v>102</v>
      </c>
      <c r="EO29" s="63">
        <v>153</v>
      </c>
      <c r="EP29" s="60">
        <v>46</v>
      </c>
      <c r="EQ29" s="61">
        <v>60</v>
      </c>
      <c r="ER29" s="62">
        <v>106</v>
      </c>
      <c r="ES29" s="231"/>
      <c r="ET29" s="61">
        <v>59</v>
      </c>
      <c r="EU29" s="61">
        <v>40</v>
      </c>
      <c r="EV29" s="61">
        <v>41</v>
      </c>
      <c r="EW29" s="61">
        <v>17</v>
      </c>
      <c r="EX29" s="61">
        <v>17</v>
      </c>
      <c r="EY29" s="62">
        <v>174</v>
      </c>
      <c r="EZ29" s="63">
        <v>280</v>
      </c>
      <c r="FA29" s="60">
        <v>57</v>
      </c>
      <c r="FB29" s="61">
        <v>65</v>
      </c>
      <c r="FC29" s="62">
        <v>122</v>
      </c>
      <c r="FD29" s="231"/>
      <c r="FE29" s="61">
        <v>81</v>
      </c>
      <c r="FF29" s="61">
        <v>55</v>
      </c>
      <c r="FG29" s="61">
        <v>47</v>
      </c>
      <c r="FH29" s="61">
        <v>30</v>
      </c>
      <c r="FI29" s="61">
        <v>29</v>
      </c>
      <c r="FJ29" s="62">
        <v>242</v>
      </c>
      <c r="FK29" s="63">
        <v>364</v>
      </c>
      <c r="FL29" s="60">
        <v>41</v>
      </c>
      <c r="FM29" s="61">
        <v>44</v>
      </c>
      <c r="FN29" s="62">
        <v>85</v>
      </c>
      <c r="FO29" s="231"/>
      <c r="FP29" s="61">
        <v>68</v>
      </c>
      <c r="FQ29" s="61">
        <v>83</v>
      </c>
      <c r="FR29" s="61">
        <v>74</v>
      </c>
      <c r="FS29" s="61">
        <v>69</v>
      </c>
      <c r="FT29" s="61">
        <v>62</v>
      </c>
      <c r="FU29" s="62">
        <v>356</v>
      </c>
      <c r="FV29" s="63">
        <v>441</v>
      </c>
      <c r="FW29" s="60">
        <v>0</v>
      </c>
      <c r="FX29" s="61">
        <v>1</v>
      </c>
      <c r="FY29" s="62">
        <v>1</v>
      </c>
      <c r="FZ29" s="231"/>
      <c r="GA29" s="61">
        <v>3</v>
      </c>
      <c r="GB29" s="61">
        <v>1</v>
      </c>
      <c r="GC29" s="61">
        <v>3</v>
      </c>
      <c r="GD29" s="61">
        <v>6</v>
      </c>
      <c r="GE29" s="61">
        <v>3</v>
      </c>
      <c r="GF29" s="62">
        <v>16</v>
      </c>
      <c r="GG29" s="63">
        <v>17</v>
      </c>
      <c r="GH29" s="60">
        <v>178</v>
      </c>
      <c r="GI29" s="61">
        <v>221</v>
      </c>
      <c r="GJ29" s="62">
        <v>399</v>
      </c>
      <c r="GK29" s="231"/>
      <c r="GL29" s="61">
        <v>268</v>
      </c>
      <c r="GM29" s="61">
        <v>229</v>
      </c>
      <c r="GN29" s="61">
        <v>185</v>
      </c>
      <c r="GO29" s="61">
        <v>142</v>
      </c>
      <c r="GP29" s="61">
        <v>125</v>
      </c>
      <c r="GQ29" s="62">
        <v>949</v>
      </c>
      <c r="GR29" s="63">
        <v>1348</v>
      </c>
      <c r="GS29" s="113">
        <v>255</v>
      </c>
      <c r="GT29" s="72">
        <v>289</v>
      </c>
      <c r="GU29" s="73">
        <v>544</v>
      </c>
      <c r="GV29" s="228"/>
      <c r="GW29" s="72">
        <v>405</v>
      </c>
      <c r="GX29" s="72">
        <v>335</v>
      </c>
      <c r="GY29" s="72">
        <v>290</v>
      </c>
      <c r="GZ29" s="72">
        <v>209</v>
      </c>
      <c r="HA29" s="72">
        <v>176</v>
      </c>
      <c r="HB29" s="74">
        <v>1415</v>
      </c>
      <c r="HC29" s="75">
        <v>1959</v>
      </c>
      <c r="HD29" s="60">
        <v>4</v>
      </c>
      <c r="HE29" s="61">
        <v>6</v>
      </c>
      <c r="HF29" s="62">
        <v>10</v>
      </c>
      <c r="HG29" s="231"/>
      <c r="HH29" s="61">
        <v>8</v>
      </c>
      <c r="HI29" s="61">
        <v>6</v>
      </c>
      <c r="HJ29" s="61">
        <v>13</v>
      </c>
      <c r="HK29" s="61">
        <v>2</v>
      </c>
      <c r="HL29" s="61">
        <v>3</v>
      </c>
      <c r="HM29" s="62">
        <v>32</v>
      </c>
      <c r="HN29" s="63">
        <v>42</v>
      </c>
      <c r="HO29" s="60">
        <v>15</v>
      </c>
      <c r="HP29" s="61">
        <v>26</v>
      </c>
      <c r="HQ29" s="62">
        <v>41</v>
      </c>
      <c r="HR29" s="231"/>
      <c r="HS29" s="61">
        <v>30</v>
      </c>
      <c r="HT29" s="61">
        <v>27</v>
      </c>
      <c r="HU29" s="61">
        <v>9</v>
      </c>
      <c r="HV29" s="61">
        <v>14</v>
      </c>
      <c r="HW29" s="61">
        <v>15</v>
      </c>
      <c r="HX29" s="62">
        <v>95</v>
      </c>
      <c r="HY29" s="63">
        <v>136</v>
      </c>
      <c r="HZ29" s="60">
        <v>27</v>
      </c>
      <c r="IA29" s="61">
        <v>44</v>
      </c>
      <c r="IB29" s="62">
        <v>71</v>
      </c>
      <c r="IC29" s="231"/>
      <c r="ID29" s="61">
        <v>57</v>
      </c>
      <c r="IE29" s="61">
        <v>44</v>
      </c>
      <c r="IF29" s="61">
        <v>30</v>
      </c>
      <c r="IG29" s="61">
        <v>24</v>
      </c>
      <c r="IH29" s="61">
        <v>16</v>
      </c>
      <c r="II29" s="62">
        <v>171</v>
      </c>
      <c r="IJ29" s="63">
        <v>242</v>
      </c>
      <c r="IK29" s="60">
        <v>72</v>
      </c>
      <c r="IL29" s="61">
        <v>78</v>
      </c>
      <c r="IM29" s="62">
        <v>150</v>
      </c>
      <c r="IN29" s="231"/>
      <c r="IO29" s="61">
        <v>100</v>
      </c>
      <c r="IP29" s="61">
        <v>68</v>
      </c>
      <c r="IQ29" s="61">
        <v>63</v>
      </c>
      <c r="IR29" s="61">
        <v>39</v>
      </c>
      <c r="IS29" s="61">
        <v>28</v>
      </c>
      <c r="IT29" s="62">
        <v>298</v>
      </c>
      <c r="IU29" s="63">
        <v>448</v>
      </c>
      <c r="IV29" s="60">
        <v>75</v>
      </c>
      <c r="IW29" s="61">
        <v>83</v>
      </c>
      <c r="IX29" s="62">
        <v>158</v>
      </c>
      <c r="IY29" s="231"/>
      <c r="IZ29" s="61">
        <v>115</v>
      </c>
      <c r="JA29" s="61">
        <v>83</v>
      </c>
      <c r="JB29" s="61">
        <v>85</v>
      </c>
      <c r="JC29" s="61">
        <v>49</v>
      </c>
      <c r="JD29" s="61">
        <v>39</v>
      </c>
      <c r="JE29" s="62">
        <v>371</v>
      </c>
      <c r="JF29" s="63">
        <v>529</v>
      </c>
      <c r="JG29" s="60">
        <v>62</v>
      </c>
      <c r="JH29" s="61">
        <v>52</v>
      </c>
      <c r="JI29" s="62">
        <v>114</v>
      </c>
      <c r="JJ29" s="231"/>
      <c r="JK29" s="61">
        <v>95</v>
      </c>
      <c r="JL29" s="61">
        <v>107</v>
      </c>
      <c r="JM29" s="61">
        <v>90</v>
      </c>
      <c r="JN29" s="61">
        <v>81</v>
      </c>
      <c r="JO29" s="61">
        <v>75</v>
      </c>
      <c r="JP29" s="62">
        <v>448</v>
      </c>
      <c r="JQ29" s="63">
        <v>562</v>
      </c>
      <c r="JR29" s="60">
        <v>5</v>
      </c>
      <c r="JS29" s="61">
        <v>1</v>
      </c>
      <c r="JT29" s="62">
        <v>6</v>
      </c>
      <c r="JU29" s="231"/>
      <c r="JV29" s="61">
        <v>9</v>
      </c>
      <c r="JW29" s="61">
        <v>7</v>
      </c>
      <c r="JX29" s="61">
        <v>5</v>
      </c>
      <c r="JY29" s="61">
        <v>7</v>
      </c>
      <c r="JZ29" s="61">
        <v>4</v>
      </c>
      <c r="KA29" s="62">
        <v>32</v>
      </c>
      <c r="KB29" s="63">
        <v>38</v>
      </c>
      <c r="KC29" s="60">
        <v>260</v>
      </c>
      <c r="KD29" s="61">
        <v>290</v>
      </c>
      <c r="KE29" s="62">
        <v>550</v>
      </c>
      <c r="KF29" s="231"/>
      <c r="KG29" s="61">
        <v>414</v>
      </c>
      <c r="KH29" s="61">
        <v>342</v>
      </c>
      <c r="KI29" s="61">
        <v>295</v>
      </c>
      <c r="KJ29" s="61">
        <v>216</v>
      </c>
      <c r="KK29" s="61">
        <v>180</v>
      </c>
      <c r="KL29" s="62">
        <v>1447</v>
      </c>
      <c r="KM29" s="63">
        <v>1997</v>
      </c>
    </row>
    <row r="30" spans="2:299" ht="21" customHeight="1" x14ac:dyDescent="0.2">
      <c r="B30" s="472" t="s">
        <v>27</v>
      </c>
      <c r="C30" s="293">
        <v>104</v>
      </c>
      <c r="D30" s="72">
        <v>112</v>
      </c>
      <c r="E30" s="73">
        <v>216</v>
      </c>
      <c r="F30" s="228"/>
      <c r="G30" s="72">
        <v>101</v>
      </c>
      <c r="H30" s="72">
        <v>96</v>
      </c>
      <c r="I30" s="72">
        <v>58</v>
      </c>
      <c r="J30" s="72">
        <v>66</v>
      </c>
      <c r="K30" s="72">
        <v>34</v>
      </c>
      <c r="L30" s="74">
        <v>355</v>
      </c>
      <c r="M30" s="75">
        <v>571</v>
      </c>
      <c r="N30" s="60">
        <v>2</v>
      </c>
      <c r="O30" s="61">
        <v>6</v>
      </c>
      <c r="P30" s="62">
        <v>8</v>
      </c>
      <c r="Q30" s="231"/>
      <c r="R30" s="61">
        <v>3</v>
      </c>
      <c r="S30" s="61">
        <v>4</v>
      </c>
      <c r="T30" s="61">
        <v>1</v>
      </c>
      <c r="U30" s="61">
        <v>0</v>
      </c>
      <c r="V30" s="61">
        <v>1</v>
      </c>
      <c r="W30" s="62">
        <v>9</v>
      </c>
      <c r="X30" s="63">
        <v>17</v>
      </c>
      <c r="Y30" s="60">
        <v>8</v>
      </c>
      <c r="Z30" s="61">
        <v>9</v>
      </c>
      <c r="AA30" s="62">
        <v>17</v>
      </c>
      <c r="AB30" s="231"/>
      <c r="AC30" s="61">
        <v>10</v>
      </c>
      <c r="AD30" s="61">
        <v>15</v>
      </c>
      <c r="AE30" s="61">
        <v>4</v>
      </c>
      <c r="AF30" s="61">
        <v>7</v>
      </c>
      <c r="AG30" s="61">
        <v>1</v>
      </c>
      <c r="AH30" s="62">
        <v>37</v>
      </c>
      <c r="AI30" s="63">
        <v>54</v>
      </c>
      <c r="AJ30" s="60">
        <v>23</v>
      </c>
      <c r="AK30" s="61">
        <v>16</v>
      </c>
      <c r="AL30" s="62">
        <v>39</v>
      </c>
      <c r="AM30" s="231"/>
      <c r="AN30" s="61">
        <v>14</v>
      </c>
      <c r="AO30" s="61">
        <v>17</v>
      </c>
      <c r="AP30" s="61">
        <v>7</v>
      </c>
      <c r="AQ30" s="61">
        <v>12</v>
      </c>
      <c r="AR30" s="61">
        <v>8</v>
      </c>
      <c r="AS30" s="62">
        <v>58</v>
      </c>
      <c r="AT30" s="63">
        <v>97</v>
      </c>
      <c r="AU30" s="60">
        <v>23</v>
      </c>
      <c r="AV30" s="61">
        <v>32</v>
      </c>
      <c r="AW30" s="62">
        <v>55</v>
      </c>
      <c r="AX30" s="231"/>
      <c r="AY30" s="61">
        <v>22</v>
      </c>
      <c r="AZ30" s="61">
        <v>21</v>
      </c>
      <c r="BA30" s="61">
        <v>16</v>
      </c>
      <c r="BB30" s="61">
        <v>11</v>
      </c>
      <c r="BC30" s="61">
        <v>4</v>
      </c>
      <c r="BD30" s="62">
        <v>74</v>
      </c>
      <c r="BE30" s="63">
        <v>129</v>
      </c>
      <c r="BF30" s="60">
        <v>32</v>
      </c>
      <c r="BG30" s="61">
        <v>31</v>
      </c>
      <c r="BH30" s="62">
        <v>63</v>
      </c>
      <c r="BI30" s="231"/>
      <c r="BJ30" s="61">
        <v>24</v>
      </c>
      <c r="BK30" s="61">
        <v>15</v>
      </c>
      <c r="BL30" s="61">
        <v>15</v>
      </c>
      <c r="BM30" s="61">
        <v>21</v>
      </c>
      <c r="BN30" s="61">
        <v>14</v>
      </c>
      <c r="BO30" s="62">
        <v>89</v>
      </c>
      <c r="BP30" s="63">
        <v>152</v>
      </c>
      <c r="BQ30" s="60">
        <v>16</v>
      </c>
      <c r="BR30" s="61">
        <v>18</v>
      </c>
      <c r="BS30" s="62">
        <v>34</v>
      </c>
      <c r="BT30" s="231"/>
      <c r="BU30" s="61">
        <v>28</v>
      </c>
      <c r="BV30" s="61">
        <v>24</v>
      </c>
      <c r="BW30" s="61">
        <v>15</v>
      </c>
      <c r="BX30" s="61">
        <v>15</v>
      </c>
      <c r="BY30" s="61">
        <v>6</v>
      </c>
      <c r="BZ30" s="62">
        <v>88</v>
      </c>
      <c r="CA30" s="63">
        <v>122</v>
      </c>
      <c r="CB30" s="60">
        <v>5</v>
      </c>
      <c r="CC30" s="61">
        <v>1</v>
      </c>
      <c r="CD30" s="62">
        <v>6</v>
      </c>
      <c r="CE30" s="231"/>
      <c r="CF30" s="61">
        <v>3</v>
      </c>
      <c r="CG30" s="61">
        <v>3</v>
      </c>
      <c r="CH30" s="61">
        <v>6</v>
      </c>
      <c r="CI30" s="61">
        <v>2</v>
      </c>
      <c r="CJ30" s="61">
        <v>1</v>
      </c>
      <c r="CK30" s="62">
        <v>15</v>
      </c>
      <c r="CL30" s="63">
        <v>21</v>
      </c>
      <c r="CM30" s="60">
        <v>109</v>
      </c>
      <c r="CN30" s="61">
        <v>113</v>
      </c>
      <c r="CO30" s="62">
        <v>222</v>
      </c>
      <c r="CP30" s="231"/>
      <c r="CQ30" s="61">
        <v>104</v>
      </c>
      <c r="CR30" s="61">
        <v>99</v>
      </c>
      <c r="CS30" s="61">
        <v>64</v>
      </c>
      <c r="CT30" s="61">
        <v>68</v>
      </c>
      <c r="CU30" s="61">
        <v>35</v>
      </c>
      <c r="CV30" s="62">
        <v>370</v>
      </c>
      <c r="CW30" s="63">
        <v>592</v>
      </c>
      <c r="CX30" s="113">
        <v>265</v>
      </c>
      <c r="CY30" s="72">
        <v>198</v>
      </c>
      <c r="CZ30" s="73">
        <v>463</v>
      </c>
      <c r="DA30" s="228"/>
      <c r="DB30" s="72">
        <v>240</v>
      </c>
      <c r="DC30" s="72">
        <v>127</v>
      </c>
      <c r="DD30" s="72">
        <v>145</v>
      </c>
      <c r="DE30" s="72">
        <v>133</v>
      </c>
      <c r="DF30" s="72">
        <v>124</v>
      </c>
      <c r="DG30" s="74">
        <v>769</v>
      </c>
      <c r="DH30" s="75">
        <v>1232</v>
      </c>
      <c r="DI30" s="60">
        <v>2</v>
      </c>
      <c r="DJ30" s="61">
        <v>6</v>
      </c>
      <c r="DK30" s="62">
        <v>8</v>
      </c>
      <c r="DL30" s="231"/>
      <c r="DM30" s="61">
        <v>2</v>
      </c>
      <c r="DN30" s="61">
        <v>0</v>
      </c>
      <c r="DO30" s="61">
        <v>1</v>
      </c>
      <c r="DP30" s="61">
        <v>2</v>
      </c>
      <c r="DQ30" s="61">
        <v>2</v>
      </c>
      <c r="DR30" s="62">
        <v>7</v>
      </c>
      <c r="DS30" s="63">
        <v>15</v>
      </c>
      <c r="DT30" s="60">
        <v>17</v>
      </c>
      <c r="DU30" s="61">
        <v>16</v>
      </c>
      <c r="DV30" s="62">
        <v>33</v>
      </c>
      <c r="DW30" s="231"/>
      <c r="DX30" s="61">
        <v>11</v>
      </c>
      <c r="DY30" s="61">
        <v>8</v>
      </c>
      <c r="DZ30" s="61">
        <v>9</v>
      </c>
      <c r="EA30" s="61">
        <v>4</v>
      </c>
      <c r="EB30" s="61">
        <v>0</v>
      </c>
      <c r="EC30" s="62">
        <v>32</v>
      </c>
      <c r="ED30" s="63">
        <v>65</v>
      </c>
      <c r="EE30" s="60">
        <v>38</v>
      </c>
      <c r="EF30" s="61">
        <v>25</v>
      </c>
      <c r="EG30" s="62">
        <v>63</v>
      </c>
      <c r="EH30" s="231"/>
      <c r="EI30" s="61">
        <v>19</v>
      </c>
      <c r="EJ30" s="61">
        <v>16</v>
      </c>
      <c r="EK30" s="61">
        <v>8</v>
      </c>
      <c r="EL30" s="61">
        <v>12</v>
      </c>
      <c r="EM30" s="61">
        <v>9</v>
      </c>
      <c r="EN30" s="62">
        <v>64</v>
      </c>
      <c r="EO30" s="63">
        <v>127</v>
      </c>
      <c r="EP30" s="60">
        <v>68</v>
      </c>
      <c r="EQ30" s="61">
        <v>37</v>
      </c>
      <c r="ER30" s="62">
        <v>105</v>
      </c>
      <c r="ES30" s="231"/>
      <c r="ET30" s="61">
        <v>54</v>
      </c>
      <c r="EU30" s="61">
        <v>24</v>
      </c>
      <c r="EV30" s="61">
        <v>25</v>
      </c>
      <c r="EW30" s="61">
        <v>20</v>
      </c>
      <c r="EX30" s="61">
        <v>22</v>
      </c>
      <c r="EY30" s="62">
        <v>145</v>
      </c>
      <c r="EZ30" s="63">
        <v>250</v>
      </c>
      <c r="FA30" s="60">
        <v>79</v>
      </c>
      <c r="FB30" s="61">
        <v>68</v>
      </c>
      <c r="FC30" s="62">
        <v>147</v>
      </c>
      <c r="FD30" s="231"/>
      <c r="FE30" s="61">
        <v>74</v>
      </c>
      <c r="FF30" s="61">
        <v>35</v>
      </c>
      <c r="FG30" s="61">
        <v>37</v>
      </c>
      <c r="FH30" s="61">
        <v>24</v>
      </c>
      <c r="FI30" s="61">
        <v>35</v>
      </c>
      <c r="FJ30" s="62">
        <v>205</v>
      </c>
      <c r="FK30" s="63">
        <v>352</v>
      </c>
      <c r="FL30" s="60">
        <v>61</v>
      </c>
      <c r="FM30" s="61">
        <v>46</v>
      </c>
      <c r="FN30" s="62">
        <v>107</v>
      </c>
      <c r="FO30" s="231"/>
      <c r="FP30" s="61">
        <v>80</v>
      </c>
      <c r="FQ30" s="61">
        <v>44</v>
      </c>
      <c r="FR30" s="61">
        <v>65</v>
      </c>
      <c r="FS30" s="61">
        <v>71</v>
      </c>
      <c r="FT30" s="61">
        <v>56</v>
      </c>
      <c r="FU30" s="62">
        <v>316</v>
      </c>
      <c r="FV30" s="63">
        <v>423</v>
      </c>
      <c r="FW30" s="60">
        <v>1</v>
      </c>
      <c r="FX30" s="61">
        <v>2</v>
      </c>
      <c r="FY30" s="62">
        <v>3</v>
      </c>
      <c r="FZ30" s="231"/>
      <c r="GA30" s="61">
        <v>6</v>
      </c>
      <c r="GB30" s="61">
        <v>6</v>
      </c>
      <c r="GC30" s="61">
        <v>2</v>
      </c>
      <c r="GD30" s="61">
        <v>2</v>
      </c>
      <c r="GE30" s="61">
        <v>2</v>
      </c>
      <c r="GF30" s="62">
        <v>18</v>
      </c>
      <c r="GG30" s="63">
        <v>21</v>
      </c>
      <c r="GH30" s="60">
        <v>266</v>
      </c>
      <c r="GI30" s="61">
        <v>200</v>
      </c>
      <c r="GJ30" s="62">
        <v>466</v>
      </c>
      <c r="GK30" s="231"/>
      <c r="GL30" s="61">
        <v>246</v>
      </c>
      <c r="GM30" s="61">
        <v>133</v>
      </c>
      <c r="GN30" s="61">
        <v>147</v>
      </c>
      <c r="GO30" s="61">
        <v>135</v>
      </c>
      <c r="GP30" s="61">
        <v>126</v>
      </c>
      <c r="GQ30" s="62">
        <v>787</v>
      </c>
      <c r="GR30" s="63">
        <v>1253</v>
      </c>
      <c r="GS30" s="113">
        <v>369</v>
      </c>
      <c r="GT30" s="72">
        <v>310</v>
      </c>
      <c r="GU30" s="73">
        <v>679</v>
      </c>
      <c r="GV30" s="228"/>
      <c r="GW30" s="72">
        <v>341</v>
      </c>
      <c r="GX30" s="72">
        <v>223</v>
      </c>
      <c r="GY30" s="72">
        <v>203</v>
      </c>
      <c r="GZ30" s="72">
        <v>199</v>
      </c>
      <c r="HA30" s="72">
        <v>158</v>
      </c>
      <c r="HB30" s="74">
        <v>1124</v>
      </c>
      <c r="HC30" s="75">
        <v>1803</v>
      </c>
      <c r="HD30" s="60">
        <v>4</v>
      </c>
      <c r="HE30" s="61">
        <v>12</v>
      </c>
      <c r="HF30" s="62">
        <v>16</v>
      </c>
      <c r="HG30" s="231"/>
      <c r="HH30" s="61">
        <v>5</v>
      </c>
      <c r="HI30" s="61">
        <v>4</v>
      </c>
      <c r="HJ30" s="61">
        <v>2</v>
      </c>
      <c r="HK30" s="61">
        <v>2</v>
      </c>
      <c r="HL30" s="61">
        <v>3</v>
      </c>
      <c r="HM30" s="62">
        <v>16</v>
      </c>
      <c r="HN30" s="63">
        <v>32</v>
      </c>
      <c r="HO30" s="60">
        <v>25</v>
      </c>
      <c r="HP30" s="61">
        <v>25</v>
      </c>
      <c r="HQ30" s="62">
        <v>50</v>
      </c>
      <c r="HR30" s="231"/>
      <c r="HS30" s="61">
        <v>21</v>
      </c>
      <c r="HT30" s="61">
        <v>23</v>
      </c>
      <c r="HU30" s="61">
        <v>13</v>
      </c>
      <c r="HV30" s="61">
        <v>11</v>
      </c>
      <c r="HW30" s="61">
        <v>1</v>
      </c>
      <c r="HX30" s="62">
        <v>69</v>
      </c>
      <c r="HY30" s="63">
        <v>119</v>
      </c>
      <c r="HZ30" s="60">
        <v>61</v>
      </c>
      <c r="IA30" s="61">
        <v>41</v>
      </c>
      <c r="IB30" s="62">
        <v>102</v>
      </c>
      <c r="IC30" s="231"/>
      <c r="ID30" s="61">
        <v>33</v>
      </c>
      <c r="IE30" s="61">
        <v>33</v>
      </c>
      <c r="IF30" s="61">
        <v>15</v>
      </c>
      <c r="IG30" s="61">
        <v>24</v>
      </c>
      <c r="IH30" s="61">
        <v>17</v>
      </c>
      <c r="II30" s="62">
        <v>122</v>
      </c>
      <c r="IJ30" s="63">
        <v>224</v>
      </c>
      <c r="IK30" s="60">
        <v>91</v>
      </c>
      <c r="IL30" s="61">
        <v>69</v>
      </c>
      <c r="IM30" s="62">
        <v>160</v>
      </c>
      <c r="IN30" s="231"/>
      <c r="IO30" s="61">
        <v>76</v>
      </c>
      <c r="IP30" s="61">
        <v>45</v>
      </c>
      <c r="IQ30" s="61">
        <v>41</v>
      </c>
      <c r="IR30" s="61">
        <v>31</v>
      </c>
      <c r="IS30" s="61">
        <v>26</v>
      </c>
      <c r="IT30" s="62">
        <v>219</v>
      </c>
      <c r="IU30" s="63">
        <v>379</v>
      </c>
      <c r="IV30" s="60">
        <v>111</v>
      </c>
      <c r="IW30" s="61">
        <v>99</v>
      </c>
      <c r="IX30" s="62">
        <v>210</v>
      </c>
      <c r="IY30" s="231"/>
      <c r="IZ30" s="61">
        <v>98</v>
      </c>
      <c r="JA30" s="61">
        <v>50</v>
      </c>
      <c r="JB30" s="61">
        <v>52</v>
      </c>
      <c r="JC30" s="61">
        <v>45</v>
      </c>
      <c r="JD30" s="61">
        <v>49</v>
      </c>
      <c r="JE30" s="62">
        <v>294</v>
      </c>
      <c r="JF30" s="63">
        <v>504</v>
      </c>
      <c r="JG30" s="60">
        <v>77</v>
      </c>
      <c r="JH30" s="61">
        <v>64</v>
      </c>
      <c r="JI30" s="62">
        <v>141</v>
      </c>
      <c r="JJ30" s="231"/>
      <c r="JK30" s="61">
        <v>108</v>
      </c>
      <c r="JL30" s="61">
        <v>68</v>
      </c>
      <c r="JM30" s="61">
        <v>80</v>
      </c>
      <c r="JN30" s="61">
        <v>86</v>
      </c>
      <c r="JO30" s="61">
        <v>62</v>
      </c>
      <c r="JP30" s="62">
        <v>404</v>
      </c>
      <c r="JQ30" s="63">
        <v>545</v>
      </c>
      <c r="JR30" s="60">
        <v>6</v>
      </c>
      <c r="JS30" s="61">
        <v>3</v>
      </c>
      <c r="JT30" s="62">
        <v>9</v>
      </c>
      <c r="JU30" s="231"/>
      <c r="JV30" s="61">
        <v>9</v>
      </c>
      <c r="JW30" s="61">
        <v>9</v>
      </c>
      <c r="JX30" s="61">
        <v>8</v>
      </c>
      <c r="JY30" s="61">
        <v>4</v>
      </c>
      <c r="JZ30" s="61">
        <v>3</v>
      </c>
      <c r="KA30" s="62">
        <v>33</v>
      </c>
      <c r="KB30" s="63">
        <v>42</v>
      </c>
      <c r="KC30" s="60">
        <v>375</v>
      </c>
      <c r="KD30" s="61">
        <v>313</v>
      </c>
      <c r="KE30" s="62">
        <v>688</v>
      </c>
      <c r="KF30" s="231"/>
      <c r="KG30" s="61">
        <v>350</v>
      </c>
      <c r="KH30" s="61">
        <v>232</v>
      </c>
      <c r="KI30" s="61">
        <v>211</v>
      </c>
      <c r="KJ30" s="61">
        <v>203</v>
      </c>
      <c r="KK30" s="61">
        <v>161</v>
      </c>
      <c r="KL30" s="62">
        <v>1157</v>
      </c>
      <c r="KM30" s="63">
        <v>1845</v>
      </c>
    </row>
    <row r="31" spans="2:299" ht="21" customHeight="1" x14ac:dyDescent="0.2">
      <c r="B31" s="472" t="s">
        <v>28</v>
      </c>
      <c r="C31" s="293">
        <v>5</v>
      </c>
      <c r="D31" s="72">
        <v>17</v>
      </c>
      <c r="E31" s="73">
        <v>22</v>
      </c>
      <c r="F31" s="228"/>
      <c r="G31" s="72">
        <v>54</v>
      </c>
      <c r="H31" s="72">
        <v>42</v>
      </c>
      <c r="I31" s="72">
        <v>25</v>
      </c>
      <c r="J31" s="72">
        <v>14</v>
      </c>
      <c r="K31" s="72">
        <v>16</v>
      </c>
      <c r="L31" s="74">
        <v>151</v>
      </c>
      <c r="M31" s="75">
        <v>173</v>
      </c>
      <c r="N31" s="60">
        <v>0</v>
      </c>
      <c r="O31" s="61">
        <v>3</v>
      </c>
      <c r="P31" s="62">
        <v>3</v>
      </c>
      <c r="Q31" s="231"/>
      <c r="R31" s="61">
        <v>2</v>
      </c>
      <c r="S31" s="61">
        <v>1</v>
      </c>
      <c r="T31" s="61">
        <v>2</v>
      </c>
      <c r="U31" s="61">
        <v>2</v>
      </c>
      <c r="V31" s="61">
        <v>1</v>
      </c>
      <c r="W31" s="62">
        <v>8</v>
      </c>
      <c r="X31" s="63">
        <v>11</v>
      </c>
      <c r="Y31" s="60">
        <v>0</v>
      </c>
      <c r="Z31" s="61">
        <v>5</v>
      </c>
      <c r="AA31" s="62">
        <v>5</v>
      </c>
      <c r="AB31" s="231"/>
      <c r="AC31" s="61">
        <v>9</v>
      </c>
      <c r="AD31" s="61">
        <v>4</v>
      </c>
      <c r="AE31" s="61">
        <v>3</v>
      </c>
      <c r="AF31" s="61">
        <v>1</v>
      </c>
      <c r="AG31" s="61">
        <v>1</v>
      </c>
      <c r="AH31" s="62">
        <v>18</v>
      </c>
      <c r="AI31" s="63">
        <v>23</v>
      </c>
      <c r="AJ31" s="60">
        <v>1</v>
      </c>
      <c r="AK31" s="61">
        <v>1</v>
      </c>
      <c r="AL31" s="62">
        <v>2</v>
      </c>
      <c r="AM31" s="231"/>
      <c r="AN31" s="61">
        <v>12</v>
      </c>
      <c r="AO31" s="61">
        <v>6</v>
      </c>
      <c r="AP31" s="61">
        <v>4</v>
      </c>
      <c r="AQ31" s="61">
        <v>1</v>
      </c>
      <c r="AR31" s="61">
        <v>4</v>
      </c>
      <c r="AS31" s="62">
        <v>27</v>
      </c>
      <c r="AT31" s="63">
        <v>29</v>
      </c>
      <c r="AU31" s="60">
        <v>1</v>
      </c>
      <c r="AV31" s="61">
        <v>3</v>
      </c>
      <c r="AW31" s="62">
        <v>4</v>
      </c>
      <c r="AX31" s="231"/>
      <c r="AY31" s="61">
        <v>17</v>
      </c>
      <c r="AZ31" s="61">
        <v>11</v>
      </c>
      <c r="BA31" s="61">
        <v>2</v>
      </c>
      <c r="BB31" s="61">
        <v>5</v>
      </c>
      <c r="BC31" s="61">
        <v>2</v>
      </c>
      <c r="BD31" s="62">
        <v>37</v>
      </c>
      <c r="BE31" s="63">
        <v>41</v>
      </c>
      <c r="BF31" s="60">
        <v>2</v>
      </c>
      <c r="BG31" s="61">
        <v>3</v>
      </c>
      <c r="BH31" s="62">
        <v>5</v>
      </c>
      <c r="BI31" s="231"/>
      <c r="BJ31" s="61">
        <v>7</v>
      </c>
      <c r="BK31" s="61">
        <v>13</v>
      </c>
      <c r="BL31" s="61">
        <v>6</v>
      </c>
      <c r="BM31" s="61">
        <v>0</v>
      </c>
      <c r="BN31" s="61">
        <v>4</v>
      </c>
      <c r="BO31" s="62">
        <v>30</v>
      </c>
      <c r="BP31" s="63">
        <v>35</v>
      </c>
      <c r="BQ31" s="60">
        <v>1</v>
      </c>
      <c r="BR31" s="61">
        <v>2</v>
      </c>
      <c r="BS31" s="62">
        <v>3</v>
      </c>
      <c r="BT31" s="231"/>
      <c r="BU31" s="61">
        <v>7</v>
      </c>
      <c r="BV31" s="61">
        <v>7</v>
      </c>
      <c r="BW31" s="61">
        <v>8</v>
      </c>
      <c r="BX31" s="61">
        <v>5</v>
      </c>
      <c r="BY31" s="61">
        <v>4</v>
      </c>
      <c r="BZ31" s="62">
        <v>31</v>
      </c>
      <c r="CA31" s="63">
        <v>34</v>
      </c>
      <c r="CB31" s="60">
        <v>0</v>
      </c>
      <c r="CC31" s="61">
        <v>1</v>
      </c>
      <c r="CD31" s="62">
        <v>1</v>
      </c>
      <c r="CE31" s="231"/>
      <c r="CF31" s="61">
        <v>0</v>
      </c>
      <c r="CG31" s="61">
        <v>3</v>
      </c>
      <c r="CH31" s="61">
        <v>0</v>
      </c>
      <c r="CI31" s="61">
        <v>0</v>
      </c>
      <c r="CJ31" s="61">
        <v>2</v>
      </c>
      <c r="CK31" s="62">
        <v>5</v>
      </c>
      <c r="CL31" s="63">
        <v>6</v>
      </c>
      <c r="CM31" s="60">
        <v>5</v>
      </c>
      <c r="CN31" s="61">
        <v>18</v>
      </c>
      <c r="CO31" s="62">
        <v>23</v>
      </c>
      <c r="CP31" s="231"/>
      <c r="CQ31" s="61">
        <v>54</v>
      </c>
      <c r="CR31" s="61">
        <v>45</v>
      </c>
      <c r="CS31" s="61">
        <v>25</v>
      </c>
      <c r="CT31" s="61">
        <v>14</v>
      </c>
      <c r="CU31" s="61">
        <v>18</v>
      </c>
      <c r="CV31" s="62">
        <v>156</v>
      </c>
      <c r="CW31" s="63">
        <v>179</v>
      </c>
      <c r="CX31" s="113">
        <v>18</v>
      </c>
      <c r="CY31" s="72">
        <v>36</v>
      </c>
      <c r="CZ31" s="73">
        <v>54</v>
      </c>
      <c r="DA31" s="228"/>
      <c r="DB31" s="72">
        <v>61</v>
      </c>
      <c r="DC31" s="72">
        <v>81</v>
      </c>
      <c r="DD31" s="72">
        <v>51</v>
      </c>
      <c r="DE31" s="72">
        <v>51</v>
      </c>
      <c r="DF31" s="72">
        <v>28</v>
      </c>
      <c r="DG31" s="74">
        <v>272</v>
      </c>
      <c r="DH31" s="75">
        <v>326</v>
      </c>
      <c r="DI31" s="60">
        <v>1</v>
      </c>
      <c r="DJ31" s="61">
        <v>0</v>
      </c>
      <c r="DK31" s="62">
        <v>1</v>
      </c>
      <c r="DL31" s="231"/>
      <c r="DM31" s="61">
        <v>2</v>
      </c>
      <c r="DN31" s="61">
        <v>2</v>
      </c>
      <c r="DO31" s="61">
        <v>0</v>
      </c>
      <c r="DP31" s="61">
        <v>0</v>
      </c>
      <c r="DQ31" s="61">
        <v>0</v>
      </c>
      <c r="DR31" s="62">
        <v>4</v>
      </c>
      <c r="DS31" s="63">
        <v>5</v>
      </c>
      <c r="DT31" s="60">
        <v>1</v>
      </c>
      <c r="DU31" s="61">
        <v>7</v>
      </c>
      <c r="DV31" s="62">
        <v>8</v>
      </c>
      <c r="DW31" s="231"/>
      <c r="DX31" s="61">
        <v>2</v>
      </c>
      <c r="DY31" s="61">
        <v>8</v>
      </c>
      <c r="DZ31" s="61">
        <v>1</v>
      </c>
      <c r="EA31" s="61">
        <v>0</v>
      </c>
      <c r="EB31" s="61">
        <v>0</v>
      </c>
      <c r="EC31" s="62">
        <v>11</v>
      </c>
      <c r="ED31" s="63">
        <v>19</v>
      </c>
      <c r="EE31" s="60">
        <v>3</v>
      </c>
      <c r="EF31" s="61">
        <v>7</v>
      </c>
      <c r="EG31" s="62">
        <v>10</v>
      </c>
      <c r="EH31" s="231"/>
      <c r="EI31" s="61">
        <v>8</v>
      </c>
      <c r="EJ31" s="61">
        <v>9</v>
      </c>
      <c r="EK31" s="61">
        <v>7</v>
      </c>
      <c r="EL31" s="61">
        <v>4</v>
      </c>
      <c r="EM31" s="61">
        <v>6</v>
      </c>
      <c r="EN31" s="62">
        <v>34</v>
      </c>
      <c r="EO31" s="63">
        <v>44</v>
      </c>
      <c r="EP31" s="60">
        <v>8</v>
      </c>
      <c r="EQ31" s="61">
        <v>11</v>
      </c>
      <c r="ER31" s="62">
        <v>19</v>
      </c>
      <c r="ES31" s="231"/>
      <c r="ET31" s="61">
        <v>18</v>
      </c>
      <c r="EU31" s="61">
        <v>11</v>
      </c>
      <c r="EV31" s="61">
        <v>17</v>
      </c>
      <c r="EW31" s="61">
        <v>5</v>
      </c>
      <c r="EX31" s="61">
        <v>6</v>
      </c>
      <c r="EY31" s="62">
        <v>57</v>
      </c>
      <c r="EZ31" s="63">
        <v>76</v>
      </c>
      <c r="FA31" s="60">
        <v>4</v>
      </c>
      <c r="FB31" s="61">
        <v>8</v>
      </c>
      <c r="FC31" s="62">
        <v>12</v>
      </c>
      <c r="FD31" s="231"/>
      <c r="FE31" s="61">
        <v>14</v>
      </c>
      <c r="FF31" s="61">
        <v>29</v>
      </c>
      <c r="FG31" s="61">
        <v>9</v>
      </c>
      <c r="FH31" s="61">
        <v>18</v>
      </c>
      <c r="FI31" s="61">
        <v>7</v>
      </c>
      <c r="FJ31" s="62">
        <v>77</v>
      </c>
      <c r="FK31" s="63">
        <v>89</v>
      </c>
      <c r="FL31" s="60">
        <v>1</v>
      </c>
      <c r="FM31" s="61">
        <v>3</v>
      </c>
      <c r="FN31" s="62">
        <v>4</v>
      </c>
      <c r="FO31" s="231"/>
      <c r="FP31" s="61">
        <v>17</v>
      </c>
      <c r="FQ31" s="61">
        <v>22</v>
      </c>
      <c r="FR31" s="61">
        <v>17</v>
      </c>
      <c r="FS31" s="61">
        <v>24</v>
      </c>
      <c r="FT31" s="61">
        <v>9</v>
      </c>
      <c r="FU31" s="62">
        <v>89</v>
      </c>
      <c r="FV31" s="63">
        <v>93</v>
      </c>
      <c r="FW31" s="60">
        <v>2</v>
      </c>
      <c r="FX31" s="61">
        <v>0</v>
      </c>
      <c r="FY31" s="62">
        <v>2</v>
      </c>
      <c r="FZ31" s="231"/>
      <c r="GA31" s="61">
        <v>1</v>
      </c>
      <c r="GB31" s="61">
        <v>1</v>
      </c>
      <c r="GC31" s="61">
        <v>0</v>
      </c>
      <c r="GD31" s="61">
        <v>0</v>
      </c>
      <c r="GE31" s="61">
        <v>2</v>
      </c>
      <c r="GF31" s="62">
        <v>4</v>
      </c>
      <c r="GG31" s="63">
        <v>6</v>
      </c>
      <c r="GH31" s="60">
        <v>20</v>
      </c>
      <c r="GI31" s="61">
        <v>36</v>
      </c>
      <c r="GJ31" s="62">
        <v>56</v>
      </c>
      <c r="GK31" s="231"/>
      <c r="GL31" s="61">
        <v>62</v>
      </c>
      <c r="GM31" s="61">
        <v>82</v>
      </c>
      <c r="GN31" s="61">
        <v>51</v>
      </c>
      <c r="GO31" s="61">
        <v>51</v>
      </c>
      <c r="GP31" s="61">
        <v>30</v>
      </c>
      <c r="GQ31" s="62">
        <v>276</v>
      </c>
      <c r="GR31" s="63">
        <v>332</v>
      </c>
      <c r="GS31" s="113">
        <v>23</v>
      </c>
      <c r="GT31" s="72">
        <v>53</v>
      </c>
      <c r="GU31" s="73">
        <v>76</v>
      </c>
      <c r="GV31" s="228"/>
      <c r="GW31" s="72">
        <v>115</v>
      </c>
      <c r="GX31" s="72">
        <v>123</v>
      </c>
      <c r="GY31" s="72">
        <v>76</v>
      </c>
      <c r="GZ31" s="72">
        <v>65</v>
      </c>
      <c r="HA31" s="72">
        <v>44</v>
      </c>
      <c r="HB31" s="74">
        <v>423</v>
      </c>
      <c r="HC31" s="75">
        <v>499</v>
      </c>
      <c r="HD31" s="60">
        <v>1</v>
      </c>
      <c r="HE31" s="61">
        <v>3</v>
      </c>
      <c r="HF31" s="62">
        <v>4</v>
      </c>
      <c r="HG31" s="231"/>
      <c r="HH31" s="61">
        <v>4</v>
      </c>
      <c r="HI31" s="61">
        <v>3</v>
      </c>
      <c r="HJ31" s="61">
        <v>2</v>
      </c>
      <c r="HK31" s="61">
        <v>2</v>
      </c>
      <c r="HL31" s="61">
        <v>1</v>
      </c>
      <c r="HM31" s="62">
        <v>12</v>
      </c>
      <c r="HN31" s="63">
        <v>16</v>
      </c>
      <c r="HO31" s="60">
        <v>1</v>
      </c>
      <c r="HP31" s="61">
        <v>12</v>
      </c>
      <c r="HQ31" s="62">
        <v>13</v>
      </c>
      <c r="HR31" s="231"/>
      <c r="HS31" s="61">
        <v>11</v>
      </c>
      <c r="HT31" s="61">
        <v>12</v>
      </c>
      <c r="HU31" s="61">
        <v>4</v>
      </c>
      <c r="HV31" s="61">
        <v>1</v>
      </c>
      <c r="HW31" s="61">
        <v>1</v>
      </c>
      <c r="HX31" s="62">
        <v>29</v>
      </c>
      <c r="HY31" s="63">
        <v>42</v>
      </c>
      <c r="HZ31" s="60">
        <v>4</v>
      </c>
      <c r="IA31" s="61">
        <v>8</v>
      </c>
      <c r="IB31" s="62">
        <v>12</v>
      </c>
      <c r="IC31" s="231"/>
      <c r="ID31" s="61">
        <v>20</v>
      </c>
      <c r="IE31" s="61">
        <v>15</v>
      </c>
      <c r="IF31" s="61">
        <v>11</v>
      </c>
      <c r="IG31" s="61">
        <v>5</v>
      </c>
      <c r="IH31" s="61">
        <v>10</v>
      </c>
      <c r="II31" s="62">
        <v>61</v>
      </c>
      <c r="IJ31" s="63">
        <v>73</v>
      </c>
      <c r="IK31" s="60">
        <v>9</v>
      </c>
      <c r="IL31" s="61">
        <v>14</v>
      </c>
      <c r="IM31" s="62">
        <v>23</v>
      </c>
      <c r="IN31" s="231"/>
      <c r="IO31" s="61">
        <v>35</v>
      </c>
      <c r="IP31" s="61">
        <v>22</v>
      </c>
      <c r="IQ31" s="61">
        <v>19</v>
      </c>
      <c r="IR31" s="61">
        <v>10</v>
      </c>
      <c r="IS31" s="61">
        <v>8</v>
      </c>
      <c r="IT31" s="62">
        <v>94</v>
      </c>
      <c r="IU31" s="63">
        <v>117</v>
      </c>
      <c r="IV31" s="60">
        <v>6</v>
      </c>
      <c r="IW31" s="61">
        <v>11</v>
      </c>
      <c r="IX31" s="62">
        <v>17</v>
      </c>
      <c r="IY31" s="231"/>
      <c r="IZ31" s="61">
        <v>21</v>
      </c>
      <c r="JA31" s="61">
        <v>42</v>
      </c>
      <c r="JB31" s="61">
        <v>15</v>
      </c>
      <c r="JC31" s="61">
        <v>18</v>
      </c>
      <c r="JD31" s="61">
        <v>11</v>
      </c>
      <c r="JE31" s="62">
        <v>107</v>
      </c>
      <c r="JF31" s="63">
        <v>124</v>
      </c>
      <c r="JG31" s="60">
        <v>2</v>
      </c>
      <c r="JH31" s="61">
        <v>5</v>
      </c>
      <c r="JI31" s="62">
        <v>7</v>
      </c>
      <c r="JJ31" s="231"/>
      <c r="JK31" s="61">
        <v>24</v>
      </c>
      <c r="JL31" s="61">
        <v>29</v>
      </c>
      <c r="JM31" s="61">
        <v>25</v>
      </c>
      <c r="JN31" s="61">
        <v>29</v>
      </c>
      <c r="JO31" s="61">
        <v>13</v>
      </c>
      <c r="JP31" s="62">
        <v>120</v>
      </c>
      <c r="JQ31" s="63">
        <v>127</v>
      </c>
      <c r="JR31" s="60">
        <v>2</v>
      </c>
      <c r="JS31" s="61">
        <v>1</v>
      </c>
      <c r="JT31" s="62">
        <v>3</v>
      </c>
      <c r="JU31" s="231"/>
      <c r="JV31" s="61">
        <v>1</v>
      </c>
      <c r="JW31" s="61">
        <v>4</v>
      </c>
      <c r="JX31" s="61">
        <v>0</v>
      </c>
      <c r="JY31" s="61">
        <v>0</v>
      </c>
      <c r="JZ31" s="61">
        <v>4</v>
      </c>
      <c r="KA31" s="62">
        <v>9</v>
      </c>
      <c r="KB31" s="63">
        <v>12</v>
      </c>
      <c r="KC31" s="60">
        <v>25</v>
      </c>
      <c r="KD31" s="61">
        <v>54</v>
      </c>
      <c r="KE31" s="62">
        <v>79</v>
      </c>
      <c r="KF31" s="231"/>
      <c r="KG31" s="61">
        <v>116</v>
      </c>
      <c r="KH31" s="61">
        <v>127</v>
      </c>
      <c r="KI31" s="61">
        <v>76</v>
      </c>
      <c r="KJ31" s="61">
        <v>65</v>
      </c>
      <c r="KK31" s="61">
        <v>48</v>
      </c>
      <c r="KL31" s="62">
        <v>432</v>
      </c>
      <c r="KM31" s="63">
        <v>511</v>
      </c>
    </row>
    <row r="32" spans="2:299" ht="21" customHeight="1" x14ac:dyDescent="0.2">
      <c r="B32" s="472" t="s">
        <v>29</v>
      </c>
      <c r="C32" s="293">
        <v>23</v>
      </c>
      <c r="D32" s="72">
        <v>29</v>
      </c>
      <c r="E32" s="73">
        <v>52</v>
      </c>
      <c r="F32" s="228"/>
      <c r="G32" s="72">
        <v>46</v>
      </c>
      <c r="H32" s="72">
        <v>43</v>
      </c>
      <c r="I32" s="72">
        <v>46</v>
      </c>
      <c r="J32" s="72">
        <v>31</v>
      </c>
      <c r="K32" s="72">
        <v>18</v>
      </c>
      <c r="L32" s="74">
        <v>184</v>
      </c>
      <c r="M32" s="75">
        <v>236</v>
      </c>
      <c r="N32" s="60">
        <v>2</v>
      </c>
      <c r="O32" s="61">
        <v>1</v>
      </c>
      <c r="P32" s="62">
        <v>3</v>
      </c>
      <c r="Q32" s="231"/>
      <c r="R32" s="61">
        <v>3</v>
      </c>
      <c r="S32" s="61">
        <v>0</v>
      </c>
      <c r="T32" s="61">
        <v>3</v>
      </c>
      <c r="U32" s="61">
        <v>1</v>
      </c>
      <c r="V32" s="61">
        <v>2</v>
      </c>
      <c r="W32" s="62">
        <v>9</v>
      </c>
      <c r="X32" s="63">
        <v>12</v>
      </c>
      <c r="Y32" s="60">
        <v>2</v>
      </c>
      <c r="Z32" s="61">
        <v>3</v>
      </c>
      <c r="AA32" s="62">
        <v>5</v>
      </c>
      <c r="AB32" s="231"/>
      <c r="AC32" s="61">
        <v>6</v>
      </c>
      <c r="AD32" s="61">
        <v>1</v>
      </c>
      <c r="AE32" s="61">
        <v>7</v>
      </c>
      <c r="AF32" s="61">
        <v>3</v>
      </c>
      <c r="AG32" s="61">
        <v>1</v>
      </c>
      <c r="AH32" s="62">
        <v>18</v>
      </c>
      <c r="AI32" s="63">
        <v>23</v>
      </c>
      <c r="AJ32" s="60">
        <v>1</v>
      </c>
      <c r="AK32" s="61">
        <v>5</v>
      </c>
      <c r="AL32" s="62">
        <v>6</v>
      </c>
      <c r="AM32" s="231"/>
      <c r="AN32" s="61">
        <v>12</v>
      </c>
      <c r="AO32" s="61">
        <v>13</v>
      </c>
      <c r="AP32" s="61">
        <v>8</v>
      </c>
      <c r="AQ32" s="61">
        <v>7</v>
      </c>
      <c r="AR32" s="61">
        <v>1</v>
      </c>
      <c r="AS32" s="62">
        <v>41</v>
      </c>
      <c r="AT32" s="63">
        <v>47</v>
      </c>
      <c r="AU32" s="60">
        <v>9</v>
      </c>
      <c r="AV32" s="61">
        <v>8</v>
      </c>
      <c r="AW32" s="62">
        <v>17</v>
      </c>
      <c r="AX32" s="231"/>
      <c r="AY32" s="61">
        <v>4</v>
      </c>
      <c r="AZ32" s="61">
        <v>8</v>
      </c>
      <c r="BA32" s="61">
        <v>5</v>
      </c>
      <c r="BB32" s="61">
        <v>8</v>
      </c>
      <c r="BC32" s="61">
        <v>6</v>
      </c>
      <c r="BD32" s="62">
        <v>31</v>
      </c>
      <c r="BE32" s="63">
        <v>48</v>
      </c>
      <c r="BF32" s="60">
        <v>7</v>
      </c>
      <c r="BG32" s="61">
        <v>8</v>
      </c>
      <c r="BH32" s="62">
        <v>15</v>
      </c>
      <c r="BI32" s="231"/>
      <c r="BJ32" s="61">
        <v>13</v>
      </c>
      <c r="BK32" s="61">
        <v>8</v>
      </c>
      <c r="BL32" s="61">
        <v>14</v>
      </c>
      <c r="BM32" s="61">
        <v>6</v>
      </c>
      <c r="BN32" s="61">
        <v>4</v>
      </c>
      <c r="BO32" s="62">
        <v>45</v>
      </c>
      <c r="BP32" s="63">
        <v>60</v>
      </c>
      <c r="BQ32" s="60">
        <v>2</v>
      </c>
      <c r="BR32" s="61">
        <v>4</v>
      </c>
      <c r="BS32" s="62">
        <v>6</v>
      </c>
      <c r="BT32" s="231"/>
      <c r="BU32" s="61">
        <v>8</v>
      </c>
      <c r="BV32" s="61">
        <v>13</v>
      </c>
      <c r="BW32" s="61">
        <v>9</v>
      </c>
      <c r="BX32" s="61">
        <v>6</v>
      </c>
      <c r="BY32" s="61">
        <v>4</v>
      </c>
      <c r="BZ32" s="62">
        <v>40</v>
      </c>
      <c r="CA32" s="63">
        <v>46</v>
      </c>
      <c r="CB32" s="60">
        <v>2</v>
      </c>
      <c r="CC32" s="61">
        <v>1</v>
      </c>
      <c r="CD32" s="62">
        <v>3</v>
      </c>
      <c r="CE32" s="231"/>
      <c r="CF32" s="61">
        <v>3</v>
      </c>
      <c r="CG32" s="61">
        <v>5</v>
      </c>
      <c r="CH32" s="61">
        <v>1</v>
      </c>
      <c r="CI32" s="61">
        <v>1</v>
      </c>
      <c r="CJ32" s="61">
        <v>0</v>
      </c>
      <c r="CK32" s="62">
        <v>10</v>
      </c>
      <c r="CL32" s="63">
        <v>13</v>
      </c>
      <c r="CM32" s="60">
        <v>25</v>
      </c>
      <c r="CN32" s="61">
        <v>30</v>
      </c>
      <c r="CO32" s="62">
        <v>55</v>
      </c>
      <c r="CP32" s="231"/>
      <c r="CQ32" s="61">
        <v>49</v>
      </c>
      <c r="CR32" s="61">
        <v>48</v>
      </c>
      <c r="CS32" s="61">
        <v>47</v>
      </c>
      <c r="CT32" s="61">
        <v>32</v>
      </c>
      <c r="CU32" s="61">
        <v>18</v>
      </c>
      <c r="CV32" s="62">
        <v>194</v>
      </c>
      <c r="CW32" s="63">
        <v>249</v>
      </c>
      <c r="CX32" s="113">
        <v>47</v>
      </c>
      <c r="CY32" s="72">
        <v>49</v>
      </c>
      <c r="CZ32" s="73">
        <v>96</v>
      </c>
      <c r="DA32" s="228"/>
      <c r="DB32" s="72">
        <v>98</v>
      </c>
      <c r="DC32" s="72">
        <v>80</v>
      </c>
      <c r="DD32" s="72">
        <v>76</v>
      </c>
      <c r="DE32" s="72">
        <v>77</v>
      </c>
      <c r="DF32" s="72">
        <v>51</v>
      </c>
      <c r="DG32" s="74">
        <v>382</v>
      </c>
      <c r="DH32" s="75">
        <v>478</v>
      </c>
      <c r="DI32" s="60">
        <v>3</v>
      </c>
      <c r="DJ32" s="61">
        <v>1</v>
      </c>
      <c r="DK32" s="62">
        <v>4</v>
      </c>
      <c r="DL32" s="231"/>
      <c r="DM32" s="61">
        <v>3</v>
      </c>
      <c r="DN32" s="61">
        <v>2</v>
      </c>
      <c r="DO32" s="61">
        <v>2</v>
      </c>
      <c r="DP32" s="61">
        <v>0</v>
      </c>
      <c r="DQ32" s="61">
        <v>2</v>
      </c>
      <c r="DR32" s="62">
        <v>9</v>
      </c>
      <c r="DS32" s="63">
        <v>13</v>
      </c>
      <c r="DT32" s="60">
        <v>2</v>
      </c>
      <c r="DU32" s="61">
        <v>4</v>
      </c>
      <c r="DV32" s="62">
        <v>6</v>
      </c>
      <c r="DW32" s="231"/>
      <c r="DX32" s="61">
        <v>6</v>
      </c>
      <c r="DY32" s="61">
        <v>6</v>
      </c>
      <c r="DZ32" s="61">
        <v>2</v>
      </c>
      <c r="EA32" s="61">
        <v>3</v>
      </c>
      <c r="EB32" s="61">
        <v>3</v>
      </c>
      <c r="EC32" s="62">
        <v>20</v>
      </c>
      <c r="ED32" s="63">
        <v>26</v>
      </c>
      <c r="EE32" s="60">
        <v>9</v>
      </c>
      <c r="EF32" s="61">
        <v>7</v>
      </c>
      <c r="EG32" s="62">
        <v>16</v>
      </c>
      <c r="EH32" s="231"/>
      <c r="EI32" s="61">
        <v>13</v>
      </c>
      <c r="EJ32" s="61">
        <v>5</v>
      </c>
      <c r="EK32" s="61">
        <v>4</v>
      </c>
      <c r="EL32" s="61">
        <v>7</v>
      </c>
      <c r="EM32" s="61">
        <v>2</v>
      </c>
      <c r="EN32" s="62">
        <v>31</v>
      </c>
      <c r="EO32" s="63">
        <v>47</v>
      </c>
      <c r="EP32" s="60">
        <v>16</v>
      </c>
      <c r="EQ32" s="61">
        <v>15</v>
      </c>
      <c r="ER32" s="62">
        <v>31</v>
      </c>
      <c r="ES32" s="231"/>
      <c r="ET32" s="61">
        <v>26</v>
      </c>
      <c r="EU32" s="61">
        <v>15</v>
      </c>
      <c r="EV32" s="61">
        <v>20</v>
      </c>
      <c r="EW32" s="61">
        <v>12</v>
      </c>
      <c r="EX32" s="61">
        <v>11</v>
      </c>
      <c r="EY32" s="62">
        <v>84</v>
      </c>
      <c r="EZ32" s="63">
        <v>115</v>
      </c>
      <c r="FA32" s="60">
        <v>13</v>
      </c>
      <c r="FB32" s="61">
        <v>9</v>
      </c>
      <c r="FC32" s="62">
        <v>22</v>
      </c>
      <c r="FD32" s="231"/>
      <c r="FE32" s="61">
        <v>30</v>
      </c>
      <c r="FF32" s="61">
        <v>29</v>
      </c>
      <c r="FG32" s="61">
        <v>19</v>
      </c>
      <c r="FH32" s="61">
        <v>21</v>
      </c>
      <c r="FI32" s="61">
        <v>14</v>
      </c>
      <c r="FJ32" s="62">
        <v>113</v>
      </c>
      <c r="FK32" s="63">
        <v>135</v>
      </c>
      <c r="FL32" s="60">
        <v>4</v>
      </c>
      <c r="FM32" s="61">
        <v>13</v>
      </c>
      <c r="FN32" s="62">
        <v>17</v>
      </c>
      <c r="FO32" s="231"/>
      <c r="FP32" s="61">
        <v>20</v>
      </c>
      <c r="FQ32" s="61">
        <v>23</v>
      </c>
      <c r="FR32" s="61">
        <v>29</v>
      </c>
      <c r="FS32" s="61">
        <v>34</v>
      </c>
      <c r="FT32" s="61">
        <v>19</v>
      </c>
      <c r="FU32" s="62">
        <v>125</v>
      </c>
      <c r="FV32" s="63">
        <v>142</v>
      </c>
      <c r="FW32" s="60">
        <v>0</v>
      </c>
      <c r="FX32" s="61">
        <v>2</v>
      </c>
      <c r="FY32" s="62">
        <v>2</v>
      </c>
      <c r="FZ32" s="231"/>
      <c r="GA32" s="61">
        <v>1</v>
      </c>
      <c r="GB32" s="61">
        <v>1</v>
      </c>
      <c r="GC32" s="61">
        <v>2</v>
      </c>
      <c r="GD32" s="61">
        <v>0</v>
      </c>
      <c r="GE32" s="61">
        <v>0</v>
      </c>
      <c r="GF32" s="62">
        <v>4</v>
      </c>
      <c r="GG32" s="63">
        <v>6</v>
      </c>
      <c r="GH32" s="60">
        <v>47</v>
      </c>
      <c r="GI32" s="61">
        <v>51</v>
      </c>
      <c r="GJ32" s="62">
        <v>98</v>
      </c>
      <c r="GK32" s="231"/>
      <c r="GL32" s="61">
        <v>99</v>
      </c>
      <c r="GM32" s="61">
        <v>81</v>
      </c>
      <c r="GN32" s="61">
        <v>78</v>
      </c>
      <c r="GO32" s="61">
        <v>77</v>
      </c>
      <c r="GP32" s="61">
        <v>51</v>
      </c>
      <c r="GQ32" s="62">
        <v>386</v>
      </c>
      <c r="GR32" s="63">
        <v>484</v>
      </c>
      <c r="GS32" s="113">
        <v>70</v>
      </c>
      <c r="GT32" s="72">
        <v>78</v>
      </c>
      <c r="GU32" s="73">
        <v>148</v>
      </c>
      <c r="GV32" s="228"/>
      <c r="GW32" s="72">
        <v>144</v>
      </c>
      <c r="GX32" s="72">
        <v>123</v>
      </c>
      <c r="GY32" s="72">
        <v>122</v>
      </c>
      <c r="GZ32" s="72">
        <v>108</v>
      </c>
      <c r="HA32" s="72">
        <v>69</v>
      </c>
      <c r="HB32" s="74">
        <v>566</v>
      </c>
      <c r="HC32" s="75">
        <v>714</v>
      </c>
      <c r="HD32" s="60">
        <v>5</v>
      </c>
      <c r="HE32" s="61">
        <v>2</v>
      </c>
      <c r="HF32" s="62">
        <v>7</v>
      </c>
      <c r="HG32" s="231"/>
      <c r="HH32" s="61">
        <v>6</v>
      </c>
      <c r="HI32" s="61">
        <v>2</v>
      </c>
      <c r="HJ32" s="61">
        <v>5</v>
      </c>
      <c r="HK32" s="61">
        <v>1</v>
      </c>
      <c r="HL32" s="61">
        <v>4</v>
      </c>
      <c r="HM32" s="62">
        <v>18</v>
      </c>
      <c r="HN32" s="63">
        <v>25</v>
      </c>
      <c r="HO32" s="60">
        <v>4</v>
      </c>
      <c r="HP32" s="61">
        <v>7</v>
      </c>
      <c r="HQ32" s="62">
        <v>11</v>
      </c>
      <c r="HR32" s="231"/>
      <c r="HS32" s="61">
        <v>12</v>
      </c>
      <c r="HT32" s="61">
        <v>7</v>
      </c>
      <c r="HU32" s="61">
        <v>9</v>
      </c>
      <c r="HV32" s="61">
        <v>6</v>
      </c>
      <c r="HW32" s="61">
        <v>4</v>
      </c>
      <c r="HX32" s="62">
        <v>38</v>
      </c>
      <c r="HY32" s="63">
        <v>49</v>
      </c>
      <c r="HZ32" s="60">
        <v>10</v>
      </c>
      <c r="IA32" s="61">
        <v>12</v>
      </c>
      <c r="IB32" s="62">
        <v>22</v>
      </c>
      <c r="IC32" s="231"/>
      <c r="ID32" s="61">
        <v>25</v>
      </c>
      <c r="IE32" s="61">
        <v>18</v>
      </c>
      <c r="IF32" s="61">
        <v>12</v>
      </c>
      <c r="IG32" s="61">
        <v>14</v>
      </c>
      <c r="IH32" s="61">
        <v>3</v>
      </c>
      <c r="II32" s="62">
        <v>72</v>
      </c>
      <c r="IJ32" s="63">
        <v>94</v>
      </c>
      <c r="IK32" s="60">
        <v>25</v>
      </c>
      <c r="IL32" s="61">
        <v>23</v>
      </c>
      <c r="IM32" s="62">
        <v>48</v>
      </c>
      <c r="IN32" s="231"/>
      <c r="IO32" s="61">
        <v>30</v>
      </c>
      <c r="IP32" s="61">
        <v>23</v>
      </c>
      <c r="IQ32" s="61">
        <v>25</v>
      </c>
      <c r="IR32" s="61">
        <v>20</v>
      </c>
      <c r="IS32" s="61">
        <v>17</v>
      </c>
      <c r="IT32" s="62">
        <v>115</v>
      </c>
      <c r="IU32" s="63">
        <v>163</v>
      </c>
      <c r="IV32" s="60">
        <v>20</v>
      </c>
      <c r="IW32" s="61">
        <v>17</v>
      </c>
      <c r="IX32" s="62">
        <v>37</v>
      </c>
      <c r="IY32" s="231"/>
      <c r="IZ32" s="61">
        <v>43</v>
      </c>
      <c r="JA32" s="61">
        <v>37</v>
      </c>
      <c r="JB32" s="61">
        <v>33</v>
      </c>
      <c r="JC32" s="61">
        <v>27</v>
      </c>
      <c r="JD32" s="61">
        <v>18</v>
      </c>
      <c r="JE32" s="62">
        <v>158</v>
      </c>
      <c r="JF32" s="63">
        <v>195</v>
      </c>
      <c r="JG32" s="60">
        <v>6</v>
      </c>
      <c r="JH32" s="61">
        <v>17</v>
      </c>
      <c r="JI32" s="62">
        <v>23</v>
      </c>
      <c r="JJ32" s="231"/>
      <c r="JK32" s="61">
        <v>28</v>
      </c>
      <c r="JL32" s="61">
        <v>36</v>
      </c>
      <c r="JM32" s="61">
        <v>38</v>
      </c>
      <c r="JN32" s="61">
        <v>40</v>
      </c>
      <c r="JO32" s="61">
        <v>23</v>
      </c>
      <c r="JP32" s="62">
        <v>165</v>
      </c>
      <c r="JQ32" s="63">
        <v>188</v>
      </c>
      <c r="JR32" s="60">
        <v>2</v>
      </c>
      <c r="JS32" s="61">
        <v>3</v>
      </c>
      <c r="JT32" s="62">
        <v>5</v>
      </c>
      <c r="JU32" s="231"/>
      <c r="JV32" s="61">
        <v>4</v>
      </c>
      <c r="JW32" s="61">
        <v>6</v>
      </c>
      <c r="JX32" s="61">
        <v>3</v>
      </c>
      <c r="JY32" s="61">
        <v>1</v>
      </c>
      <c r="JZ32" s="61">
        <v>0</v>
      </c>
      <c r="KA32" s="62">
        <v>14</v>
      </c>
      <c r="KB32" s="63">
        <v>19</v>
      </c>
      <c r="KC32" s="60">
        <v>72</v>
      </c>
      <c r="KD32" s="61">
        <v>81</v>
      </c>
      <c r="KE32" s="62">
        <v>153</v>
      </c>
      <c r="KF32" s="231"/>
      <c r="KG32" s="61">
        <v>148</v>
      </c>
      <c r="KH32" s="61">
        <v>129</v>
      </c>
      <c r="KI32" s="61">
        <v>125</v>
      </c>
      <c r="KJ32" s="61">
        <v>109</v>
      </c>
      <c r="KK32" s="61">
        <v>69</v>
      </c>
      <c r="KL32" s="62">
        <v>580</v>
      </c>
      <c r="KM32" s="63">
        <v>733</v>
      </c>
    </row>
    <row r="33" spans="2:299" ht="21" customHeight="1" x14ac:dyDescent="0.2">
      <c r="B33" s="472" t="s">
        <v>30</v>
      </c>
      <c r="C33" s="293">
        <v>24</v>
      </c>
      <c r="D33" s="72">
        <v>10</v>
      </c>
      <c r="E33" s="73">
        <v>34</v>
      </c>
      <c r="F33" s="228"/>
      <c r="G33" s="72">
        <v>30</v>
      </c>
      <c r="H33" s="72">
        <v>24</v>
      </c>
      <c r="I33" s="72">
        <v>25</v>
      </c>
      <c r="J33" s="72">
        <v>35</v>
      </c>
      <c r="K33" s="72">
        <v>12</v>
      </c>
      <c r="L33" s="74">
        <v>126</v>
      </c>
      <c r="M33" s="75">
        <v>160</v>
      </c>
      <c r="N33" s="60">
        <v>3</v>
      </c>
      <c r="O33" s="61">
        <v>2</v>
      </c>
      <c r="P33" s="62">
        <v>5</v>
      </c>
      <c r="Q33" s="231"/>
      <c r="R33" s="61">
        <v>1</v>
      </c>
      <c r="S33" s="61">
        <v>1</v>
      </c>
      <c r="T33" s="61">
        <v>0</v>
      </c>
      <c r="U33" s="61">
        <v>2</v>
      </c>
      <c r="V33" s="61">
        <v>1</v>
      </c>
      <c r="W33" s="62">
        <v>5</v>
      </c>
      <c r="X33" s="63">
        <v>10</v>
      </c>
      <c r="Y33" s="60">
        <v>6</v>
      </c>
      <c r="Z33" s="61">
        <v>1</v>
      </c>
      <c r="AA33" s="62">
        <v>7</v>
      </c>
      <c r="AB33" s="231"/>
      <c r="AC33" s="61">
        <v>2</v>
      </c>
      <c r="AD33" s="61">
        <v>6</v>
      </c>
      <c r="AE33" s="61">
        <v>3</v>
      </c>
      <c r="AF33" s="61">
        <v>2</v>
      </c>
      <c r="AG33" s="61">
        <v>1</v>
      </c>
      <c r="AH33" s="62">
        <v>14</v>
      </c>
      <c r="AI33" s="63">
        <v>21</v>
      </c>
      <c r="AJ33" s="60">
        <v>3</v>
      </c>
      <c r="AK33" s="61">
        <v>1</v>
      </c>
      <c r="AL33" s="62">
        <v>4</v>
      </c>
      <c r="AM33" s="231"/>
      <c r="AN33" s="61">
        <v>2</v>
      </c>
      <c r="AO33" s="61">
        <v>4</v>
      </c>
      <c r="AP33" s="61">
        <v>4</v>
      </c>
      <c r="AQ33" s="61">
        <v>7</v>
      </c>
      <c r="AR33" s="61">
        <v>2</v>
      </c>
      <c r="AS33" s="62">
        <v>19</v>
      </c>
      <c r="AT33" s="63">
        <v>23</v>
      </c>
      <c r="AU33" s="60">
        <v>4</v>
      </c>
      <c r="AV33" s="61">
        <v>1</v>
      </c>
      <c r="AW33" s="62">
        <v>5</v>
      </c>
      <c r="AX33" s="231"/>
      <c r="AY33" s="61">
        <v>10</v>
      </c>
      <c r="AZ33" s="61">
        <v>4</v>
      </c>
      <c r="BA33" s="61">
        <v>4</v>
      </c>
      <c r="BB33" s="61">
        <v>8</v>
      </c>
      <c r="BC33" s="61">
        <v>2</v>
      </c>
      <c r="BD33" s="62">
        <v>28</v>
      </c>
      <c r="BE33" s="63">
        <v>33</v>
      </c>
      <c r="BF33" s="60">
        <v>5</v>
      </c>
      <c r="BG33" s="61">
        <v>1</v>
      </c>
      <c r="BH33" s="62">
        <v>6</v>
      </c>
      <c r="BI33" s="231"/>
      <c r="BJ33" s="61">
        <v>8</v>
      </c>
      <c r="BK33" s="61">
        <v>4</v>
      </c>
      <c r="BL33" s="61">
        <v>10</v>
      </c>
      <c r="BM33" s="61">
        <v>7</v>
      </c>
      <c r="BN33" s="61">
        <v>3</v>
      </c>
      <c r="BO33" s="62">
        <v>32</v>
      </c>
      <c r="BP33" s="63">
        <v>38</v>
      </c>
      <c r="BQ33" s="60">
        <v>3</v>
      </c>
      <c r="BR33" s="61">
        <v>4</v>
      </c>
      <c r="BS33" s="62">
        <v>7</v>
      </c>
      <c r="BT33" s="231"/>
      <c r="BU33" s="61">
        <v>7</v>
      </c>
      <c r="BV33" s="61">
        <v>5</v>
      </c>
      <c r="BW33" s="61">
        <v>4</v>
      </c>
      <c r="BX33" s="61">
        <v>9</v>
      </c>
      <c r="BY33" s="61">
        <v>3</v>
      </c>
      <c r="BZ33" s="62">
        <v>28</v>
      </c>
      <c r="CA33" s="63">
        <v>35</v>
      </c>
      <c r="CB33" s="60">
        <v>0</v>
      </c>
      <c r="CC33" s="61">
        <v>0</v>
      </c>
      <c r="CD33" s="62">
        <v>0</v>
      </c>
      <c r="CE33" s="231"/>
      <c r="CF33" s="61">
        <v>2</v>
      </c>
      <c r="CG33" s="61">
        <v>1</v>
      </c>
      <c r="CH33" s="61">
        <v>3</v>
      </c>
      <c r="CI33" s="61">
        <v>1</v>
      </c>
      <c r="CJ33" s="61">
        <v>1</v>
      </c>
      <c r="CK33" s="62">
        <v>8</v>
      </c>
      <c r="CL33" s="63">
        <v>8</v>
      </c>
      <c r="CM33" s="60">
        <v>24</v>
      </c>
      <c r="CN33" s="61">
        <v>10</v>
      </c>
      <c r="CO33" s="62">
        <v>34</v>
      </c>
      <c r="CP33" s="231"/>
      <c r="CQ33" s="61">
        <v>32</v>
      </c>
      <c r="CR33" s="61">
        <v>25</v>
      </c>
      <c r="CS33" s="61">
        <v>28</v>
      </c>
      <c r="CT33" s="61">
        <v>36</v>
      </c>
      <c r="CU33" s="61">
        <v>13</v>
      </c>
      <c r="CV33" s="62">
        <v>134</v>
      </c>
      <c r="CW33" s="63">
        <v>168</v>
      </c>
      <c r="CX33" s="113">
        <v>44</v>
      </c>
      <c r="CY33" s="72">
        <v>36</v>
      </c>
      <c r="CZ33" s="73">
        <v>80</v>
      </c>
      <c r="DA33" s="228"/>
      <c r="DB33" s="72">
        <v>95</v>
      </c>
      <c r="DC33" s="72">
        <v>52</v>
      </c>
      <c r="DD33" s="72">
        <v>70</v>
      </c>
      <c r="DE33" s="72">
        <v>69</v>
      </c>
      <c r="DF33" s="72">
        <v>38</v>
      </c>
      <c r="DG33" s="74">
        <v>324</v>
      </c>
      <c r="DH33" s="75">
        <v>404</v>
      </c>
      <c r="DI33" s="60">
        <v>2</v>
      </c>
      <c r="DJ33" s="61">
        <v>0</v>
      </c>
      <c r="DK33" s="62">
        <v>2</v>
      </c>
      <c r="DL33" s="231"/>
      <c r="DM33" s="61">
        <v>1</v>
      </c>
      <c r="DN33" s="61">
        <v>0</v>
      </c>
      <c r="DO33" s="61">
        <v>1</v>
      </c>
      <c r="DP33" s="61">
        <v>0</v>
      </c>
      <c r="DQ33" s="61">
        <v>2</v>
      </c>
      <c r="DR33" s="62">
        <v>4</v>
      </c>
      <c r="DS33" s="63">
        <v>6</v>
      </c>
      <c r="DT33" s="60">
        <v>5</v>
      </c>
      <c r="DU33" s="61">
        <v>1</v>
      </c>
      <c r="DV33" s="62">
        <v>6</v>
      </c>
      <c r="DW33" s="231"/>
      <c r="DX33" s="61">
        <v>0</v>
      </c>
      <c r="DY33" s="61">
        <v>4</v>
      </c>
      <c r="DZ33" s="61">
        <v>1</v>
      </c>
      <c r="EA33" s="61">
        <v>4</v>
      </c>
      <c r="EB33" s="61">
        <v>1</v>
      </c>
      <c r="EC33" s="62">
        <v>10</v>
      </c>
      <c r="ED33" s="63">
        <v>16</v>
      </c>
      <c r="EE33" s="60">
        <v>7</v>
      </c>
      <c r="EF33" s="61">
        <v>4</v>
      </c>
      <c r="EG33" s="62">
        <v>11</v>
      </c>
      <c r="EH33" s="231"/>
      <c r="EI33" s="61">
        <v>11</v>
      </c>
      <c r="EJ33" s="61">
        <v>6</v>
      </c>
      <c r="EK33" s="61">
        <v>8</v>
      </c>
      <c r="EL33" s="61">
        <v>3</v>
      </c>
      <c r="EM33" s="61">
        <v>2</v>
      </c>
      <c r="EN33" s="62">
        <v>30</v>
      </c>
      <c r="EO33" s="63">
        <v>41</v>
      </c>
      <c r="EP33" s="60">
        <v>14</v>
      </c>
      <c r="EQ33" s="61">
        <v>9</v>
      </c>
      <c r="ER33" s="62">
        <v>23</v>
      </c>
      <c r="ES33" s="231"/>
      <c r="ET33" s="61">
        <v>27</v>
      </c>
      <c r="EU33" s="61">
        <v>8</v>
      </c>
      <c r="EV33" s="61">
        <v>13</v>
      </c>
      <c r="EW33" s="61">
        <v>7</v>
      </c>
      <c r="EX33" s="61">
        <v>11</v>
      </c>
      <c r="EY33" s="62">
        <v>66</v>
      </c>
      <c r="EZ33" s="63">
        <v>89</v>
      </c>
      <c r="FA33" s="60">
        <v>9</v>
      </c>
      <c r="FB33" s="61">
        <v>10</v>
      </c>
      <c r="FC33" s="62">
        <v>19</v>
      </c>
      <c r="FD33" s="231"/>
      <c r="FE33" s="61">
        <v>31</v>
      </c>
      <c r="FF33" s="61">
        <v>12</v>
      </c>
      <c r="FG33" s="61">
        <v>13</v>
      </c>
      <c r="FH33" s="61">
        <v>21</v>
      </c>
      <c r="FI33" s="61">
        <v>9</v>
      </c>
      <c r="FJ33" s="62">
        <v>86</v>
      </c>
      <c r="FK33" s="63">
        <v>105</v>
      </c>
      <c r="FL33" s="60">
        <v>7</v>
      </c>
      <c r="FM33" s="61">
        <v>12</v>
      </c>
      <c r="FN33" s="62">
        <v>19</v>
      </c>
      <c r="FO33" s="231"/>
      <c r="FP33" s="61">
        <v>25</v>
      </c>
      <c r="FQ33" s="61">
        <v>22</v>
      </c>
      <c r="FR33" s="61">
        <v>34</v>
      </c>
      <c r="FS33" s="61">
        <v>34</v>
      </c>
      <c r="FT33" s="61">
        <v>13</v>
      </c>
      <c r="FU33" s="62">
        <v>128</v>
      </c>
      <c r="FV33" s="63">
        <v>147</v>
      </c>
      <c r="FW33" s="60">
        <v>0</v>
      </c>
      <c r="FX33" s="61">
        <v>0</v>
      </c>
      <c r="FY33" s="62">
        <v>0</v>
      </c>
      <c r="FZ33" s="231"/>
      <c r="GA33" s="61">
        <v>1</v>
      </c>
      <c r="GB33" s="61">
        <v>0</v>
      </c>
      <c r="GC33" s="61">
        <v>1</v>
      </c>
      <c r="GD33" s="61">
        <v>2</v>
      </c>
      <c r="GE33" s="61">
        <v>2</v>
      </c>
      <c r="GF33" s="62">
        <v>6</v>
      </c>
      <c r="GG33" s="63">
        <v>6</v>
      </c>
      <c r="GH33" s="60">
        <v>44</v>
      </c>
      <c r="GI33" s="61">
        <v>36</v>
      </c>
      <c r="GJ33" s="62">
        <v>80</v>
      </c>
      <c r="GK33" s="231"/>
      <c r="GL33" s="61">
        <v>96</v>
      </c>
      <c r="GM33" s="61">
        <v>52</v>
      </c>
      <c r="GN33" s="61">
        <v>71</v>
      </c>
      <c r="GO33" s="61">
        <v>71</v>
      </c>
      <c r="GP33" s="61">
        <v>40</v>
      </c>
      <c r="GQ33" s="62">
        <v>330</v>
      </c>
      <c r="GR33" s="63">
        <v>410</v>
      </c>
      <c r="GS33" s="113">
        <v>68</v>
      </c>
      <c r="GT33" s="72">
        <v>46</v>
      </c>
      <c r="GU33" s="73">
        <v>114</v>
      </c>
      <c r="GV33" s="228"/>
      <c r="GW33" s="72">
        <v>125</v>
      </c>
      <c r="GX33" s="72">
        <v>76</v>
      </c>
      <c r="GY33" s="72">
        <v>95</v>
      </c>
      <c r="GZ33" s="72">
        <v>104</v>
      </c>
      <c r="HA33" s="72">
        <v>50</v>
      </c>
      <c r="HB33" s="74">
        <v>450</v>
      </c>
      <c r="HC33" s="75">
        <v>564</v>
      </c>
      <c r="HD33" s="60">
        <v>5</v>
      </c>
      <c r="HE33" s="61">
        <v>2</v>
      </c>
      <c r="HF33" s="62">
        <v>7</v>
      </c>
      <c r="HG33" s="231"/>
      <c r="HH33" s="61">
        <v>2</v>
      </c>
      <c r="HI33" s="61">
        <v>1</v>
      </c>
      <c r="HJ33" s="61">
        <v>1</v>
      </c>
      <c r="HK33" s="61">
        <v>2</v>
      </c>
      <c r="HL33" s="61">
        <v>3</v>
      </c>
      <c r="HM33" s="62">
        <v>9</v>
      </c>
      <c r="HN33" s="63">
        <v>16</v>
      </c>
      <c r="HO33" s="60">
        <v>11</v>
      </c>
      <c r="HP33" s="61">
        <v>2</v>
      </c>
      <c r="HQ33" s="62">
        <v>13</v>
      </c>
      <c r="HR33" s="231"/>
      <c r="HS33" s="61">
        <v>2</v>
      </c>
      <c r="HT33" s="61">
        <v>10</v>
      </c>
      <c r="HU33" s="61">
        <v>4</v>
      </c>
      <c r="HV33" s="61">
        <v>6</v>
      </c>
      <c r="HW33" s="61">
        <v>2</v>
      </c>
      <c r="HX33" s="62">
        <v>24</v>
      </c>
      <c r="HY33" s="63">
        <v>37</v>
      </c>
      <c r="HZ33" s="60">
        <v>10</v>
      </c>
      <c r="IA33" s="61">
        <v>5</v>
      </c>
      <c r="IB33" s="62">
        <v>15</v>
      </c>
      <c r="IC33" s="231"/>
      <c r="ID33" s="61">
        <v>13</v>
      </c>
      <c r="IE33" s="61">
        <v>10</v>
      </c>
      <c r="IF33" s="61">
        <v>12</v>
      </c>
      <c r="IG33" s="61">
        <v>10</v>
      </c>
      <c r="IH33" s="61">
        <v>4</v>
      </c>
      <c r="II33" s="62">
        <v>49</v>
      </c>
      <c r="IJ33" s="63">
        <v>64</v>
      </c>
      <c r="IK33" s="60">
        <v>18</v>
      </c>
      <c r="IL33" s="61">
        <v>10</v>
      </c>
      <c r="IM33" s="62">
        <v>28</v>
      </c>
      <c r="IN33" s="231"/>
      <c r="IO33" s="61">
        <v>37</v>
      </c>
      <c r="IP33" s="61">
        <v>12</v>
      </c>
      <c r="IQ33" s="61">
        <v>17</v>
      </c>
      <c r="IR33" s="61">
        <v>15</v>
      </c>
      <c r="IS33" s="61">
        <v>13</v>
      </c>
      <c r="IT33" s="62">
        <v>94</v>
      </c>
      <c r="IU33" s="63">
        <v>122</v>
      </c>
      <c r="IV33" s="60">
        <v>14</v>
      </c>
      <c r="IW33" s="61">
        <v>11</v>
      </c>
      <c r="IX33" s="62">
        <v>25</v>
      </c>
      <c r="IY33" s="231"/>
      <c r="IZ33" s="61">
        <v>39</v>
      </c>
      <c r="JA33" s="61">
        <v>16</v>
      </c>
      <c r="JB33" s="61">
        <v>23</v>
      </c>
      <c r="JC33" s="61">
        <v>28</v>
      </c>
      <c r="JD33" s="61">
        <v>12</v>
      </c>
      <c r="JE33" s="62">
        <v>118</v>
      </c>
      <c r="JF33" s="63">
        <v>143</v>
      </c>
      <c r="JG33" s="60">
        <v>10</v>
      </c>
      <c r="JH33" s="61">
        <v>16</v>
      </c>
      <c r="JI33" s="62">
        <v>26</v>
      </c>
      <c r="JJ33" s="231"/>
      <c r="JK33" s="61">
        <v>32</v>
      </c>
      <c r="JL33" s="61">
        <v>27</v>
      </c>
      <c r="JM33" s="61">
        <v>38</v>
      </c>
      <c r="JN33" s="61">
        <v>43</v>
      </c>
      <c r="JO33" s="61">
        <v>16</v>
      </c>
      <c r="JP33" s="62">
        <v>156</v>
      </c>
      <c r="JQ33" s="63">
        <v>182</v>
      </c>
      <c r="JR33" s="60">
        <v>0</v>
      </c>
      <c r="JS33" s="61">
        <v>0</v>
      </c>
      <c r="JT33" s="62">
        <v>0</v>
      </c>
      <c r="JU33" s="231"/>
      <c r="JV33" s="61">
        <v>3</v>
      </c>
      <c r="JW33" s="61">
        <v>1</v>
      </c>
      <c r="JX33" s="61">
        <v>4</v>
      </c>
      <c r="JY33" s="61">
        <v>3</v>
      </c>
      <c r="JZ33" s="61">
        <v>3</v>
      </c>
      <c r="KA33" s="62">
        <v>14</v>
      </c>
      <c r="KB33" s="63">
        <v>14</v>
      </c>
      <c r="KC33" s="60">
        <v>68</v>
      </c>
      <c r="KD33" s="61">
        <v>46</v>
      </c>
      <c r="KE33" s="62">
        <v>114</v>
      </c>
      <c r="KF33" s="231"/>
      <c r="KG33" s="61">
        <v>128</v>
      </c>
      <c r="KH33" s="61">
        <v>77</v>
      </c>
      <c r="KI33" s="61">
        <v>99</v>
      </c>
      <c r="KJ33" s="61">
        <v>107</v>
      </c>
      <c r="KK33" s="61">
        <v>53</v>
      </c>
      <c r="KL33" s="62">
        <v>464</v>
      </c>
      <c r="KM33" s="63">
        <v>578</v>
      </c>
    </row>
    <row r="34" spans="2:299" ht="21" customHeight="1" x14ac:dyDescent="0.2">
      <c r="B34" s="472" t="s">
        <v>31</v>
      </c>
      <c r="C34" s="293">
        <v>22</v>
      </c>
      <c r="D34" s="72">
        <v>40</v>
      </c>
      <c r="E34" s="73">
        <v>62</v>
      </c>
      <c r="F34" s="228"/>
      <c r="G34" s="72">
        <v>57</v>
      </c>
      <c r="H34" s="72">
        <v>39</v>
      </c>
      <c r="I34" s="72">
        <v>39</v>
      </c>
      <c r="J34" s="72">
        <v>34</v>
      </c>
      <c r="K34" s="72">
        <v>16</v>
      </c>
      <c r="L34" s="74">
        <v>185</v>
      </c>
      <c r="M34" s="75">
        <v>247</v>
      </c>
      <c r="N34" s="60">
        <v>0</v>
      </c>
      <c r="O34" s="61">
        <v>2</v>
      </c>
      <c r="P34" s="62">
        <v>2</v>
      </c>
      <c r="Q34" s="231"/>
      <c r="R34" s="61">
        <v>1</v>
      </c>
      <c r="S34" s="61">
        <v>3</v>
      </c>
      <c r="T34" s="61">
        <v>4</v>
      </c>
      <c r="U34" s="61">
        <v>2</v>
      </c>
      <c r="V34" s="61">
        <v>1</v>
      </c>
      <c r="W34" s="62">
        <v>11</v>
      </c>
      <c r="X34" s="63">
        <v>13</v>
      </c>
      <c r="Y34" s="60">
        <v>3</v>
      </c>
      <c r="Z34" s="61">
        <v>5</v>
      </c>
      <c r="AA34" s="62">
        <v>8</v>
      </c>
      <c r="AB34" s="231"/>
      <c r="AC34" s="61">
        <v>7</v>
      </c>
      <c r="AD34" s="61">
        <v>7</v>
      </c>
      <c r="AE34" s="61">
        <v>4</v>
      </c>
      <c r="AF34" s="61">
        <v>5</v>
      </c>
      <c r="AG34" s="61">
        <v>3</v>
      </c>
      <c r="AH34" s="62">
        <v>26</v>
      </c>
      <c r="AI34" s="63">
        <v>34</v>
      </c>
      <c r="AJ34" s="60">
        <v>5</v>
      </c>
      <c r="AK34" s="61">
        <v>6</v>
      </c>
      <c r="AL34" s="62">
        <v>11</v>
      </c>
      <c r="AM34" s="231"/>
      <c r="AN34" s="61">
        <v>7</v>
      </c>
      <c r="AO34" s="61">
        <v>3</v>
      </c>
      <c r="AP34" s="61">
        <v>9</v>
      </c>
      <c r="AQ34" s="61">
        <v>7</v>
      </c>
      <c r="AR34" s="61">
        <v>3</v>
      </c>
      <c r="AS34" s="62">
        <v>29</v>
      </c>
      <c r="AT34" s="63">
        <v>40</v>
      </c>
      <c r="AU34" s="60">
        <v>4</v>
      </c>
      <c r="AV34" s="61">
        <v>13</v>
      </c>
      <c r="AW34" s="62">
        <v>17</v>
      </c>
      <c r="AX34" s="231"/>
      <c r="AY34" s="61">
        <v>11</v>
      </c>
      <c r="AZ34" s="61">
        <v>8</v>
      </c>
      <c r="BA34" s="61">
        <v>4</v>
      </c>
      <c r="BB34" s="61">
        <v>5</v>
      </c>
      <c r="BC34" s="61">
        <v>1</v>
      </c>
      <c r="BD34" s="62">
        <v>29</v>
      </c>
      <c r="BE34" s="63">
        <v>46</v>
      </c>
      <c r="BF34" s="60">
        <v>4</v>
      </c>
      <c r="BG34" s="61">
        <v>6</v>
      </c>
      <c r="BH34" s="62">
        <v>10</v>
      </c>
      <c r="BI34" s="231"/>
      <c r="BJ34" s="61">
        <v>20</v>
      </c>
      <c r="BK34" s="61">
        <v>7</v>
      </c>
      <c r="BL34" s="61">
        <v>6</v>
      </c>
      <c r="BM34" s="61">
        <v>10</v>
      </c>
      <c r="BN34" s="61">
        <v>4</v>
      </c>
      <c r="BO34" s="62">
        <v>47</v>
      </c>
      <c r="BP34" s="63">
        <v>57</v>
      </c>
      <c r="BQ34" s="60">
        <v>6</v>
      </c>
      <c r="BR34" s="61">
        <v>8</v>
      </c>
      <c r="BS34" s="62">
        <v>14</v>
      </c>
      <c r="BT34" s="231"/>
      <c r="BU34" s="61">
        <v>11</v>
      </c>
      <c r="BV34" s="61">
        <v>11</v>
      </c>
      <c r="BW34" s="61">
        <v>12</v>
      </c>
      <c r="BX34" s="61">
        <v>5</v>
      </c>
      <c r="BY34" s="61">
        <v>4</v>
      </c>
      <c r="BZ34" s="62">
        <v>43</v>
      </c>
      <c r="CA34" s="63">
        <v>57</v>
      </c>
      <c r="CB34" s="60">
        <v>0</v>
      </c>
      <c r="CC34" s="61">
        <v>4</v>
      </c>
      <c r="CD34" s="62">
        <v>4</v>
      </c>
      <c r="CE34" s="231"/>
      <c r="CF34" s="61">
        <v>1</v>
      </c>
      <c r="CG34" s="61">
        <v>1</v>
      </c>
      <c r="CH34" s="61">
        <v>0</v>
      </c>
      <c r="CI34" s="61">
        <v>1</v>
      </c>
      <c r="CJ34" s="61">
        <v>0</v>
      </c>
      <c r="CK34" s="62">
        <v>3</v>
      </c>
      <c r="CL34" s="63">
        <v>7</v>
      </c>
      <c r="CM34" s="60">
        <v>22</v>
      </c>
      <c r="CN34" s="61">
        <v>44</v>
      </c>
      <c r="CO34" s="62">
        <v>66</v>
      </c>
      <c r="CP34" s="231"/>
      <c r="CQ34" s="61">
        <v>58</v>
      </c>
      <c r="CR34" s="61">
        <v>40</v>
      </c>
      <c r="CS34" s="61">
        <v>39</v>
      </c>
      <c r="CT34" s="61">
        <v>35</v>
      </c>
      <c r="CU34" s="61">
        <v>16</v>
      </c>
      <c r="CV34" s="62">
        <v>188</v>
      </c>
      <c r="CW34" s="63">
        <v>254</v>
      </c>
      <c r="CX34" s="113">
        <v>52</v>
      </c>
      <c r="CY34" s="72">
        <v>77</v>
      </c>
      <c r="CZ34" s="73">
        <v>129</v>
      </c>
      <c r="DA34" s="228"/>
      <c r="DB34" s="72">
        <v>101</v>
      </c>
      <c r="DC34" s="72">
        <v>98</v>
      </c>
      <c r="DD34" s="72">
        <v>74</v>
      </c>
      <c r="DE34" s="72">
        <v>72</v>
      </c>
      <c r="DF34" s="72">
        <v>40</v>
      </c>
      <c r="DG34" s="74">
        <v>385</v>
      </c>
      <c r="DH34" s="75">
        <v>514</v>
      </c>
      <c r="DI34" s="60">
        <v>0</v>
      </c>
      <c r="DJ34" s="61">
        <v>2</v>
      </c>
      <c r="DK34" s="62">
        <v>2</v>
      </c>
      <c r="DL34" s="231"/>
      <c r="DM34" s="61">
        <v>0</v>
      </c>
      <c r="DN34" s="61">
        <v>2</v>
      </c>
      <c r="DO34" s="61">
        <v>1</v>
      </c>
      <c r="DP34" s="61">
        <v>2</v>
      </c>
      <c r="DQ34" s="61">
        <v>2</v>
      </c>
      <c r="DR34" s="62">
        <v>7</v>
      </c>
      <c r="DS34" s="63">
        <v>9</v>
      </c>
      <c r="DT34" s="60">
        <v>2</v>
      </c>
      <c r="DU34" s="61">
        <v>4</v>
      </c>
      <c r="DV34" s="62">
        <v>6</v>
      </c>
      <c r="DW34" s="231"/>
      <c r="DX34" s="61">
        <v>11</v>
      </c>
      <c r="DY34" s="61">
        <v>7</v>
      </c>
      <c r="DZ34" s="61">
        <v>4</v>
      </c>
      <c r="EA34" s="61">
        <v>3</v>
      </c>
      <c r="EB34" s="61">
        <v>3</v>
      </c>
      <c r="EC34" s="62">
        <v>28</v>
      </c>
      <c r="ED34" s="63">
        <v>34</v>
      </c>
      <c r="EE34" s="60">
        <v>4</v>
      </c>
      <c r="EF34" s="61">
        <v>5</v>
      </c>
      <c r="EG34" s="62">
        <v>9</v>
      </c>
      <c r="EH34" s="231"/>
      <c r="EI34" s="61">
        <v>11</v>
      </c>
      <c r="EJ34" s="61">
        <v>8</v>
      </c>
      <c r="EK34" s="61">
        <v>5</v>
      </c>
      <c r="EL34" s="61">
        <v>8</v>
      </c>
      <c r="EM34" s="61">
        <v>1</v>
      </c>
      <c r="EN34" s="62">
        <v>33</v>
      </c>
      <c r="EO34" s="63">
        <v>42</v>
      </c>
      <c r="EP34" s="60">
        <v>14</v>
      </c>
      <c r="EQ34" s="61">
        <v>25</v>
      </c>
      <c r="ER34" s="62">
        <v>39</v>
      </c>
      <c r="ES34" s="231"/>
      <c r="ET34" s="61">
        <v>16</v>
      </c>
      <c r="EU34" s="61">
        <v>17</v>
      </c>
      <c r="EV34" s="61">
        <v>13</v>
      </c>
      <c r="EW34" s="61">
        <v>6</v>
      </c>
      <c r="EX34" s="61">
        <v>5</v>
      </c>
      <c r="EY34" s="62">
        <v>57</v>
      </c>
      <c r="EZ34" s="63">
        <v>96</v>
      </c>
      <c r="FA34" s="60">
        <v>24</v>
      </c>
      <c r="FB34" s="61">
        <v>23</v>
      </c>
      <c r="FC34" s="62">
        <v>47</v>
      </c>
      <c r="FD34" s="231"/>
      <c r="FE34" s="61">
        <v>25</v>
      </c>
      <c r="FF34" s="61">
        <v>30</v>
      </c>
      <c r="FG34" s="61">
        <v>20</v>
      </c>
      <c r="FH34" s="61">
        <v>16</v>
      </c>
      <c r="FI34" s="61">
        <v>12</v>
      </c>
      <c r="FJ34" s="62">
        <v>103</v>
      </c>
      <c r="FK34" s="63">
        <v>150</v>
      </c>
      <c r="FL34" s="60">
        <v>8</v>
      </c>
      <c r="FM34" s="61">
        <v>18</v>
      </c>
      <c r="FN34" s="62">
        <v>26</v>
      </c>
      <c r="FO34" s="231"/>
      <c r="FP34" s="61">
        <v>38</v>
      </c>
      <c r="FQ34" s="61">
        <v>34</v>
      </c>
      <c r="FR34" s="61">
        <v>31</v>
      </c>
      <c r="FS34" s="61">
        <v>37</v>
      </c>
      <c r="FT34" s="61">
        <v>17</v>
      </c>
      <c r="FU34" s="62">
        <v>157</v>
      </c>
      <c r="FV34" s="63">
        <v>183</v>
      </c>
      <c r="FW34" s="60">
        <v>0</v>
      </c>
      <c r="FX34" s="61">
        <v>0</v>
      </c>
      <c r="FY34" s="62">
        <v>0</v>
      </c>
      <c r="FZ34" s="231"/>
      <c r="GA34" s="61">
        <v>1</v>
      </c>
      <c r="GB34" s="61">
        <v>0</v>
      </c>
      <c r="GC34" s="61">
        <v>0</v>
      </c>
      <c r="GD34" s="61">
        <v>1</v>
      </c>
      <c r="GE34" s="61">
        <v>1</v>
      </c>
      <c r="GF34" s="62">
        <v>3</v>
      </c>
      <c r="GG34" s="63">
        <v>3</v>
      </c>
      <c r="GH34" s="60">
        <v>52</v>
      </c>
      <c r="GI34" s="61">
        <v>77</v>
      </c>
      <c r="GJ34" s="62">
        <v>129</v>
      </c>
      <c r="GK34" s="231"/>
      <c r="GL34" s="61">
        <v>102</v>
      </c>
      <c r="GM34" s="61">
        <v>98</v>
      </c>
      <c r="GN34" s="61">
        <v>74</v>
      </c>
      <c r="GO34" s="61">
        <v>73</v>
      </c>
      <c r="GP34" s="61">
        <v>41</v>
      </c>
      <c r="GQ34" s="62">
        <v>388</v>
      </c>
      <c r="GR34" s="63">
        <v>517</v>
      </c>
      <c r="GS34" s="113">
        <v>74</v>
      </c>
      <c r="GT34" s="72">
        <v>117</v>
      </c>
      <c r="GU34" s="73">
        <v>191</v>
      </c>
      <c r="GV34" s="228"/>
      <c r="GW34" s="72">
        <v>158</v>
      </c>
      <c r="GX34" s="72">
        <v>137</v>
      </c>
      <c r="GY34" s="72">
        <v>113</v>
      </c>
      <c r="GZ34" s="72">
        <v>106</v>
      </c>
      <c r="HA34" s="72">
        <v>56</v>
      </c>
      <c r="HB34" s="74">
        <v>570</v>
      </c>
      <c r="HC34" s="75">
        <v>761</v>
      </c>
      <c r="HD34" s="60">
        <v>0</v>
      </c>
      <c r="HE34" s="61">
        <v>4</v>
      </c>
      <c r="HF34" s="62">
        <v>4</v>
      </c>
      <c r="HG34" s="231"/>
      <c r="HH34" s="61">
        <v>1</v>
      </c>
      <c r="HI34" s="61">
        <v>5</v>
      </c>
      <c r="HJ34" s="61">
        <v>5</v>
      </c>
      <c r="HK34" s="61">
        <v>4</v>
      </c>
      <c r="HL34" s="61">
        <v>3</v>
      </c>
      <c r="HM34" s="62">
        <v>18</v>
      </c>
      <c r="HN34" s="63">
        <v>22</v>
      </c>
      <c r="HO34" s="60">
        <v>5</v>
      </c>
      <c r="HP34" s="61">
        <v>9</v>
      </c>
      <c r="HQ34" s="62">
        <v>14</v>
      </c>
      <c r="HR34" s="231"/>
      <c r="HS34" s="61">
        <v>18</v>
      </c>
      <c r="HT34" s="61">
        <v>14</v>
      </c>
      <c r="HU34" s="61">
        <v>8</v>
      </c>
      <c r="HV34" s="61">
        <v>8</v>
      </c>
      <c r="HW34" s="61">
        <v>6</v>
      </c>
      <c r="HX34" s="62">
        <v>54</v>
      </c>
      <c r="HY34" s="63">
        <v>68</v>
      </c>
      <c r="HZ34" s="60">
        <v>9</v>
      </c>
      <c r="IA34" s="61">
        <v>11</v>
      </c>
      <c r="IB34" s="62">
        <v>20</v>
      </c>
      <c r="IC34" s="231"/>
      <c r="ID34" s="61">
        <v>18</v>
      </c>
      <c r="IE34" s="61">
        <v>11</v>
      </c>
      <c r="IF34" s="61">
        <v>14</v>
      </c>
      <c r="IG34" s="61">
        <v>15</v>
      </c>
      <c r="IH34" s="61">
        <v>4</v>
      </c>
      <c r="II34" s="62">
        <v>62</v>
      </c>
      <c r="IJ34" s="63">
        <v>82</v>
      </c>
      <c r="IK34" s="60">
        <v>18</v>
      </c>
      <c r="IL34" s="61">
        <v>38</v>
      </c>
      <c r="IM34" s="62">
        <v>56</v>
      </c>
      <c r="IN34" s="231"/>
      <c r="IO34" s="61">
        <v>27</v>
      </c>
      <c r="IP34" s="61">
        <v>25</v>
      </c>
      <c r="IQ34" s="61">
        <v>17</v>
      </c>
      <c r="IR34" s="61">
        <v>11</v>
      </c>
      <c r="IS34" s="61">
        <v>6</v>
      </c>
      <c r="IT34" s="62">
        <v>86</v>
      </c>
      <c r="IU34" s="63">
        <v>142</v>
      </c>
      <c r="IV34" s="60">
        <v>28</v>
      </c>
      <c r="IW34" s="61">
        <v>29</v>
      </c>
      <c r="IX34" s="62">
        <v>57</v>
      </c>
      <c r="IY34" s="231"/>
      <c r="IZ34" s="61">
        <v>45</v>
      </c>
      <c r="JA34" s="61">
        <v>37</v>
      </c>
      <c r="JB34" s="61">
        <v>26</v>
      </c>
      <c r="JC34" s="61">
        <v>26</v>
      </c>
      <c r="JD34" s="61">
        <v>16</v>
      </c>
      <c r="JE34" s="62">
        <v>150</v>
      </c>
      <c r="JF34" s="63">
        <v>207</v>
      </c>
      <c r="JG34" s="60">
        <v>14</v>
      </c>
      <c r="JH34" s="61">
        <v>26</v>
      </c>
      <c r="JI34" s="62">
        <v>40</v>
      </c>
      <c r="JJ34" s="231"/>
      <c r="JK34" s="61">
        <v>49</v>
      </c>
      <c r="JL34" s="61">
        <v>45</v>
      </c>
      <c r="JM34" s="61">
        <v>43</v>
      </c>
      <c r="JN34" s="61">
        <v>42</v>
      </c>
      <c r="JO34" s="61">
        <v>21</v>
      </c>
      <c r="JP34" s="62">
        <v>200</v>
      </c>
      <c r="JQ34" s="63">
        <v>240</v>
      </c>
      <c r="JR34" s="60">
        <v>0</v>
      </c>
      <c r="JS34" s="61">
        <v>4</v>
      </c>
      <c r="JT34" s="62">
        <v>4</v>
      </c>
      <c r="JU34" s="231"/>
      <c r="JV34" s="61">
        <v>2</v>
      </c>
      <c r="JW34" s="61">
        <v>1</v>
      </c>
      <c r="JX34" s="61">
        <v>0</v>
      </c>
      <c r="JY34" s="61">
        <v>2</v>
      </c>
      <c r="JZ34" s="61">
        <v>1</v>
      </c>
      <c r="KA34" s="62">
        <v>6</v>
      </c>
      <c r="KB34" s="63">
        <v>10</v>
      </c>
      <c r="KC34" s="60">
        <v>74</v>
      </c>
      <c r="KD34" s="61">
        <v>121</v>
      </c>
      <c r="KE34" s="62">
        <v>195</v>
      </c>
      <c r="KF34" s="231"/>
      <c r="KG34" s="61">
        <v>160</v>
      </c>
      <c r="KH34" s="61">
        <v>138</v>
      </c>
      <c r="KI34" s="61">
        <v>113</v>
      </c>
      <c r="KJ34" s="61">
        <v>108</v>
      </c>
      <c r="KK34" s="61">
        <v>57</v>
      </c>
      <c r="KL34" s="62">
        <v>576</v>
      </c>
      <c r="KM34" s="63">
        <v>771</v>
      </c>
    </row>
    <row r="35" spans="2:299" ht="21" customHeight="1" x14ac:dyDescent="0.2">
      <c r="B35" s="472" t="s">
        <v>32</v>
      </c>
      <c r="C35" s="293">
        <v>25</v>
      </c>
      <c r="D35" s="72">
        <v>24</v>
      </c>
      <c r="E35" s="73">
        <v>49</v>
      </c>
      <c r="F35" s="228"/>
      <c r="G35" s="72">
        <v>77</v>
      </c>
      <c r="H35" s="72">
        <v>52</v>
      </c>
      <c r="I35" s="72">
        <v>35</v>
      </c>
      <c r="J35" s="72">
        <v>34</v>
      </c>
      <c r="K35" s="72">
        <v>28</v>
      </c>
      <c r="L35" s="74">
        <v>226</v>
      </c>
      <c r="M35" s="75">
        <v>275</v>
      </c>
      <c r="N35" s="60">
        <v>3</v>
      </c>
      <c r="O35" s="61">
        <v>1</v>
      </c>
      <c r="P35" s="62">
        <v>4</v>
      </c>
      <c r="Q35" s="231"/>
      <c r="R35" s="61">
        <v>5</v>
      </c>
      <c r="S35" s="61">
        <v>2</v>
      </c>
      <c r="T35" s="61">
        <v>3</v>
      </c>
      <c r="U35" s="61">
        <v>2</v>
      </c>
      <c r="V35" s="61">
        <v>0</v>
      </c>
      <c r="W35" s="62">
        <v>12</v>
      </c>
      <c r="X35" s="63">
        <v>16</v>
      </c>
      <c r="Y35" s="60">
        <v>4</v>
      </c>
      <c r="Z35" s="61">
        <v>1</v>
      </c>
      <c r="AA35" s="62">
        <v>5</v>
      </c>
      <c r="AB35" s="231"/>
      <c r="AC35" s="61">
        <v>4</v>
      </c>
      <c r="AD35" s="61">
        <v>8</v>
      </c>
      <c r="AE35" s="61">
        <v>3</v>
      </c>
      <c r="AF35" s="61">
        <v>6</v>
      </c>
      <c r="AG35" s="61">
        <v>5</v>
      </c>
      <c r="AH35" s="62">
        <v>26</v>
      </c>
      <c r="AI35" s="63">
        <v>31</v>
      </c>
      <c r="AJ35" s="60">
        <v>3</v>
      </c>
      <c r="AK35" s="61">
        <v>1</v>
      </c>
      <c r="AL35" s="62">
        <v>4</v>
      </c>
      <c r="AM35" s="231"/>
      <c r="AN35" s="61">
        <v>11</v>
      </c>
      <c r="AO35" s="61">
        <v>8</v>
      </c>
      <c r="AP35" s="61">
        <v>4</v>
      </c>
      <c r="AQ35" s="61">
        <v>1</v>
      </c>
      <c r="AR35" s="61">
        <v>6</v>
      </c>
      <c r="AS35" s="62">
        <v>30</v>
      </c>
      <c r="AT35" s="63">
        <v>34</v>
      </c>
      <c r="AU35" s="60">
        <v>6</v>
      </c>
      <c r="AV35" s="61">
        <v>8</v>
      </c>
      <c r="AW35" s="62">
        <v>14</v>
      </c>
      <c r="AX35" s="231"/>
      <c r="AY35" s="61">
        <v>23</v>
      </c>
      <c r="AZ35" s="61">
        <v>14</v>
      </c>
      <c r="BA35" s="61">
        <v>9</v>
      </c>
      <c r="BB35" s="61">
        <v>11</v>
      </c>
      <c r="BC35" s="61">
        <v>8</v>
      </c>
      <c r="BD35" s="62">
        <v>65</v>
      </c>
      <c r="BE35" s="63">
        <v>79</v>
      </c>
      <c r="BF35" s="60">
        <v>5</v>
      </c>
      <c r="BG35" s="61">
        <v>7</v>
      </c>
      <c r="BH35" s="62">
        <v>12</v>
      </c>
      <c r="BI35" s="231"/>
      <c r="BJ35" s="61">
        <v>22</v>
      </c>
      <c r="BK35" s="61">
        <v>9</v>
      </c>
      <c r="BL35" s="61">
        <v>12</v>
      </c>
      <c r="BM35" s="61">
        <v>12</v>
      </c>
      <c r="BN35" s="61">
        <v>6</v>
      </c>
      <c r="BO35" s="62">
        <v>61</v>
      </c>
      <c r="BP35" s="63">
        <v>73</v>
      </c>
      <c r="BQ35" s="60">
        <v>4</v>
      </c>
      <c r="BR35" s="61">
        <v>6</v>
      </c>
      <c r="BS35" s="62">
        <v>10</v>
      </c>
      <c r="BT35" s="231"/>
      <c r="BU35" s="61">
        <v>12</v>
      </c>
      <c r="BV35" s="61">
        <v>11</v>
      </c>
      <c r="BW35" s="61">
        <v>4</v>
      </c>
      <c r="BX35" s="61">
        <v>2</v>
      </c>
      <c r="BY35" s="61">
        <v>3</v>
      </c>
      <c r="BZ35" s="62">
        <v>32</v>
      </c>
      <c r="CA35" s="63">
        <v>42</v>
      </c>
      <c r="CB35" s="60">
        <v>1</v>
      </c>
      <c r="CC35" s="61">
        <v>2</v>
      </c>
      <c r="CD35" s="62">
        <v>3</v>
      </c>
      <c r="CE35" s="231"/>
      <c r="CF35" s="61">
        <v>2</v>
      </c>
      <c r="CG35" s="61">
        <v>5</v>
      </c>
      <c r="CH35" s="61">
        <v>1</v>
      </c>
      <c r="CI35" s="61">
        <v>3</v>
      </c>
      <c r="CJ35" s="61">
        <v>5</v>
      </c>
      <c r="CK35" s="62">
        <v>16</v>
      </c>
      <c r="CL35" s="63">
        <v>19</v>
      </c>
      <c r="CM35" s="60">
        <v>26</v>
      </c>
      <c r="CN35" s="61">
        <v>26</v>
      </c>
      <c r="CO35" s="62">
        <v>52</v>
      </c>
      <c r="CP35" s="231"/>
      <c r="CQ35" s="61">
        <v>79</v>
      </c>
      <c r="CR35" s="61">
        <v>57</v>
      </c>
      <c r="CS35" s="61">
        <v>36</v>
      </c>
      <c r="CT35" s="61">
        <v>37</v>
      </c>
      <c r="CU35" s="61">
        <v>33</v>
      </c>
      <c r="CV35" s="62">
        <v>242</v>
      </c>
      <c r="CW35" s="63">
        <v>294</v>
      </c>
      <c r="CX35" s="113">
        <v>42</v>
      </c>
      <c r="CY35" s="72">
        <v>70</v>
      </c>
      <c r="CZ35" s="73">
        <v>112</v>
      </c>
      <c r="DA35" s="228"/>
      <c r="DB35" s="72">
        <v>125</v>
      </c>
      <c r="DC35" s="72">
        <v>84</v>
      </c>
      <c r="DD35" s="72">
        <v>84</v>
      </c>
      <c r="DE35" s="72">
        <v>80</v>
      </c>
      <c r="DF35" s="72">
        <v>40</v>
      </c>
      <c r="DG35" s="74">
        <v>413</v>
      </c>
      <c r="DH35" s="75">
        <v>525</v>
      </c>
      <c r="DI35" s="60">
        <v>2</v>
      </c>
      <c r="DJ35" s="61">
        <v>0</v>
      </c>
      <c r="DK35" s="62">
        <v>2</v>
      </c>
      <c r="DL35" s="231"/>
      <c r="DM35" s="61">
        <v>5</v>
      </c>
      <c r="DN35" s="61">
        <v>5</v>
      </c>
      <c r="DO35" s="61">
        <v>1</v>
      </c>
      <c r="DP35" s="61">
        <v>0</v>
      </c>
      <c r="DQ35" s="61">
        <v>0</v>
      </c>
      <c r="DR35" s="62">
        <v>11</v>
      </c>
      <c r="DS35" s="63">
        <v>13</v>
      </c>
      <c r="DT35" s="60">
        <v>2</v>
      </c>
      <c r="DU35" s="61">
        <v>3</v>
      </c>
      <c r="DV35" s="62">
        <v>5</v>
      </c>
      <c r="DW35" s="231"/>
      <c r="DX35" s="61">
        <v>8</v>
      </c>
      <c r="DY35" s="61">
        <v>1</v>
      </c>
      <c r="DZ35" s="61">
        <v>3</v>
      </c>
      <c r="EA35" s="61">
        <v>6</v>
      </c>
      <c r="EB35" s="61">
        <v>3</v>
      </c>
      <c r="EC35" s="62">
        <v>21</v>
      </c>
      <c r="ED35" s="63">
        <v>26</v>
      </c>
      <c r="EE35" s="60">
        <v>5</v>
      </c>
      <c r="EF35" s="61">
        <v>9</v>
      </c>
      <c r="EG35" s="62">
        <v>14</v>
      </c>
      <c r="EH35" s="231"/>
      <c r="EI35" s="61">
        <v>22</v>
      </c>
      <c r="EJ35" s="61">
        <v>5</v>
      </c>
      <c r="EK35" s="61">
        <v>7</v>
      </c>
      <c r="EL35" s="61">
        <v>3</v>
      </c>
      <c r="EM35" s="61">
        <v>5</v>
      </c>
      <c r="EN35" s="62">
        <v>42</v>
      </c>
      <c r="EO35" s="63">
        <v>56</v>
      </c>
      <c r="EP35" s="60">
        <v>17</v>
      </c>
      <c r="EQ35" s="61">
        <v>17</v>
      </c>
      <c r="ER35" s="62">
        <v>34</v>
      </c>
      <c r="ES35" s="231"/>
      <c r="ET35" s="61">
        <v>29</v>
      </c>
      <c r="EU35" s="61">
        <v>21</v>
      </c>
      <c r="EV35" s="61">
        <v>20</v>
      </c>
      <c r="EW35" s="61">
        <v>8</v>
      </c>
      <c r="EX35" s="61">
        <v>7</v>
      </c>
      <c r="EY35" s="62">
        <v>85</v>
      </c>
      <c r="EZ35" s="63">
        <v>119</v>
      </c>
      <c r="FA35" s="60">
        <v>10</v>
      </c>
      <c r="FB35" s="61">
        <v>22</v>
      </c>
      <c r="FC35" s="62">
        <v>32</v>
      </c>
      <c r="FD35" s="231"/>
      <c r="FE35" s="61">
        <v>26</v>
      </c>
      <c r="FF35" s="61">
        <v>23</v>
      </c>
      <c r="FG35" s="61">
        <v>20</v>
      </c>
      <c r="FH35" s="61">
        <v>20</v>
      </c>
      <c r="FI35" s="61">
        <v>11</v>
      </c>
      <c r="FJ35" s="62">
        <v>100</v>
      </c>
      <c r="FK35" s="63">
        <v>132</v>
      </c>
      <c r="FL35" s="60">
        <v>6</v>
      </c>
      <c r="FM35" s="61">
        <v>19</v>
      </c>
      <c r="FN35" s="62">
        <v>25</v>
      </c>
      <c r="FO35" s="231"/>
      <c r="FP35" s="61">
        <v>35</v>
      </c>
      <c r="FQ35" s="61">
        <v>29</v>
      </c>
      <c r="FR35" s="61">
        <v>33</v>
      </c>
      <c r="FS35" s="61">
        <v>43</v>
      </c>
      <c r="FT35" s="61">
        <v>14</v>
      </c>
      <c r="FU35" s="62">
        <v>154</v>
      </c>
      <c r="FV35" s="63">
        <v>179</v>
      </c>
      <c r="FW35" s="60">
        <v>0</v>
      </c>
      <c r="FX35" s="61">
        <v>2</v>
      </c>
      <c r="FY35" s="62">
        <v>2</v>
      </c>
      <c r="FZ35" s="231"/>
      <c r="GA35" s="61">
        <v>2</v>
      </c>
      <c r="GB35" s="61">
        <v>4</v>
      </c>
      <c r="GC35" s="61">
        <v>1</v>
      </c>
      <c r="GD35" s="61">
        <v>0</v>
      </c>
      <c r="GE35" s="61">
        <v>1</v>
      </c>
      <c r="GF35" s="62">
        <v>8</v>
      </c>
      <c r="GG35" s="63">
        <v>10</v>
      </c>
      <c r="GH35" s="60">
        <v>42</v>
      </c>
      <c r="GI35" s="61">
        <v>72</v>
      </c>
      <c r="GJ35" s="62">
        <v>114</v>
      </c>
      <c r="GK35" s="231"/>
      <c r="GL35" s="61">
        <v>127</v>
      </c>
      <c r="GM35" s="61">
        <v>88</v>
      </c>
      <c r="GN35" s="61">
        <v>85</v>
      </c>
      <c r="GO35" s="61">
        <v>80</v>
      </c>
      <c r="GP35" s="61">
        <v>41</v>
      </c>
      <c r="GQ35" s="62">
        <v>421</v>
      </c>
      <c r="GR35" s="63">
        <v>535</v>
      </c>
      <c r="GS35" s="113">
        <v>67</v>
      </c>
      <c r="GT35" s="72">
        <v>94</v>
      </c>
      <c r="GU35" s="73">
        <v>161</v>
      </c>
      <c r="GV35" s="228"/>
      <c r="GW35" s="72">
        <v>202</v>
      </c>
      <c r="GX35" s="72">
        <v>136</v>
      </c>
      <c r="GY35" s="72">
        <v>119</v>
      </c>
      <c r="GZ35" s="72">
        <v>114</v>
      </c>
      <c r="HA35" s="72">
        <v>68</v>
      </c>
      <c r="HB35" s="74">
        <v>639</v>
      </c>
      <c r="HC35" s="75">
        <v>800</v>
      </c>
      <c r="HD35" s="60">
        <v>5</v>
      </c>
      <c r="HE35" s="61">
        <v>1</v>
      </c>
      <c r="HF35" s="62">
        <v>6</v>
      </c>
      <c r="HG35" s="231"/>
      <c r="HH35" s="61">
        <v>10</v>
      </c>
      <c r="HI35" s="61">
        <v>7</v>
      </c>
      <c r="HJ35" s="61">
        <v>4</v>
      </c>
      <c r="HK35" s="61">
        <v>2</v>
      </c>
      <c r="HL35" s="61">
        <v>0</v>
      </c>
      <c r="HM35" s="62">
        <v>23</v>
      </c>
      <c r="HN35" s="63">
        <v>29</v>
      </c>
      <c r="HO35" s="60">
        <v>6</v>
      </c>
      <c r="HP35" s="61">
        <v>4</v>
      </c>
      <c r="HQ35" s="62">
        <v>10</v>
      </c>
      <c r="HR35" s="231"/>
      <c r="HS35" s="61">
        <v>12</v>
      </c>
      <c r="HT35" s="61">
        <v>9</v>
      </c>
      <c r="HU35" s="61">
        <v>6</v>
      </c>
      <c r="HV35" s="61">
        <v>12</v>
      </c>
      <c r="HW35" s="61">
        <v>8</v>
      </c>
      <c r="HX35" s="62">
        <v>47</v>
      </c>
      <c r="HY35" s="63">
        <v>57</v>
      </c>
      <c r="HZ35" s="60">
        <v>8</v>
      </c>
      <c r="IA35" s="61">
        <v>10</v>
      </c>
      <c r="IB35" s="62">
        <v>18</v>
      </c>
      <c r="IC35" s="231"/>
      <c r="ID35" s="61">
        <v>33</v>
      </c>
      <c r="IE35" s="61">
        <v>13</v>
      </c>
      <c r="IF35" s="61">
        <v>11</v>
      </c>
      <c r="IG35" s="61">
        <v>4</v>
      </c>
      <c r="IH35" s="61">
        <v>11</v>
      </c>
      <c r="II35" s="62">
        <v>72</v>
      </c>
      <c r="IJ35" s="63">
        <v>90</v>
      </c>
      <c r="IK35" s="60">
        <v>23</v>
      </c>
      <c r="IL35" s="61">
        <v>25</v>
      </c>
      <c r="IM35" s="62">
        <v>48</v>
      </c>
      <c r="IN35" s="231"/>
      <c r="IO35" s="61">
        <v>52</v>
      </c>
      <c r="IP35" s="61">
        <v>35</v>
      </c>
      <c r="IQ35" s="61">
        <v>29</v>
      </c>
      <c r="IR35" s="61">
        <v>19</v>
      </c>
      <c r="IS35" s="61">
        <v>15</v>
      </c>
      <c r="IT35" s="62">
        <v>150</v>
      </c>
      <c r="IU35" s="63">
        <v>198</v>
      </c>
      <c r="IV35" s="60">
        <v>15</v>
      </c>
      <c r="IW35" s="61">
        <v>29</v>
      </c>
      <c r="IX35" s="62">
        <v>44</v>
      </c>
      <c r="IY35" s="231"/>
      <c r="IZ35" s="61">
        <v>48</v>
      </c>
      <c r="JA35" s="61">
        <v>32</v>
      </c>
      <c r="JB35" s="61">
        <v>32</v>
      </c>
      <c r="JC35" s="61">
        <v>32</v>
      </c>
      <c r="JD35" s="61">
        <v>17</v>
      </c>
      <c r="JE35" s="62">
        <v>161</v>
      </c>
      <c r="JF35" s="63">
        <v>205</v>
      </c>
      <c r="JG35" s="60">
        <v>10</v>
      </c>
      <c r="JH35" s="61">
        <v>25</v>
      </c>
      <c r="JI35" s="62">
        <v>35</v>
      </c>
      <c r="JJ35" s="231"/>
      <c r="JK35" s="61">
        <v>47</v>
      </c>
      <c r="JL35" s="61">
        <v>40</v>
      </c>
      <c r="JM35" s="61">
        <v>37</v>
      </c>
      <c r="JN35" s="61">
        <v>45</v>
      </c>
      <c r="JO35" s="61">
        <v>17</v>
      </c>
      <c r="JP35" s="62">
        <v>186</v>
      </c>
      <c r="JQ35" s="63">
        <v>221</v>
      </c>
      <c r="JR35" s="60">
        <v>1</v>
      </c>
      <c r="JS35" s="61">
        <v>4</v>
      </c>
      <c r="JT35" s="62">
        <v>5</v>
      </c>
      <c r="JU35" s="231"/>
      <c r="JV35" s="61">
        <v>4</v>
      </c>
      <c r="JW35" s="61">
        <v>9</v>
      </c>
      <c r="JX35" s="61">
        <v>2</v>
      </c>
      <c r="JY35" s="61">
        <v>3</v>
      </c>
      <c r="JZ35" s="61">
        <v>6</v>
      </c>
      <c r="KA35" s="62">
        <v>24</v>
      </c>
      <c r="KB35" s="63">
        <v>29</v>
      </c>
      <c r="KC35" s="60">
        <v>68</v>
      </c>
      <c r="KD35" s="61">
        <v>98</v>
      </c>
      <c r="KE35" s="62">
        <v>166</v>
      </c>
      <c r="KF35" s="231"/>
      <c r="KG35" s="61">
        <v>206</v>
      </c>
      <c r="KH35" s="61">
        <v>145</v>
      </c>
      <c r="KI35" s="61">
        <v>121</v>
      </c>
      <c r="KJ35" s="61">
        <v>117</v>
      </c>
      <c r="KK35" s="61">
        <v>74</v>
      </c>
      <c r="KL35" s="62">
        <v>663</v>
      </c>
      <c r="KM35" s="63">
        <v>829</v>
      </c>
    </row>
    <row r="36" spans="2:299" ht="21" customHeight="1" x14ac:dyDescent="0.2">
      <c r="B36" s="472" t="s">
        <v>33</v>
      </c>
      <c r="C36" s="293">
        <v>34</v>
      </c>
      <c r="D36" s="72">
        <v>27</v>
      </c>
      <c r="E36" s="73">
        <v>61</v>
      </c>
      <c r="F36" s="228"/>
      <c r="G36" s="72">
        <v>58</v>
      </c>
      <c r="H36" s="72">
        <v>42</v>
      </c>
      <c r="I36" s="72">
        <v>48</v>
      </c>
      <c r="J36" s="72">
        <v>24</v>
      </c>
      <c r="K36" s="72">
        <v>19</v>
      </c>
      <c r="L36" s="74">
        <v>191</v>
      </c>
      <c r="M36" s="75">
        <v>252</v>
      </c>
      <c r="N36" s="60">
        <v>1</v>
      </c>
      <c r="O36" s="61">
        <v>0</v>
      </c>
      <c r="P36" s="62">
        <v>1</v>
      </c>
      <c r="Q36" s="231"/>
      <c r="R36" s="61">
        <v>3</v>
      </c>
      <c r="S36" s="61">
        <v>1</v>
      </c>
      <c r="T36" s="61">
        <v>5</v>
      </c>
      <c r="U36" s="61">
        <v>1</v>
      </c>
      <c r="V36" s="61">
        <v>0</v>
      </c>
      <c r="W36" s="62">
        <v>10</v>
      </c>
      <c r="X36" s="63">
        <v>11</v>
      </c>
      <c r="Y36" s="60">
        <v>4</v>
      </c>
      <c r="Z36" s="61">
        <v>6</v>
      </c>
      <c r="AA36" s="62">
        <v>10</v>
      </c>
      <c r="AB36" s="231"/>
      <c r="AC36" s="61">
        <v>7</v>
      </c>
      <c r="AD36" s="61">
        <v>6</v>
      </c>
      <c r="AE36" s="61">
        <v>6</v>
      </c>
      <c r="AF36" s="61">
        <v>6</v>
      </c>
      <c r="AG36" s="61">
        <v>4</v>
      </c>
      <c r="AH36" s="62">
        <v>29</v>
      </c>
      <c r="AI36" s="63">
        <v>39</v>
      </c>
      <c r="AJ36" s="60">
        <v>6</v>
      </c>
      <c r="AK36" s="61">
        <v>6</v>
      </c>
      <c r="AL36" s="62">
        <v>12</v>
      </c>
      <c r="AM36" s="231"/>
      <c r="AN36" s="61">
        <v>13</v>
      </c>
      <c r="AO36" s="61">
        <v>7</v>
      </c>
      <c r="AP36" s="61">
        <v>7</v>
      </c>
      <c r="AQ36" s="61">
        <v>2</v>
      </c>
      <c r="AR36" s="61">
        <v>6</v>
      </c>
      <c r="AS36" s="62">
        <v>35</v>
      </c>
      <c r="AT36" s="63">
        <v>47</v>
      </c>
      <c r="AU36" s="60">
        <v>12</v>
      </c>
      <c r="AV36" s="61">
        <v>7</v>
      </c>
      <c r="AW36" s="62">
        <v>19</v>
      </c>
      <c r="AX36" s="231"/>
      <c r="AY36" s="61">
        <v>14</v>
      </c>
      <c r="AZ36" s="61">
        <v>11</v>
      </c>
      <c r="BA36" s="61">
        <v>11</v>
      </c>
      <c r="BB36" s="61">
        <v>8</v>
      </c>
      <c r="BC36" s="61">
        <v>4</v>
      </c>
      <c r="BD36" s="62">
        <v>48</v>
      </c>
      <c r="BE36" s="63">
        <v>67</v>
      </c>
      <c r="BF36" s="60">
        <v>5</v>
      </c>
      <c r="BG36" s="61">
        <v>5</v>
      </c>
      <c r="BH36" s="62">
        <v>10</v>
      </c>
      <c r="BI36" s="231"/>
      <c r="BJ36" s="61">
        <v>11</v>
      </c>
      <c r="BK36" s="61">
        <v>7</v>
      </c>
      <c r="BL36" s="61">
        <v>14</v>
      </c>
      <c r="BM36" s="61">
        <v>5</v>
      </c>
      <c r="BN36" s="61">
        <v>3</v>
      </c>
      <c r="BO36" s="62">
        <v>40</v>
      </c>
      <c r="BP36" s="63">
        <v>50</v>
      </c>
      <c r="BQ36" s="60">
        <v>6</v>
      </c>
      <c r="BR36" s="61">
        <v>3</v>
      </c>
      <c r="BS36" s="62">
        <v>9</v>
      </c>
      <c r="BT36" s="231"/>
      <c r="BU36" s="61">
        <v>10</v>
      </c>
      <c r="BV36" s="61">
        <v>10</v>
      </c>
      <c r="BW36" s="61">
        <v>5</v>
      </c>
      <c r="BX36" s="61">
        <v>2</v>
      </c>
      <c r="BY36" s="61">
        <v>2</v>
      </c>
      <c r="BZ36" s="62">
        <v>29</v>
      </c>
      <c r="CA36" s="63">
        <v>38</v>
      </c>
      <c r="CB36" s="60">
        <v>1</v>
      </c>
      <c r="CC36" s="61">
        <v>0</v>
      </c>
      <c r="CD36" s="62">
        <v>1</v>
      </c>
      <c r="CE36" s="231"/>
      <c r="CF36" s="61">
        <v>1</v>
      </c>
      <c r="CG36" s="61">
        <v>1</v>
      </c>
      <c r="CH36" s="61">
        <v>0</v>
      </c>
      <c r="CI36" s="61">
        <v>0</v>
      </c>
      <c r="CJ36" s="61">
        <v>0</v>
      </c>
      <c r="CK36" s="62">
        <v>2</v>
      </c>
      <c r="CL36" s="63">
        <v>3</v>
      </c>
      <c r="CM36" s="60">
        <v>35</v>
      </c>
      <c r="CN36" s="61">
        <v>27</v>
      </c>
      <c r="CO36" s="62">
        <v>62</v>
      </c>
      <c r="CP36" s="231"/>
      <c r="CQ36" s="61">
        <v>59</v>
      </c>
      <c r="CR36" s="61">
        <v>43</v>
      </c>
      <c r="CS36" s="61">
        <v>48</v>
      </c>
      <c r="CT36" s="61">
        <v>24</v>
      </c>
      <c r="CU36" s="61">
        <v>19</v>
      </c>
      <c r="CV36" s="62">
        <v>193</v>
      </c>
      <c r="CW36" s="63">
        <v>255</v>
      </c>
      <c r="CX36" s="113">
        <v>45</v>
      </c>
      <c r="CY36" s="72">
        <v>73</v>
      </c>
      <c r="CZ36" s="73">
        <v>118</v>
      </c>
      <c r="DA36" s="228"/>
      <c r="DB36" s="72">
        <v>124</v>
      </c>
      <c r="DC36" s="72">
        <v>86</v>
      </c>
      <c r="DD36" s="72">
        <v>72</v>
      </c>
      <c r="DE36" s="72">
        <v>72</v>
      </c>
      <c r="DF36" s="72">
        <v>63</v>
      </c>
      <c r="DG36" s="74">
        <v>417</v>
      </c>
      <c r="DH36" s="75">
        <v>535</v>
      </c>
      <c r="DI36" s="60">
        <v>1</v>
      </c>
      <c r="DJ36" s="61">
        <v>2</v>
      </c>
      <c r="DK36" s="62">
        <v>3</v>
      </c>
      <c r="DL36" s="231"/>
      <c r="DM36" s="61">
        <v>2</v>
      </c>
      <c r="DN36" s="61">
        <v>1</v>
      </c>
      <c r="DO36" s="61">
        <v>0</v>
      </c>
      <c r="DP36" s="61">
        <v>3</v>
      </c>
      <c r="DQ36" s="61">
        <v>2</v>
      </c>
      <c r="DR36" s="62">
        <v>8</v>
      </c>
      <c r="DS36" s="63">
        <v>11</v>
      </c>
      <c r="DT36" s="60">
        <v>5</v>
      </c>
      <c r="DU36" s="61">
        <v>6</v>
      </c>
      <c r="DV36" s="62">
        <v>11</v>
      </c>
      <c r="DW36" s="231"/>
      <c r="DX36" s="61">
        <v>4</v>
      </c>
      <c r="DY36" s="61">
        <v>5</v>
      </c>
      <c r="DZ36" s="61">
        <v>3</v>
      </c>
      <c r="EA36" s="61">
        <v>3</v>
      </c>
      <c r="EB36" s="61">
        <v>3</v>
      </c>
      <c r="EC36" s="62">
        <v>18</v>
      </c>
      <c r="ED36" s="63">
        <v>29</v>
      </c>
      <c r="EE36" s="60">
        <v>2</v>
      </c>
      <c r="EF36" s="61">
        <v>11</v>
      </c>
      <c r="EG36" s="62">
        <v>13</v>
      </c>
      <c r="EH36" s="231"/>
      <c r="EI36" s="61">
        <v>12</v>
      </c>
      <c r="EJ36" s="61">
        <v>7</v>
      </c>
      <c r="EK36" s="61">
        <v>7</v>
      </c>
      <c r="EL36" s="61">
        <v>5</v>
      </c>
      <c r="EM36" s="61">
        <v>10</v>
      </c>
      <c r="EN36" s="62">
        <v>41</v>
      </c>
      <c r="EO36" s="63">
        <v>54</v>
      </c>
      <c r="EP36" s="60">
        <v>10</v>
      </c>
      <c r="EQ36" s="61">
        <v>14</v>
      </c>
      <c r="ER36" s="62">
        <v>24</v>
      </c>
      <c r="ES36" s="231"/>
      <c r="ET36" s="61">
        <v>31</v>
      </c>
      <c r="EU36" s="61">
        <v>15</v>
      </c>
      <c r="EV36" s="61">
        <v>12</v>
      </c>
      <c r="EW36" s="61">
        <v>12</v>
      </c>
      <c r="EX36" s="61">
        <v>9</v>
      </c>
      <c r="EY36" s="62">
        <v>79</v>
      </c>
      <c r="EZ36" s="63">
        <v>103</v>
      </c>
      <c r="FA36" s="60">
        <v>21</v>
      </c>
      <c r="FB36" s="61">
        <v>19</v>
      </c>
      <c r="FC36" s="62">
        <v>40</v>
      </c>
      <c r="FD36" s="231"/>
      <c r="FE36" s="61">
        <v>39</v>
      </c>
      <c r="FF36" s="61">
        <v>19</v>
      </c>
      <c r="FG36" s="61">
        <v>19</v>
      </c>
      <c r="FH36" s="61">
        <v>18</v>
      </c>
      <c r="FI36" s="61">
        <v>14</v>
      </c>
      <c r="FJ36" s="62">
        <v>109</v>
      </c>
      <c r="FK36" s="63">
        <v>149</v>
      </c>
      <c r="FL36" s="60">
        <v>6</v>
      </c>
      <c r="FM36" s="61">
        <v>21</v>
      </c>
      <c r="FN36" s="62">
        <v>27</v>
      </c>
      <c r="FO36" s="231"/>
      <c r="FP36" s="61">
        <v>36</v>
      </c>
      <c r="FQ36" s="61">
        <v>39</v>
      </c>
      <c r="FR36" s="61">
        <v>31</v>
      </c>
      <c r="FS36" s="61">
        <v>31</v>
      </c>
      <c r="FT36" s="61">
        <v>25</v>
      </c>
      <c r="FU36" s="62">
        <v>162</v>
      </c>
      <c r="FV36" s="63">
        <v>189</v>
      </c>
      <c r="FW36" s="60">
        <v>0</v>
      </c>
      <c r="FX36" s="61">
        <v>0</v>
      </c>
      <c r="FY36" s="62">
        <v>0</v>
      </c>
      <c r="FZ36" s="231"/>
      <c r="GA36" s="61">
        <v>1</v>
      </c>
      <c r="GB36" s="61">
        <v>0</v>
      </c>
      <c r="GC36" s="61">
        <v>1</v>
      </c>
      <c r="GD36" s="61">
        <v>0</v>
      </c>
      <c r="GE36" s="61">
        <v>1</v>
      </c>
      <c r="GF36" s="62">
        <v>3</v>
      </c>
      <c r="GG36" s="63">
        <v>3</v>
      </c>
      <c r="GH36" s="60">
        <v>45</v>
      </c>
      <c r="GI36" s="61">
        <v>73</v>
      </c>
      <c r="GJ36" s="62">
        <v>118</v>
      </c>
      <c r="GK36" s="231"/>
      <c r="GL36" s="61">
        <v>125</v>
      </c>
      <c r="GM36" s="61">
        <v>86</v>
      </c>
      <c r="GN36" s="61">
        <v>73</v>
      </c>
      <c r="GO36" s="61">
        <v>72</v>
      </c>
      <c r="GP36" s="61">
        <v>64</v>
      </c>
      <c r="GQ36" s="62">
        <v>420</v>
      </c>
      <c r="GR36" s="63">
        <v>538</v>
      </c>
      <c r="GS36" s="113">
        <v>79</v>
      </c>
      <c r="GT36" s="72">
        <v>100</v>
      </c>
      <c r="GU36" s="73">
        <v>179</v>
      </c>
      <c r="GV36" s="228"/>
      <c r="GW36" s="72">
        <v>182</v>
      </c>
      <c r="GX36" s="72">
        <v>128</v>
      </c>
      <c r="GY36" s="72">
        <v>120</v>
      </c>
      <c r="GZ36" s="72">
        <v>96</v>
      </c>
      <c r="HA36" s="72">
        <v>82</v>
      </c>
      <c r="HB36" s="74">
        <v>608</v>
      </c>
      <c r="HC36" s="75">
        <v>787</v>
      </c>
      <c r="HD36" s="60">
        <v>2</v>
      </c>
      <c r="HE36" s="61">
        <v>2</v>
      </c>
      <c r="HF36" s="62">
        <v>4</v>
      </c>
      <c r="HG36" s="231"/>
      <c r="HH36" s="61">
        <v>5</v>
      </c>
      <c r="HI36" s="61">
        <v>2</v>
      </c>
      <c r="HJ36" s="61">
        <v>5</v>
      </c>
      <c r="HK36" s="61">
        <v>4</v>
      </c>
      <c r="HL36" s="61">
        <v>2</v>
      </c>
      <c r="HM36" s="62">
        <v>18</v>
      </c>
      <c r="HN36" s="63">
        <v>22</v>
      </c>
      <c r="HO36" s="60">
        <v>9</v>
      </c>
      <c r="HP36" s="61">
        <v>12</v>
      </c>
      <c r="HQ36" s="62">
        <v>21</v>
      </c>
      <c r="HR36" s="231"/>
      <c r="HS36" s="61">
        <v>11</v>
      </c>
      <c r="HT36" s="61">
        <v>11</v>
      </c>
      <c r="HU36" s="61">
        <v>9</v>
      </c>
      <c r="HV36" s="61">
        <v>9</v>
      </c>
      <c r="HW36" s="61">
        <v>7</v>
      </c>
      <c r="HX36" s="62">
        <v>47</v>
      </c>
      <c r="HY36" s="63">
        <v>68</v>
      </c>
      <c r="HZ36" s="60">
        <v>8</v>
      </c>
      <c r="IA36" s="61">
        <v>17</v>
      </c>
      <c r="IB36" s="62">
        <v>25</v>
      </c>
      <c r="IC36" s="231"/>
      <c r="ID36" s="61">
        <v>25</v>
      </c>
      <c r="IE36" s="61">
        <v>14</v>
      </c>
      <c r="IF36" s="61">
        <v>14</v>
      </c>
      <c r="IG36" s="61">
        <v>7</v>
      </c>
      <c r="IH36" s="61">
        <v>16</v>
      </c>
      <c r="II36" s="62">
        <v>76</v>
      </c>
      <c r="IJ36" s="63">
        <v>101</v>
      </c>
      <c r="IK36" s="60">
        <v>22</v>
      </c>
      <c r="IL36" s="61">
        <v>21</v>
      </c>
      <c r="IM36" s="62">
        <v>43</v>
      </c>
      <c r="IN36" s="231"/>
      <c r="IO36" s="61">
        <v>45</v>
      </c>
      <c r="IP36" s="61">
        <v>26</v>
      </c>
      <c r="IQ36" s="61">
        <v>23</v>
      </c>
      <c r="IR36" s="61">
        <v>20</v>
      </c>
      <c r="IS36" s="61">
        <v>13</v>
      </c>
      <c r="IT36" s="62">
        <v>127</v>
      </c>
      <c r="IU36" s="63">
        <v>170</v>
      </c>
      <c r="IV36" s="60">
        <v>26</v>
      </c>
      <c r="IW36" s="61">
        <v>24</v>
      </c>
      <c r="IX36" s="62">
        <v>50</v>
      </c>
      <c r="IY36" s="231"/>
      <c r="IZ36" s="61">
        <v>50</v>
      </c>
      <c r="JA36" s="61">
        <v>26</v>
      </c>
      <c r="JB36" s="61">
        <v>33</v>
      </c>
      <c r="JC36" s="61">
        <v>23</v>
      </c>
      <c r="JD36" s="61">
        <v>17</v>
      </c>
      <c r="JE36" s="62">
        <v>149</v>
      </c>
      <c r="JF36" s="63">
        <v>199</v>
      </c>
      <c r="JG36" s="60">
        <v>12</v>
      </c>
      <c r="JH36" s="61">
        <v>24</v>
      </c>
      <c r="JI36" s="62">
        <v>36</v>
      </c>
      <c r="JJ36" s="231"/>
      <c r="JK36" s="61">
        <v>46</v>
      </c>
      <c r="JL36" s="61">
        <v>49</v>
      </c>
      <c r="JM36" s="61">
        <v>36</v>
      </c>
      <c r="JN36" s="61">
        <v>33</v>
      </c>
      <c r="JO36" s="61">
        <v>27</v>
      </c>
      <c r="JP36" s="62">
        <v>191</v>
      </c>
      <c r="JQ36" s="63">
        <v>227</v>
      </c>
      <c r="JR36" s="60">
        <v>1</v>
      </c>
      <c r="JS36" s="61">
        <v>0</v>
      </c>
      <c r="JT36" s="62">
        <v>1</v>
      </c>
      <c r="JU36" s="231"/>
      <c r="JV36" s="61">
        <v>2</v>
      </c>
      <c r="JW36" s="61">
        <v>1</v>
      </c>
      <c r="JX36" s="61">
        <v>1</v>
      </c>
      <c r="JY36" s="61">
        <v>0</v>
      </c>
      <c r="JZ36" s="61">
        <v>1</v>
      </c>
      <c r="KA36" s="62">
        <v>5</v>
      </c>
      <c r="KB36" s="63">
        <v>6</v>
      </c>
      <c r="KC36" s="60">
        <v>80</v>
      </c>
      <c r="KD36" s="61">
        <v>100</v>
      </c>
      <c r="KE36" s="62">
        <v>180</v>
      </c>
      <c r="KF36" s="231"/>
      <c r="KG36" s="61">
        <v>184</v>
      </c>
      <c r="KH36" s="61">
        <v>129</v>
      </c>
      <c r="KI36" s="61">
        <v>121</v>
      </c>
      <c r="KJ36" s="61">
        <v>96</v>
      </c>
      <c r="KK36" s="61">
        <v>83</v>
      </c>
      <c r="KL36" s="62">
        <v>613</v>
      </c>
      <c r="KM36" s="63">
        <v>793</v>
      </c>
    </row>
    <row r="37" spans="2:299" ht="21" customHeight="1" x14ac:dyDescent="0.2">
      <c r="B37" s="472" t="s">
        <v>34</v>
      </c>
      <c r="C37" s="293">
        <v>14</v>
      </c>
      <c r="D37" s="72">
        <v>15</v>
      </c>
      <c r="E37" s="73">
        <v>29</v>
      </c>
      <c r="F37" s="228"/>
      <c r="G37" s="72">
        <v>38</v>
      </c>
      <c r="H37" s="72">
        <v>38</v>
      </c>
      <c r="I37" s="72">
        <v>16</v>
      </c>
      <c r="J37" s="72">
        <v>23</v>
      </c>
      <c r="K37" s="72">
        <v>9</v>
      </c>
      <c r="L37" s="74">
        <v>124</v>
      </c>
      <c r="M37" s="75">
        <v>153</v>
      </c>
      <c r="N37" s="60">
        <v>0</v>
      </c>
      <c r="O37" s="61">
        <v>2</v>
      </c>
      <c r="P37" s="62">
        <v>2</v>
      </c>
      <c r="Q37" s="231"/>
      <c r="R37" s="61">
        <v>2</v>
      </c>
      <c r="S37" s="61">
        <v>3</v>
      </c>
      <c r="T37" s="61">
        <v>2</v>
      </c>
      <c r="U37" s="61">
        <v>1</v>
      </c>
      <c r="V37" s="61">
        <v>0</v>
      </c>
      <c r="W37" s="62">
        <v>8</v>
      </c>
      <c r="X37" s="63">
        <v>10</v>
      </c>
      <c r="Y37" s="60">
        <v>2</v>
      </c>
      <c r="Z37" s="61">
        <v>2</v>
      </c>
      <c r="AA37" s="62">
        <v>4</v>
      </c>
      <c r="AB37" s="231"/>
      <c r="AC37" s="61">
        <v>1</v>
      </c>
      <c r="AD37" s="61">
        <v>1</v>
      </c>
      <c r="AE37" s="61">
        <v>1</v>
      </c>
      <c r="AF37" s="61">
        <v>0</v>
      </c>
      <c r="AG37" s="61">
        <v>0</v>
      </c>
      <c r="AH37" s="62">
        <v>3</v>
      </c>
      <c r="AI37" s="63">
        <v>7</v>
      </c>
      <c r="AJ37" s="60">
        <v>1</v>
      </c>
      <c r="AK37" s="61">
        <v>2</v>
      </c>
      <c r="AL37" s="62">
        <v>3</v>
      </c>
      <c r="AM37" s="231"/>
      <c r="AN37" s="61">
        <v>3</v>
      </c>
      <c r="AO37" s="61">
        <v>6</v>
      </c>
      <c r="AP37" s="61">
        <v>2</v>
      </c>
      <c r="AQ37" s="61">
        <v>9</v>
      </c>
      <c r="AR37" s="61">
        <v>2</v>
      </c>
      <c r="AS37" s="62">
        <v>22</v>
      </c>
      <c r="AT37" s="63">
        <v>25</v>
      </c>
      <c r="AU37" s="60">
        <v>7</v>
      </c>
      <c r="AV37" s="61">
        <v>2</v>
      </c>
      <c r="AW37" s="62">
        <v>9</v>
      </c>
      <c r="AX37" s="231"/>
      <c r="AY37" s="61">
        <v>11</v>
      </c>
      <c r="AZ37" s="61">
        <v>10</v>
      </c>
      <c r="BA37" s="61">
        <v>2</v>
      </c>
      <c r="BB37" s="61">
        <v>5</v>
      </c>
      <c r="BC37" s="61">
        <v>2</v>
      </c>
      <c r="BD37" s="62">
        <v>30</v>
      </c>
      <c r="BE37" s="63">
        <v>39</v>
      </c>
      <c r="BF37" s="60">
        <v>3</v>
      </c>
      <c r="BG37" s="61">
        <v>5</v>
      </c>
      <c r="BH37" s="62">
        <v>8</v>
      </c>
      <c r="BI37" s="231"/>
      <c r="BJ37" s="61">
        <v>13</v>
      </c>
      <c r="BK37" s="61">
        <v>8</v>
      </c>
      <c r="BL37" s="61">
        <v>5</v>
      </c>
      <c r="BM37" s="61">
        <v>5</v>
      </c>
      <c r="BN37" s="61">
        <v>4</v>
      </c>
      <c r="BO37" s="62">
        <v>35</v>
      </c>
      <c r="BP37" s="63">
        <v>43</v>
      </c>
      <c r="BQ37" s="60">
        <v>1</v>
      </c>
      <c r="BR37" s="61">
        <v>2</v>
      </c>
      <c r="BS37" s="62">
        <v>3</v>
      </c>
      <c r="BT37" s="231"/>
      <c r="BU37" s="61">
        <v>8</v>
      </c>
      <c r="BV37" s="61">
        <v>10</v>
      </c>
      <c r="BW37" s="61">
        <v>4</v>
      </c>
      <c r="BX37" s="61">
        <v>3</v>
      </c>
      <c r="BY37" s="61">
        <v>1</v>
      </c>
      <c r="BZ37" s="62">
        <v>26</v>
      </c>
      <c r="CA37" s="63">
        <v>29</v>
      </c>
      <c r="CB37" s="60">
        <v>0</v>
      </c>
      <c r="CC37" s="61">
        <v>0</v>
      </c>
      <c r="CD37" s="62">
        <v>0</v>
      </c>
      <c r="CE37" s="231"/>
      <c r="CF37" s="61">
        <v>3</v>
      </c>
      <c r="CG37" s="61">
        <v>2</v>
      </c>
      <c r="CH37" s="61">
        <v>0</v>
      </c>
      <c r="CI37" s="61">
        <v>1</v>
      </c>
      <c r="CJ37" s="61">
        <v>1</v>
      </c>
      <c r="CK37" s="62">
        <v>7</v>
      </c>
      <c r="CL37" s="63">
        <v>7</v>
      </c>
      <c r="CM37" s="60">
        <v>14</v>
      </c>
      <c r="CN37" s="61">
        <v>15</v>
      </c>
      <c r="CO37" s="62">
        <v>29</v>
      </c>
      <c r="CP37" s="231"/>
      <c r="CQ37" s="61">
        <v>41</v>
      </c>
      <c r="CR37" s="61">
        <v>40</v>
      </c>
      <c r="CS37" s="61">
        <v>16</v>
      </c>
      <c r="CT37" s="61">
        <v>24</v>
      </c>
      <c r="CU37" s="61">
        <v>10</v>
      </c>
      <c r="CV37" s="62">
        <v>131</v>
      </c>
      <c r="CW37" s="63">
        <v>160</v>
      </c>
      <c r="CX37" s="113">
        <v>41</v>
      </c>
      <c r="CY37" s="72">
        <v>38</v>
      </c>
      <c r="CZ37" s="73">
        <v>79</v>
      </c>
      <c r="DA37" s="228"/>
      <c r="DB37" s="72">
        <v>97</v>
      </c>
      <c r="DC37" s="72">
        <v>48</v>
      </c>
      <c r="DD37" s="72">
        <v>46</v>
      </c>
      <c r="DE37" s="72">
        <v>47</v>
      </c>
      <c r="DF37" s="72">
        <v>23</v>
      </c>
      <c r="DG37" s="74">
        <v>261</v>
      </c>
      <c r="DH37" s="75">
        <v>340</v>
      </c>
      <c r="DI37" s="60">
        <v>0</v>
      </c>
      <c r="DJ37" s="61">
        <v>1</v>
      </c>
      <c r="DK37" s="62">
        <v>1</v>
      </c>
      <c r="DL37" s="231"/>
      <c r="DM37" s="61">
        <v>1</v>
      </c>
      <c r="DN37" s="61">
        <v>0</v>
      </c>
      <c r="DO37" s="61">
        <v>1</v>
      </c>
      <c r="DP37" s="61">
        <v>0</v>
      </c>
      <c r="DQ37" s="61">
        <v>2</v>
      </c>
      <c r="DR37" s="62">
        <v>4</v>
      </c>
      <c r="DS37" s="63">
        <v>5</v>
      </c>
      <c r="DT37" s="60">
        <v>3</v>
      </c>
      <c r="DU37" s="61">
        <v>0</v>
      </c>
      <c r="DV37" s="62">
        <v>3</v>
      </c>
      <c r="DW37" s="231"/>
      <c r="DX37" s="61">
        <v>5</v>
      </c>
      <c r="DY37" s="61">
        <v>2</v>
      </c>
      <c r="DZ37" s="61">
        <v>2</v>
      </c>
      <c r="EA37" s="61">
        <v>2</v>
      </c>
      <c r="EB37" s="61">
        <v>3</v>
      </c>
      <c r="EC37" s="62">
        <v>14</v>
      </c>
      <c r="ED37" s="63">
        <v>17</v>
      </c>
      <c r="EE37" s="60">
        <v>6</v>
      </c>
      <c r="EF37" s="61">
        <v>3</v>
      </c>
      <c r="EG37" s="62">
        <v>9</v>
      </c>
      <c r="EH37" s="231"/>
      <c r="EI37" s="61">
        <v>8</v>
      </c>
      <c r="EJ37" s="61">
        <v>3</v>
      </c>
      <c r="EK37" s="61">
        <v>6</v>
      </c>
      <c r="EL37" s="61">
        <v>3</v>
      </c>
      <c r="EM37" s="61">
        <v>0</v>
      </c>
      <c r="EN37" s="62">
        <v>20</v>
      </c>
      <c r="EO37" s="63">
        <v>29</v>
      </c>
      <c r="EP37" s="60">
        <v>8</v>
      </c>
      <c r="EQ37" s="61">
        <v>7</v>
      </c>
      <c r="ER37" s="62">
        <v>15</v>
      </c>
      <c r="ES37" s="231"/>
      <c r="ET37" s="61">
        <v>20</v>
      </c>
      <c r="EU37" s="61">
        <v>10</v>
      </c>
      <c r="EV37" s="61">
        <v>10</v>
      </c>
      <c r="EW37" s="61">
        <v>5</v>
      </c>
      <c r="EX37" s="61">
        <v>4</v>
      </c>
      <c r="EY37" s="62">
        <v>49</v>
      </c>
      <c r="EZ37" s="63">
        <v>64</v>
      </c>
      <c r="FA37" s="60">
        <v>15</v>
      </c>
      <c r="FB37" s="61">
        <v>22</v>
      </c>
      <c r="FC37" s="62">
        <v>37</v>
      </c>
      <c r="FD37" s="231"/>
      <c r="FE37" s="61">
        <v>31</v>
      </c>
      <c r="FF37" s="61">
        <v>13</v>
      </c>
      <c r="FG37" s="61">
        <v>12</v>
      </c>
      <c r="FH37" s="61">
        <v>13</v>
      </c>
      <c r="FI37" s="61">
        <v>2</v>
      </c>
      <c r="FJ37" s="62">
        <v>71</v>
      </c>
      <c r="FK37" s="63">
        <v>108</v>
      </c>
      <c r="FL37" s="60">
        <v>9</v>
      </c>
      <c r="FM37" s="61">
        <v>5</v>
      </c>
      <c r="FN37" s="62">
        <v>14</v>
      </c>
      <c r="FO37" s="231"/>
      <c r="FP37" s="61">
        <v>32</v>
      </c>
      <c r="FQ37" s="61">
        <v>20</v>
      </c>
      <c r="FR37" s="61">
        <v>15</v>
      </c>
      <c r="FS37" s="61">
        <v>24</v>
      </c>
      <c r="FT37" s="61">
        <v>12</v>
      </c>
      <c r="FU37" s="62">
        <v>103</v>
      </c>
      <c r="FV37" s="63">
        <v>117</v>
      </c>
      <c r="FW37" s="60">
        <v>0</v>
      </c>
      <c r="FX37" s="61">
        <v>1</v>
      </c>
      <c r="FY37" s="62">
        <v>1</v>
      </c>
      <c r="FZ37" s="231"/>
      <c r="GA37" s="61">
        <v>1</v>
      </c>
      <c r="GB37" s="61">
        <v>1</v>
      </c>
      <c r="GC37" s="61">
        <v>1</v>
      </c>
      <c r="GD37" s="61">
        <v>0</v>
      </c>
      <c r="GE37" s="61">
        <v>1</v>
      </c>
      <c r="GF37" s="62">
        <v>4</v>
      </c>
      <c r="GG37" s="63">
        <v>5</v>
      </c>
      <c r="GH37" s="60">
        <v>41</v>
      </c>
      <c r="GI37" s="61">
        <v>39</v>
      </c>
      <c r="GJ37" s="62">
        <v>80</v>
      </c>
      <c r="GK37" s="231"/>
      <c r="GL37" s="61">
        <v>98</v>
      </c>
      <c r="GM37" s="61">
        <v>49</v>
      </c>
      <c r="GN37" s="61">
        <v>47</v>
      </c>
      <c r="GO37" s="61">
        <v>47</v>
      </c>
      <c r="GP37" s="61">
        <v>24</v>
      </c>
      <c r="GQ37" s="62">
        <v>265</v>
      </c>
      <c r="GR37" s="63">
        <v>345</v>
      </c>
      <c r="GS37" s="113">
        <v>55</v>
      </c>
      <c r="GT37" s="72">
        <v>53</v>
      </c>
      <c r="GU37" s="73">
        <v>108</v>
      </c>
      <c r="GV37" s="228"/>
      <c r="GW37" s="72">
        <v>135</v>
      </c>
      <c r="GX37" s="72">
        <v>86</v>
      </c>
      <c r="GY37" s="72">
        <v>62</v>
      </c>
      <c r="GZ37" s="72">
        <v>70</v>
      </c>
      <c r="HA37" s="72">
        <v>32</v>
      </c>
      <c r="HB37" s="74">
        <v>385</v>
      </c>
      <c r="HC37" s="75">
        <v>493</v>
      </c>
      <c r="HD37" s="60">
        <v>0</v>
      </c>
      <c r="HE37" s="61">
        <v>3</v>
      </c>
      <c r="HF37" s="62">
        <v>3</v>
      </c>
      <c r="HG37" s="231"/>
      <c r="HH37" s="61">
        <v>3</v>
      </c>
      <c r="HI37" s="61">
        <v>3</v>
      </c>
      <c r="HJ37" s="61">
        <v>3</v>
      </c>
      <c r="HK37" s="61">
        <v>1</v>
      </c>
      <c r="HL37" s="61">
        <v>2</v>
      </c>
      <c r="HM37" s="62">
        <v>12</v>
      </c>
      <c r="HN37" s="63">
        <v>15</v>
      </c>
      <c r="HO37" s="60">
        <v>5</v>
      </c>
      <c r="HP37" s="61">
        <v>2</v>
      </c>
      <c r="HQ37" s="62">
        <v>7</v>
      </c>
      <c r="HR37" s="231"/>
      <c r="HS37" s="61">
        <v>6</v>
      </c>
      <c r="HT37" s="61">
        <v>3</v>
      </c>
      <c r="HU37" s="61">
        <v>3</v>
      </c>
      <c r="HV37" s="61">
        <v>2</v>
      </c>
      <c r="HW37" s="61">
        <v>3</v>
      </c>
      <c r="HX37" s="62">
        <v>17</v>
      </c>
      <c r="HY37" s="63">
        <v>24</v>
      </c>
      <c r="HZ37" s="60">
        <v>7</v>
      </c>
      <c r="IA37" s="61">
        <v>5</v>
      </c>
      <c r="IB37" s="62">
        <v>12</v>
      </c>
      <c r="IC37" s="231"/>
      <c r="ID37" s="61">
        <v>11</v>
      </c>
      <c r="IE37" s="61">
        <v>9</v>
      </c>
      <c r="IF37" s="61">
        <v>8</v>
      </c>
      <c r="IG37" s="61">
        <v>12</v>
      </c>
      <c r="IH37" s="61">
        <v>2</v>
      </c>
      <c r="II37" s="62">
        <v>42</v>
      </c>
      <c r="IJ37" s="63">
        <v>54</v>
      </c>
      <c r="IK37" s="60">
        <v>15</v>
      </c>
      <c r="IL37" s="61">
        <v>9</v>
      </c>
      <c r="IM37" s="62">
        <v>24</v>
      </c>
      <c r="IN37" s="231"/>
      <c r="IO37" s="61">
        <v>31</v>
      </c>
      <c r="IP37" s="61">
        <v>20</v>
      </c>
      <c r="IQ37" s="61">
        <v>12</v>
      </c>
      <c r="IR37" s="61">
        <v>10</v>
      </c>
      <c r="IS37" s="61">
        <v>6</v>
      </c>
      <c r="IT37" s="62">
        <v>79</v>
      </c>
      <c r="IU37" s="63">
        <v>103</v>
      </c>
      <c r="IV37" s="60">
        <v>18</v>
      </c>
      <c r="IW37" s="61">
        <v>27</v>
      </c>
      <c r="IX37" s="62">
        <v>45</v>
      </c>
      <c r="IY37" s="231"/>
      <c r="IZ37" s="61">
        <v>44</v>
      </c>
      <c r="JA37" s="61">
        <v>21</v>
      </c>
      <c r="JB37" s="61">
        <v>17</v>
      </c>
      <c r="JC37" s="61">
        <v>18</v>
      </c>
      <c r="JD37" s="61">
        <v>6</v>
      </c>
      <c r="JE37" s="62">
        <v>106</v>
      </c>
      <c r="JF37" s="63">
        <v>151</v>
      </c>
      <c r="JG37" s="60">
        <v>10</v>
      </c>
      <c r="JH37" s="61">
        <v>7</v>
      </c>
      <c r="JI37" s="62">
        <v>17</v>
      </c>
      <c r="JJ37" s="231"/>
      <c r="JK37" s="61">
        <v>40</v>
      </c>
      <c r="JL37" s="61">
        <v>30</v>
      </c>
      <c r="JM37" s="61">
        <v>19</v>
      </c>
      <c r="JN37" s="61">
        <v>27</v>
      </c>
      <c r="JO37" s="61">
        <v>13</v>
      </c>
      <c r="JP37" s="62">
        <v>129</v>
      </c>
      <c r="JQ37" s="63">
        <v>146</v>
      </c>
      <c r="JR37" s="60">
        <v>0</v>
      </c>
      <c r="JS37" s="61">
        <v>1</v>
      </c>
      <c r="JT37" s="62">
        <v>1</v>
      </c>
      <c r="JU37" s="231"/>
      <c r="JV37" s="61">
        <v>4</v>
      </c>
      <c r="JW37" s="61">
        <v>3</v>
      </c>
      <c r="JX37" s="61">
        <v>1</v>
      </c>
      <c r="JY37" s="61">
        <v>1</v>
      </c>
      <c r="JZ37" s="61">
        <v>2</v>
      </c>
      <c r="KA37" s="62">
        <v>11</v>
      </c>
      <c r="KB37" s="63">
        <v>12</v>
      </c>
      <c r="KC37" s="60">
        <v>55</v>
      </c>
      <c r="KD37" s="61">
        <v>54</v>
      </c>
      <c r="KE37" s="62">
        <v>109</v>
      </c>
      <c r="KF37" s="231"/>
      <c r="KG37" s="61">
        <v>139</v>
      </c>
      <c r="KH37" s="61">
        <v>89</v>
      </c>
      <c r="KI37" s="61">
        <v>63</v>
      </c>
      <c r="KJ37" s="61">
        <v>71</v>
      </c>
      <c r="KK37" s="61">
        <v>34</v>
      </c>
      <c r="KL37" s="62">
        <v>396</v>
      </c>
      <c r="KM37" s="63">
        <v>505</v>
      </c>
    </row>
    <row r="38" spans="2:299" ht="21" customHeight="1" x14ac:dyDescent="0.2">
      <c r="B38" s="472" t="s">
        <v>35</v>
      </c>
      <c r="C38" s="293">
        <v>63</v>
      </c>
      <c r="D38" s="72">
        <v>54</v>
      </c>
      <c r="E38" s="73">
        <v>117</v>
      </c>
      <c r="F38" s="228"/>
      <c r="G38" s="72">
        <v>164</v>
      </c>
      <c r="H38" s="72">
        <v>75</v>
      </c>
      <c r="I38" s="72">
        <v>70</v>
      </c>
      <c r="J38" s="72">
        <v>50</v>
      </c>
      <c r="K38" s="72">
        <v>28</v>
      </c>
      <c r="L38" s="74">
        <v>387</v>
      </c>
      <c r="M38" s="75">
        <v>504</v>
      </c>
      <c r="N38" s="60">
        <v>1</v>
      </c>
      <c r="O38" s="61">
        <v>4</v>
      </c>
      <c r="P38" s="62">
        <v>5</v>
      </c>
      <c r="Q38" s="231"/>
      <c r="R38" s="61">
        <v>12</v>
      </c>
      <c r="S38" s="61">
        <v>2</v>
      </c>
      <c r="T38" s="61">
        <v>7</v>
      </c>
      <c r="U38" s="61">
        <v>5</v>
      </c>
      <c r="V38" s="61">
        <v>5</v>
      </c>
      <c r="W38" s="62">
        <v>31</v>
      </c>
      <c r="X38" s="63">
        <v>36</v>
      </c>
      <c r="Y38" s="60">
        <v>8</v>
      </c>
      <c r="Z38" s="61">
        <v>4</v>
      </c>
      <c r="AA38" s="62">
        <v>12</v>
      </c>
      <c r="AB38" s="231"/>
      <c r="AC38" s="61">
        <v>11</v>
      </c>
      <c r="AD38" s="61">
        <v>7</v>
      </c>
      <c r="AE38" s="61">
        <v>5</v>
      </c>
      <c r="AF38" s="61">
        <v>3</v>
      </c>
      <c r="AG38" s="61">
        <v>2</v>
      </c>
      <c r="AH38" s="62">
        <v>28</v>
      </c>
      <c r="AI38" s="63">
        <v>40</v>
      </c>
      <c r="AJ38" s="60">
        <v>11</v>
      </c>
      <c r="AK38" s="61">
        <v>13</v>
      </c>
      <c r="AL38" s="62">
        <v>24</v>
      </c>
      <c r="AM38" s="231"/>
      <c r="AN38" s="61">
        <v>25</v>
      </c>
      <c r="AO38" s="61">
        <v>5</v>
      </c>
      <c r="AP38" s="61">
        <v>14</v>
      </c>
      <c r="AQ38" s="61">
        <v>11</v>
      </c>
      <c r="AR38" s="61">
        <v>8</v>
      </c>
      <c r="AS38" s="62">
        <v>63</v>
      </c>
      <c r="AT38" s="63">
        <v>87</v>
      </c>
      <c r="AU38" s="60">
        <v>20</v>
      </c>
      <c r="AV38" s="61">
        <v>18</v>
      </c>
      <c r="AW38" s="62">
        <v>38</v>
      </c>
      <c r="AX38" s="231"/>
      <c r="AY38" s="61">
        <v>48</v>
      </c>
      <c r="AZ38" s="61">
        <v>25</v>
      </c>
      <c r="BA38" s="61">
        <v>16</v>
      </c>
      <c r="BB38" s="61">
        <v>7</v>
      </c>
      <c r="BC38" s="61">
        <v>4</v>
      </c>
      <c r="BD38" s="62">
        <v>100</v>
      </c>
      <c r="BE38" s="63">
        <v>138</v>
      </c>
      <c r="BF38" s="60">
        <v>12</v>
      </c>
      <c r="BG38" s="61">
        <v>9</v>
      </c>
      <c r="BH38" s="62">
        <v>21</v>
      </c>
      <c r="BI38" s="231"/>
      <c r="BJ38" s="61">
        <v>47</v>
      </c>
      <c r="BK38" s="61">
        <v>15</v>
      </c>
      <c r="BL38" s="61">
        <v>13</v>
      </c>
      <c r="BM38" s="61">
        <v>11</v>
      </c>
      <c r="BN38" s="61">
        <v>2</v>
      </c>
      <c r="BO38" s="62">
        <v>88</v>
      </c>
      <c r="BP38" s="63">
        <v>109</v>
      </c>
      <c r="BQ38" s="60">
        <v>11</v>
      </c>
      <c r="BR38" s="61">
        <v>6</v>
      </c>
      <c r="BS38" s="62">
        <v>17</v>
      </c>
      <c r="BT38" s="231"/>
      <c r="BU38" s="61">
        <v>21</v>
      </c>
      <c r="BV38" s="61">
        <v>21</v>
      </c>
      <c r="BW38" s="61">
        <v>15</v>
      </c>
      <c r="BX38" s="61">
        <v>13</v>
      </c>
      <c r="BY38" s="61">
        <v>7</v>
      </c>
      <c r="BZ38" s="62">
        <v>77</v>
      </c>
      <c r="CA38" s="63">
        <v>94</v>
      </c>
      <c r="CB38" s="60">
        <v>1</v>
      </c>
      <c r="CC38" s="61">
        <v>2</v>
      </c>
      <c r="CD38" s="62">
        <v>3</v>
      </c>
      <c r="CE38" s="231"/>
      <c r="CF38" s="61">
        <v>5</v>
      </c>
      <c r="CG38" s="61">
        <v>2</v>
      </c>
      <c r="CH38" s="61">
        <v>2</v>
      </c>
      <c r="CI38" s="61">
        <v>2</v>
      </c>
      <c r="CJ38" s="61">
        <v>2</v>
      </c>
      <c r="CK38" s="62">
        <v>13</v>
      </c>
      <c r="CL38" s="63">
        <v>16</v>
      </c>
      <c r="CM38" s="60">
        <v>64</v>
      </c>
      <c r="CN38" s="61">
        <v>56</v>
      </c>
      <c r="CO38" s="62">
        <v>120</v>
      </c>
      <c r="CP38" s="231"/>
      <c r="CQ38" s="61">
        <v>169</v>
      </c>
      <c r="CR38" s="61">
        <v>77</v>
      </c>
      <c r="CS38" s="61">
        <v>72</v>
      </c>
      <c r="CT38" s="61">
        <v>52</v>
      </c>
      <c r="CU38" s="61">
        <v>30</v>
      </c>
      <c r="CV38" s="62">
        <v>400</v>
      </c>
      <c r="CW38" s="63">
        <v>520</v>
      </c>
      <c r="CX38" s="113">
        <v>136</v>
      </c>
      <c r="CY38" s="72">
        <v>163</v>
      </c>
      <c r="CZ38" s="73">
        <v>299</v>
      </c>
      <c r="DA38" s="228"/>
      <c r="DB38" s="72">
        <v>318</v>
      </c>
      <c r="DC38" s="72">
        <v>172</v>
      </c>
      <c r="DD38" s="72">
        <v>165</v>
      </c>
      <c r="DE38" s="72">
        <v>155</v>
      </c>
      <c r="DF38" s="72">
        <v>92</v>
      </c>
      <c r="DG38" s="74">
        <v>902</v>
      </c>
      <c r="DH38" s="75">
        <v>1201</v>
      </c>
      <c r="DI38" s="60">
        <v>2</v>
      </c>
      <c r="DJ38" s="61">
        <v>4</v>
      </c>
      <c r="DK38" s="62">
        <v>6</v>
      </c>
      <c r="DL38" s="231"/>
      <c r="DM38" s="61">
        <v>5</v>
      </c>
      <c r="DN38" s="61">
        <v>5</v>
      </c>
      <c r="DO38" s="61">
        <v>4</v>
      </c>
      <c r="DP38" s="61">
        <v>4</v>
      </c>
      <c r="DQ38" s="61">
        <v>1</v>
      </c>
      <c r="DR38" s="62">
        <v>19</v>
      </c>
      <c r="DS38" s="63">
        <v>25</v>
      </c>
      <c r="DT38" s="60">
        <v>8</v>
      </c>
      <c r="DU38" s="61">
        <v>14</v>
      </c>
      <c r="DV38" s="62">
        <v>22</v>
      </c>
      <c r="DW38" s="231"/>
      <c r="DX38" s="61">
        <v>15</v>
      </c>
      <c r="DY38" s="61">
        <v>8</v>
      </c>
      <c r="DZ38" s="61">
        <v>8</v>
      </c>
      <c r="EA38" s="61">
        <v>10</v>
      </c>
      <c r="EB38" s="61">
        <v>4</v>
      </c>
      <c r="EC38" s="62">
        <v>45</v>
      </c>
      <c r="ED38" s="63">
        <v>67</v>
      </c>
      <c r="EE38" s="60">
        <v>19</v>
      </c>
      <c r="EF38" s="61">
        <v>27</v>
      </c>
      <c r="EG38" s="62">
        <v>46</v>
      </c>
      <c r="EH38" s="231"/>
      <c r="EI38" s="61">
        <v>27</v>
      </c>
      <c r="EJ38" s="61">
        <v>22</v>
      </c>
      <c r="EK38" s="61">
        <v>6</v>
      </c>
      <c r="EL38" s="61">
        <v>10</v>
      </c>
      <c r="EM38" s="61">
        <v>16</v>
      </c>
      <c r="EN38" s="62">
        <v>81</v>
      </c>
      <c r="EO38" s="63">
        <v>127</v>
      </c>
      <c r="EP38" s="60">
        <v>44</v>
      </c>
      <c r="EQ38" s="61">
        <v>35</v>
      </c>
      <c r="ER38" s="62">
        <v>79</v>
      </c>
      <c r="ES38" s="231"/>
      <c r="ET38" s="61">
        <v>70</v>
      </c>
      <c r="EU38" s="61">
        <v>32</v>
      </c>
      <c r="EV38" s="61">
        <v>34</v>
      </c>
      <c r="EW38" s="61">
        <v>23</v>
      </c>
      <c r="EX38" s="61">
        <v>15</v>
      </c>
      <c r="EY38" s="62">
        <v>174</v>
      </c>
      <c r="EZ38" s="63">
        <v>253</v>
      </c>
      <c r="FA38" s="60">
        <v>37</v>
      </c>
      <c r="FB38" s="61">
        <v>49</v>
      </c>
      <c r="FC38" s="62">
        <v>86</v>
      </c>
      <c r="FD38" s="231"/>
      <c r="FE38" s="61">
        <v>110</v>
      </c>
      <c r="FF38" s="61">
        <v>38</v>
      </c>
      <c r="FG38" s="61">
        <v>55</v>
      </c>
      <c r="FH38" s="61">
        <v>39</v>
      </c>
      <c r="FI38" s="61">
        <v>27</v>
      </c>
      <c r="FJ38" s="62">
        <v>269</v>
      </c>
      <c r="FK38" s="63">
        <v>355</v>
      </c>
      <c r="FL38" s="60">
        <v>26</v>
      </c>
      <c r="FM38" s="61">
        <v>34</v>
      </c>
      <c r="FN38" s="62">
        <v>60</v>
      </c>
      <c r="FO38" s="231"/>
      <c r="FP38" s="61">
        <v>91</v>
      </c>
      <c r="FQ38" s="61">
        <v>67</v>
      </c>
      <c r="FR38" s="61">
        <v>58</v>
      </c>
      <c r="FS38" s="61">
        <v>69</v>
      </c>
      <c r="FT38" s="61">
        <v>29</v>
      </c>
      <c r="FU38" s="62">
        <v>314</v>
      </c>
      <c r="FV38" s="63">
        <v>374</v>
      </c>
      <c r="FW38" s="60">
        <v>0</v>
      </c>
      <c r="FX38" s="61">
        <v>0</v>
      </c>
      <c r="FY38" s="62">
        <v>0</v>
      </c>
      <c r="FZ38" s="231"/>
      <c r="GA38" s="61">
        <v>1</v>
      </c>
      <c r="GB38" s="61">
        <v>3</v>
      </c>
      <c r="GC38" s="61">
        <v>2</v>
      </c>
      <c r="GD38" s="61">
        <v>0</v>
      </c>
      <c r="GE38" s="61">
        <v>1</v>
      </c>
      <c r="GF38" s="62">
        <v>7</v>
      </c>
      <c r="GG38" s="63">
        <v>7</v>
      </c>
      <c r="GH38" s="60">
        <v>136</v>
      </c>
      <c r="GI38" s="61">
        <v>163</v>
      </c>
      <c r="GJ38" s="62">
        <v>299</v>
      </c>
      <c r="GK38" s="231"/>
      <c r="GL38" s="61">
        <v>319</v>
      </c>
      <c r="GM38" s="61">
        <v>175</v>
      </c>
      <c r="GN38" s="61">
        <v>167</v>
      </c>
      <c r="GO38" s="61">
        <v>155</v>
      </c>
      <c r="GP38" s="61">
        <v>93</v>
      </c>
      <c r="GQ38" s="62">
        <v>909</v>
      </c>
      <c r="GR38" s="63">
        <v>1208</v>
      </c>
      <c r="GS38" s="113">
        <v>199</v>
      </c>
      <c r="GT38" s="72">
        <v>217</v>
      </c>
      <c r="GU38" s="73">
        <v>416</v>
      </c>
      <c r="GV38" s="228"/>
      <c r="GW38" s="72">
        <v>482</v>
      </c>
      <c r="GX38" s="72">
        <v>247</v>
      </c>
      <c r="GY38" s="72">
        <v>235</v>
      </c>
      <c r="GZ38" s="72">
        <v>205</v>
      </c>
      <c r="HA38" s="72">
        <v>120</v>
      </c>
      <c r="HB38" s="74">
        <v>1289</v>
      </c>
      <c r="HC38" s="75">
        <v>1705</v>
      </c>
      <c r="HD38" s="60">
        <v>3</v>
      </c>
      <c r="HE38" s="61">
        <v>8</v>
      </c>
      <c r="HF38" s="62">
        <v>11</v>
      </c>
      <c r="HG38" s="231"/>
      <c r="HH38" s="61">
        <v>17</v>
      </c>
      <c r="HI38" s="61">
        <v>7</v>
      </c>
      <c r="HJ38" s="61">
        <v>11</v>
      </c>
      <c r="HK38" s="61">
        <v>9</v>
      </c>
      <c r="HL38" s="61">
        <v>6</v>
      </c>
      <c r="HM38" s="62">
        <v>50</v>
      </c>
      <c r="HN38" s="63">
        <v>61</v>
      </c>
      <c r="HO38" s="60">
        <v>16</v>
      </c>
      <c r="HP38" s="61">
        <v>18</v>
      </c>
      <c r="HQ38" s="62">
        <v>34</v>
      </c>
      <c r="HR38" s="231"/>
      <c r="HS38" s="61">
        <v>26</v>
      </c>
      <c r="HT38" s="61">
        <v>15</v>
      </c>
      <c r="HU38" s="61">
        <v>13</v>
      </c>
      <c r="HV38" s="61">
        <v>13</v>
      </c>
      <c r="HW38" s="61">
        <v>6</v>
      </c>
      <c r="HX38" s="62">
        <v>73</v>
      </c>
      <c r="HY38" s="63">
        <v>107</v>
      </c>
      <c r="HZ38" s="60">
        <v>30</v>
      </c>
      <c r="IA38" s="61">
        <v>40</v>
      </c>
      <c r="IB38" s="62">
        <v>70</v>
      </c>
      <c r="IC38" s="231"/>
      <c r="ID38" s="61">
        <v>52</v>
      </c>
      <c r="IE38" s="61">
        <v>27</v>
      </c>
      <c r="IF38" s="61">
        <v>20</v>
      </c>
      <c r="IG38" s="61">
        <v>21</v>
      </c>
      <c r="IH38" s="61">
        <v>24</v>
      </c>
      <c r="II38" s="62">
        <v>144</v>
      </c>
      <c r="IJ38" s="63">
        <v>214</v>
      </c>
      <c r="IK38" s="60">
        <v>64</v>
      </c>
      <c r="IL38" s="61">
        <v>53</v>
      </c>
      <c r="IM38" s="62">
        <v>117</v>
      </c>
      <c r="IN38" s="231"/>
      <c r="IO38" s="61">
        <v>118</v>
      </c>
      <c r="IP38" s="61">
        <v>57</v>
      </c>
      <c r="IQ38" s="61">
        <v>50</v>
      </c>
      <c r="IR38" s="61">
        <v>30</v>
      </c>
      <c r="IS38" s="61">
        <v>19</v>
      </c>
      <c r="IT38" s="62">
        <v>274</v>
      </c>
      <c r="IU38" s="63">
        <v>391</v>
      </c>
      <c r="IV38" s="60">
        <v>49</v>
      </c>
      <c r="IW38" s="61">
        <v>58</v>
      </c>
      <c r="IX38" s="62">
        <v>107</v>
      </c>
      <c r="IY38" s="231"/>
      <c r="IZ38" s="61">
        <v>157</v>
      </c>
      <c r="JA38" s="61">
        <v>53</v>
      </c>
      <c r="JB38" s="61">
        <v>68</v>
      </c>
      <c r="JC38" s="61">
        <v>50</v>
      </c>
      <c r="JD38" s="61">
        <v>29</v>
      </c>
      <c r="JE38" s="62">
        <v>357</v>
      </c>
      <c r="JF38" s="63">
        <v>464</v>
      </c>
      <c r="JG38" s="60">
        <v>37</v>
      </c>
      <c r="JH38" s="61">
        <v>40</v>
      </c>
      <c r="JI38" s="62">
        <v>77</v>
      </c>
      <c r="JJ38" s="231"/>
      <c r="JK38" s="61">
        <v>112</v>
      </c>
      <c r="JL38" s="61">
        <v>88</v>
      </c>
      <c r="JM38" s="61">
        <v>73</v>
      </c>
      <c r="JN38" s="61">
        <v>82</v>
      </c>
      <c r="JO38" s="61">
        <v>36</v>
      </c>
      <c r="JP38" s="62">
        <v>391</v>
      </c>
      <c r="JQ38" s="63">
        <v>468</v>
      </c>
      <c r="JR38" s="60">
        <v>1</v>
      </c>
      <c r="JS38" s="61">
        <v>2</v>
      </c>
      <c r="JT38" s="62">
        <v>3</v>
      </c>
      <c r="JU38" s="231"/>
      <c r="JV38" s="61">
        <v>6</v>
      </c>
      <c r="JW38" s="61">
        <v>5</v>
      </c>
      <c r="JX38" s="61">
        <v>4</v>
      </c>
      <c r="JY38" s="61">
        <v>2</v>
      </c>
      <c r="JZ38" s="61">
        <v>3</v>
      </c>
      <c r="KA38" s="62">
        <v>20</v>
      </c>
      <c r="KB38" s="63">
        <v>23</v>
      </c>
      <c r="KC38" s="60">
        <v>200</v>
      </c>
      <c r="KD38" s="61">
        <v>219</v>
      </c>
      <c r="KE38" s="62">
        <v>419</v>
      </c>
      <c r="KF38" s="231"/>
      <c r="KG38" s="61">
        <v>488</v>
      </c>
      <c r="KH38" s="61">
        <v>252</v>
      </c>
      <c r="KI38" s="61">
        <v>239</v>
      </c>
      <c r="KJ38" s="61">
        <v>207</v>
      </c>
      <c r="KK38" s="61">
        <v>123</v>
      </c>
      <c r="KL38" s="62">
        <v>1309</v>
      </c>
      <c r="KM38" s="63">
        <v>1728</v>
      </c>
    </row>
    <row r="39" spans="2:299" ht="21" customHeight="1" x14ac:dyDescent="0.2">
      <c r="B39" s="472" t="s">
        <v>36</v>
      </c>
      <c r="C39" s="293">
        <v>61</v>
      </c>
      <c r="D39" s="72">
        <v>84</v>
      </c>
      <c r="E39" s="73">
        <v>145</v>
      </c>
      <c r="F39" s="228"/>
      <c r="G39" s="72">
        <v>170</v>
      </c>
      <c r="H39" s="72">
        <v>139</v>
      </c>
      <c r="I39" s="72">
        <v>107</v>
      </c>
      <c r="J39" s="72">
        <v>95</v>
      </c>
      <c r="K39" s="72">
        <v>44</v>
      </c>
      <c r="L39" s="74">
        <v>555</v>
      </c>
      <c r="M39" s="75">
        <v>700</v>
      </c>
      <c r="N39" s="60">
        <v>4</v>
      </c>
      <c r="O39" s="61">
        <v>5</v>
      </c>
      <c r="P39" s="62">
        <v>9</v>
      </c>
      <c r="Q39" s="231"/>
      <c r="R39" s="61">
        <v>13</v>
      </c>
      <c r="S39" s="61">
        <v>13</v>
      </c>
      <c r="T39" s="61">
        <v>6</v>
      </c>
      <c r="U39" s="61">
        <v>7</v>
      </c>
      <c r="V39" s="61">
        <v>5</v>
      </c>
      <c r="W39" s="62">
        <v>44</v>
      </c>
      <c r="X39" s="63">
        <v>53</v>
      </c>
      <c r="Y39" s="60">
        <v>6</v>
      </c>
      <c r="Z39" s="61">
        <v>13</v>
      </c>
      <c r="AA39" s="62">
        <v>19</v>
      </c>
      <c r="AB39" s="231"/>
      <c r="AC39" s="61">
        <v>20</v>
      </c>
      <c r="AD39" s="61">
        <v>25</v>
      </c>
      <c r="AE39" s="61">
        <v>15</v>
      </c>
      <c r="AF39" s="61">
        <v>10</v>
      </c>
      <c r="AG39" s="61">
        <v>6</v>
      </c>
      <c r="AH39" s="62">
        <v>76</v>
      </c>
      <c r="AI39" s="63">
        <v>95</v>
      </c>
      <c r="AJ39" s="60">
        <v>15</v>
      </c>
      <c r="AK39" s="61">
        <v>16</v>
      </c>
      <c r="AL39" s="62">
        <v>31</v>
      </c>
      <c r="AM39" s="231"/>
      <c r="AN39" s="61">
        <v>32</v>
      </c>
      <c r="AO39" s="61">
        <v>18</v>
      </c>
      <c r="AP39" s="61">
        <v>18</v>
      </c>
      <c r="AQ39" s="61">
        <v>16</v>
      </c>
      <c r="AR39" s="61">
        <v>8</v>
      </c>
      <c r="AS39" s="62">
        <v>92</v>
      </c>
      <c r="AT39" s="63">
        <v>123</v>
      </c>
      <c r="AU39" s="60">
        <v>16</v>
      </c>
      <c r="AV39" s="61">
        <v>22</v>
      </c>
      <c r="AW39" s="62">
        <v>38</v>
      </c>
      <c r="AX39" s="231"/>
      <c r="AY39" s="61">
        <v>50</v>
      </c>
      <c r="AZ39" s="61">
        <v>32</v>
      </c>
      <c r="BA39" s="61">
        <v>27</v>
      </c>
      <c r="BB39" s="61">
        <v>27</v>
      </c>
      <c r="BC39" s="61">
        <v>11</v>
      </c>
      <c r="BD39" s="62">
        <v>147</v>
      </c>
      <c r="BE39" s="63">
        <v>185</v>
      </c>
      <c r="BF39" s="60">
        <v>17</v>
      </c>
      <c r="BG39" s="61">
        <v>16</v>
      </c>
      <c r="BH39" s="62">
        <v>33</v>
      </c>
      <c r="BI39" s="231"/>
      <c r="BJ39" s="61">
        <v>39</v>
      </c>
      <c r="BK39" s="61">
        <v>27</v>
      </c>
      <c r="BL39" s="61">
        <v>26</v>
      </c>
      <c r="BM39" s="61">
        <v>19</v>
      </c>
      <c r="BN39" s="61">
        <v>9</v>
      </c>
      <c r="BO39" s="62">
        <v>120</v>
      </c>
      <c r="BP39" s="63">
        <v>153</v>
      </c>
      <c r="BQ39" s="60">
        <v>3</v>
      </c>
      <c r="BR39" s="61">
        <v>12</v>
      </c>
      <c r="BS39" s="62">
        <v>15</v>
      </c>
      <c r="BT39" s="231"/>
      <c r="BU39" s="61">
        <v>16</v>
      </c>
      <c r="BV39" s="61">
        <v>24</v>
      </c>
      <c r="BW39" s="61">
        <v>15</v>
      </c>
      <c r="BX39" s="61">
        <v>16</v>
      </c>
      <c r="BY39" s="61">
        <v>5</v>
      </c>
      <c r="BZ39" s="62">
        <v>76</v>
      </c>
      <c r="CA39" s="63">
        <v>91</v>
      </c>
      <c r="CB39" s="60">
        <v>2</v>
      </c>
      <c r="CC39" s="61">
        <v>2</v>
      </c>
      <c r="CD39" s="62">
        <v>4</v>
      </c>
      <c r="CE39" s="231"/>
      <c r="CF39" s="61">
        <v>6</v>
      </c>
      <c r="CG39" s="61">
        <v>5</v>
      </c>
      <c r="CH39" s="61">
        <v>6</v>
      </c>
      <c r="CI39" s="61">
        <v>5</v>
      </c>
      <c r="CJ39" s="61">
        <v>2</v>
      </c>
      <c r="CK39" s="62">
        <v>24</v>
      </c>
      <c r="CL39" s="63">
        <v>28</v>
      </c>
      <c r="CM39" s="60">
        <v>63</v>
      </c>
      <c r="CN39" s="61">
        <v>86</v>
      </c>
      <c r="CO39" s="62">
        <v>149</v>
      </c>
      <c r="CP39" s="231"/>
      <c r="CQ39" s="61">
        <v>176</v>
      </c>
      <c r="CR39" s="61">
        <v>144</v>
      </c>
      <c r="CS39" s="61">
        <v>113</v>
      </c>
      <c r="CT39" s="61">
        <v>100</v>
      </c>
      <c r="CU39" s="61">
        <v>46</v>
      </c>
      <c r="CV39" s="62">
        <v>579</v>
      </c>
      <c r="CW39" s="63">
        <v>728</v>
      </c>
      <c r="CX39" s="113">
        <v>99</v>
      </c>
      <c r="CY39" s="72">
        <v>188</v>
      </c>
      <c r="CZ39" s="73">
        <v>287</v>
      </c>
      <c r="DA39" s="228"/>
      <c r="DB39" s="72">
        <v>269</v>
      </c>
      <c r="DC39" s="72">
        <v>212</v>
      </c>
      <c r="DD39" s="72">
        <v>175</v>
      </c>
      <c r="DE39" s="72">
        <v>165</v>
      </c>
      <c r="DF39" s="72">
        <v>143</v>
      </c>
      <c r="DG39" s="74">
        <v>964</v>
      </c>
      <c r="DH39" s="75">
        <v>1251</v>
      </c>
      <c r="DI39" s="60">
        <v>1</v>
      </c>
      <c r="DJ39" s="61">
        <v>5</v>
      </c>
      <c r="DK39" s="62">
        <v>6</v>
      </c>
      <c r="DL39" s="231"/>
      <c r="DM39" s="61">
        <v>4</v>
      </c>
      <c r="DN39" s="61">
        <v>9</v>
      </c>
      <c r="DO39" s="61">
        <v>3</v>
      </c>
      <c r="DP39" s="61">
        <v>4</v>
      </c>
      <c r="DQ39" s="61">
        <v>4</v>
      </c>
      <c r="DR39" s="62">
        <v>24</v>
      </c>
      <c r="DS39" s="63">
        <v>30</v>
      </c>
      <c r="DT39" s="60">
        <v>6</v>
      </c>
      <c r="DU39" s="61">
        <v>19</v>
      </c>
      <c r="DV39" s="62">
        <v>25</v>
      </c>
      <c r="DW39" s="231"/>
      <c r="DX39" s="61">
        <v>26</v>
      </c>
      <c r="DY39" s="61">
        <v>16</v>
      </c>
      <c r="DZ39" s="61">
        <v>12</v>
      </c>
      <c r="EA39" s="61">
        <v>7</v>
      </c>
      <c r="EB39" s="61">
        <v>10</v>
      </c>
      <c r="EC39" s="62">
        <v>71</v>
      </c>
      <c r="ED39" s="63">
        <v>96</v>
      </c>
      <c r="EE39" s="60">
        <v>14</v>
      </c>
      <c r="EF39" s="61">
        <v>35</v>
      </c>
      <c r="EG39" s="62">
        <v>49</v>
      </c>
      <c r="EH39" s="231"/>
      <c r="EI39" s="61">
        <v>39</v>
      </c>
      <c r="EJ39" s="61">
        <v>33</v>
      </c>
      <c r="EK39" s="61">
        <v>15</v>
      </c>
      <c r="EL39" s="61">
        <v>23</v>
      </c>
      <c r="EM39" s="61">
        <v>18</v>
      </c>
      <c r="EN39" s="62">
        <v>128</v>
      </c>
      <c r="EO39" s="63">
        <v>177</v>
      </c>
      <c r="EP39" s="60">
        <v>37</v>
      </c>
      <c r="EQ39" s="61">
        <v>56</v>
      </c>
      <c r="ER39" s="62">
        <v>93</v>
      </c>
      <c r="ES39" s="231"/>
      <c r="ET39" s="61">
        <v>78</v>
      </c>
      <c r="EU39" s="61">
        <v>56</v>
      </c>
      <c r="EV39" s="61">
        <v>34</v>
      </c>
      <c r="EW39" s="61">
        <v>33</v>
      </c>
      <c r="EX39" s="61">
        <v>31</v>
      </c>
      <c r="EY39" s="62">
        <v>232</v>
      </c>
      <c r="EZ39" s="63">
        <v>325</v>
      </c>
      <c r="FA39" s="60">
        <v>26</v>
      </c>
      <c r="FB39" s="61">
        <v>50</v>
      </c>
      <c r="FC39" s="62">
        <v>76</v>
      </c>
      <c r="FD39" s="231"/>
      <c r="FE39" s="61">
        <v>70</v>
      </c>
      <c r="FF39" s="61">
        <v>45</v>
      </c>
      <c r="FG39" s="61">
        <v>55</v>
      </c>
      <c r="FH39" s="61">
        <v>34</v>
      </c>
      <c r="FI39" s="61">
        <v>37</v>
      </c>
      <c r="FJ39" s="62">
        <v>241</v>
      </c>
      <c r="FK39" s="63">
        <v>317</v>
      </c>
      <c r="FL39" s="60">
        <v>15</v>
      </c>
      <c r="FM39" s="61">
        <v>23</v>
      </c>
      <c r="FN39" s="62">
        <v>38</v>
      </c>
      <c r="FO39" s="231"/>
      <c r="FP39" s="61">
        <v>52</v>
      </c>
      <c r="FQ39" s="61">
        <v>53</v>
      </c>
      <c r="FR39" s="61">
        <v>56</v>
      </c>
      <c r="FS39" s="61">
        <v>64</v>
      </c>
      <c r="FT39" s="61">
        <v>43</v>
      </c>
      <c r="FU39" s="62">
        <v>268</v>
      </c>
      <c r="FV39" s="63">
        <v>306</v>
      </c>
      <c r="FW39" s="60">
        <v>1</v>
      </c>
      <c r="FX39" s="61">
        <v>2</v>
      </c>
      <c r="FY39" s="62">
        <v>3</v>
      </c>
      <c r="FZ39" s="231"/>
      <c r="GA39" s="61">
        <v>2</v>
      </c>
      <c r="GB39" s="61">
        <v>4</v>
      </c>
      <c r="GC39" s="61">
        <v>1</v>
      </c>
      <c r="GD39" s="61">
        <v>4</v>
      </c>
      <c r="GE39" s="61">
        <v>2</v>
      </c>
      <c r="GF39" s="62">
        <v>13</v>
      </c>
      <c r="GG39" s="63">
        <v>16</v>
      </c>
      <c r="GH39" s="60">
        <v>100</v>
      </c>
      <c r="GI39" s="61">
        <v>190</v>
      </c>
      <c r="GJ39" s="62">
        <v>290</v>
      </c>
      <c r="GK39" s="231"/>
      <c r="GL39" s="61">
        <v>271</v>
      </c>
      <c r="GM39" s="61">
        <v>216</v>
      </c>
      <c r="GN39" s="61">
        <v>176</v>
      </c>
      <c r="GO39" s="61">
        <v>169</v>
      </c>
      <c r="GP39" s="61">
        <v>145</v>
      </c>
      <c r="GQ39" s="62">
        <v>977</v>
      </c>
      <c r="GR39" s="63">
        <v>1267</v>
      </c>
      <c r="GS39" s="113">
        <v>160</v>
      </c>
      <c r="GT39" s="72">
        <v>272</v>
      </c>
      <c r="GU39" s="73">
        <v>432</v>
      </c>
      <c r="GV39" s="228"/>
      <c r="GW39" s="72">
        <v>439</v>
      </c>
      <c r="GX39" s="72">
        <v>351</v>
      </c>
      <c r="GY39" s="72">
        <v>282</v>
      </c>
      <c r="GZ39" s="72">
        <v>260</v>
      </c>
      <c r="HA39" s="72">
        <v>187</v>
      </c>
      <c r="HB39" s="74">
        <v>1519</v>
      </c>
      <c r="HC39" s="75">
        <v>1951</v>
      </c>
      <c r="HD39" s="60">
        <v>5</v>
      </c>
      <c r="HE39" s="61">
        <v>10</v>
      </c>
      <c r="HF39" s="62">
        <v>15</v>
      </c>
      <c r="HG39" s="231"/>
      <c r="HH39" s="61">
        <v>17</v>
      </c>
      <c r="HI39" s="61">
        <v>22</v>
      </c>
      <c r="HJ39" s="61">
        <v>9</v>
      </c>
      <c r="HK39" s="61">
        <v>11</v>
      </c>
      <c r="HL39" s="61">
        <v>9</v>
      </c>
      <c r="HM39" s="62">
        <v>68</v>
      </c>
      <c r="HN39" s="63">
        <v>83</v>
      </c>
      <c r="HO39" s="60">
        <v>12</v>
      </c>
      <c r="HP39" s="61">
        <v>32</v>
      </c>
      <c r="HQ39" s="62">
        <v>44</v>
      </c>
      <c r="HR39" s="231"/>
      <c r="HS39" s="61">
        <v>46</v>
      </c>
      <c r="HT39" s="61">
        <v>41</v>
      </c>
      <c r="HU39" s="61">
        <v>27</v>
      </c>
      <c r="HV39" s="61">
        <v>17</v>
      </c>
      <c r="HW39" s="61">
        <v>16</v>
      </c>
      <c r="HX39" s="62">
        <v>147</v>
      </c>
      <c r="HY39" s="63">
        <v>191</v>
      </c>
      <c r="HZ39" s="60">
        <v>29</v>
      </c>
      <c r="IA39" s="61">
        <v>51</v>
      </c>
      <c r="IB39" s="62">
        <v>80</v>
      </c>
      <c r="IC39" s="231"/>
      <c r="ID39" s="61">
        <v>71</v>
      </c>
      <c r="IE39" s="61">
        <v>51</v>
      </c>
      <c r="IF39" s="61">
        <v>33</v>
      </c>
      <c r="IG39" s="61">
        <v>39</v>
      </c>
      <c r="IH39" s="61">
        <v>26</v>
      </c>
      <c r="II39" s="62">
        <v>220</v>
      </c>
      <c r="IJ39" s="63">
        <v>300</v>
      </c>
      <c r="IK39" s="60">
        <v>53</v>
      </c>
      <c r="IL39" s="61">
        <v>78</v>
      </c>
      <c r="IM39" s="62">
        <v>131</v>
      </c>
      <c r="IN39" s="231"/>
      <c r="IO39" s="61">
        <v>128</v>
      </c>
      <c r="IP39" s="61">
        <v>88</v>
      </c>
      <c r="IQ39" s="61">
        <v>61</v>
      </c>
      <c r="IR39" s="61">
        <v>60</v>
      </c>
      <c r="IS39" s="61">
        <v>42</v>
      </c>
      <c r="IT39" s="62">
        <v>379</v>
      </c>
      <c r="IU39" s="63">
        <v>510</v>
      </c>
      <c r="IV39" s="60">
        <v>43</v>
      </c>
      <c r="IW39" s="61">
        <v>66</v>
      </c>
      <c r="IX39" s="62">
        <v>109</v>
      </c>
      <c r="IY39" s="231"/>
      <c r="IZ39" s="61">
        <v>109</v>
      </c>
      <c r="JA39" s="61">
        <v>72</v>
      </c>
      <c r="JB39" s="61">
        <v>81</v>
      </c>
      <c r="JC39" s="61">
        <v>53</v>
      </c>
      <c r="JD39" s="61">
        <v>46</v>
      </c>
      <c r="JE39" s="62">
        <v>361</v>
      </c>
      <c r="JF39" s="63">
        <v>470</v>
      </c>
      <c r="JG39" s="60">
        <v>18</v>
      </c>
      <c r="JH39" s="61">
        <v>35</v>
      </c>
      <c r="JI39" s="62">
        <v>53</v>
      </c>
      <c r="JJ39" s="231"/>
      <c r="JK39" s="61">
        <v>68</v>
      </c>
      <c r="JL39" s="61">
        <v>77</v>
      </c>
      <c r="JM39" s="61">
        <v>71</v>
      </c>
      <c r="JN39" s="61">
        <v>80</v>
      </c>
      <c r="JO39" s="61">
        <v>48</v>
      </c>
      <c r="JP39" s="62">
        <v>344</v>
      </c>
      <c r="JQ39" s="63">
        <v>397</v>
      </c>
      <c r="JR39" s="60">
        <v>3</v>
      </c>
      <c r="JS39" s="61">
        <v>4</v>
      </c>
      <c r="JT39" s="62">
        <v>7</v>
      </c>
      <c r="JU39" s="231"/>
      <c r="JV39" s="61">
        <v>8</v>
      </c>
      <c r="JW39" s="61">
        <v>9</v>
      </c>
      <c r="JX39" s="61">
        <v>7</v>
      </c>
      <c r="JY39" s="61">
        <v>9</v>
      </c>
      <c r="JZ39" s="61">
        <v>4</v>
      </c>
      <c r="KA39" s="62">
        <v>37</v>
      </c>
      <c r="KB39" s="63">
        <v>44</v>
      </c>
      <c r="KC39" s="60">
        <v>163</v>
      </c>
      <c r="KD39" s="61">
        <v>276</v>
      </c>
      <c r="KE39" s="62">
        <v>439</v>
      </c>
      <c r="KF39" s="231"/>
      <c r="KG39" s="61">
        <v>447</v>
      </c>
      <c r="KH39" s="61">
        <v>360</v>
      </c>
      <c r="KI39" s="61">
        <v>289</v>
      </c>
      <c r="KJ39" s="61">
        <v>269</v>
      </c>
      <c r="KK39" s="61">
        <v>191</v>
      </c>
      <c r="KL39" s="62">
        <v>1556</v>
      </c>
      <c r="KM39" s="63">
        <v>1995</v>
      </c>
    </row>
    <row r="40" spans="2:299" ht="21" customHeight="1" thickBot="1" x14ac:dyDescent="0.25">
      <c r="B40" s="473" t="s">
        <v>37</v>
      </c>
      <c r="C40" s="294">
        <v>4</v>
      </c>
      <c r="D40" s="77">
        <v>1</v>
      </c>
      <c r="E40" s="78">
        <v>5</v>
      </c>
      <c r="F40" s="229"/>
      <c r="G40" s="77">
        <v>9</v>
      </c>
      <c r="H40" s="77">
        <v>7</v>
      </c>
      <c r="I40" s="77">
        <v>9</v>
      </c>
      <c r="J40" s="77">
        <v>10</v>
      </c>
      <c r="K40" s="77">
        <v>1</v>
      </c>
      <c r="L40" s="79">
        <v>36</v>
      </c>
      <c r="M40" s="80">
        <v>41</v>
      </c>
      <c r="N40" s="64">
        <v>1</v>
      </c>
      <c r="O40" s="65">
        <v>0</v>
      </c>
      <c r="P40" s="66">
        <v>1</v>
      </c>
      <c r="Q40" s="232"/>
      <c r="R40" s="65">
        <v>0</v>
      </c>
      <c r="S40" s="65">
        <v>1</v>
      </c>
      <c r="T40" s="65">
        <v>0</v>
      </c>
      <c r="U40" s="65">
        <v>1</v>
      </c>
      <c r="V40" s="65">
        <v>0</v>
      </c>
      <c r="W40" s="66">
        <v>2</v>
      </c>
      <c r="X40" s="67">
        <v>3</v>
      </c>
      <c r="Y40" s="64">
        <v>1</v>
      </c>
      <c r="Z40" s="65">
        <v>0</v>
      </c>
      <c r="AA40" s="66">
        <v>1</v>
      </c>
      <c r="AB40" s="232"/>
      <c r="AC40" s="65">
        <v>0</v>
      </c>
      <c r="AD40" s="65">
        <v>1</v>
      </c>
      <c r="AE40" s="65">
        <v>1</v>
      </c>
      <c r="AF40" s="65">
        <v>3</v>
      </c>
      <c r="AG40" s="65">
        <v>0</v>
      </c>
      <c r="AH40" s="66">
        <v>5</v>
      </c>
      <c r="AI40" s="67">
        <v>6</v>
      </c>
      <c r="AJ40" s="64">
        <v>0</v>
      </c>
      <c r="AK40" s="65">
        <v>0</v>
      </c>
      <c r="AL40" s="66">
        <v>0</v>
      </c>
      <c r="AM40" s="232"/>
      <c r="AN40" s="65">
        <v>2</v>
      </c>
      <c r="AO40" s="65">
        <v>1</v>
      </c>
      <c r="AP40" s="65">
        <v>3</v>
      </c>
      <c r="AQ40" s="65">
        <v>0</v>
      </c>
      <c r="AR40" s="65">
        <v>0</v>
      </c>
      <c r="AS40" s="66">
        <v>6</v>
      </c>
      <c r="AT40" s="67">
        <v>6</v>
      </c>
      <c r="AU40" s="64">
        <v>1</v>
      </c>
      <c r="AV40" s="65">
        <v>1</v>
      </c>
      <c r="AW40" s="66">
        <v>2</v>
      </c>
      <c r="AX40" s="232"/>
      <c r="AY40" s="65">
        <v>3</v>
      </c>
      <c r="AZ40" s="65">
        <v>1</v>
      </c>
      <c r="BA40" s="65">
        <v>1</v>
      </c>
      <c r="BB40" s="65">
        <v>2</v>
      </c>
      <c r="BC40" s="65">
        <v>0</v>
      </c>
      <c r="BD40" s="66">
        <v>7</v>
      </c>
      <c r="BE40" s="67">
        <v>9</v>
      </c>
      <c r="BF40" s="64">
        <v>0</v>
      </c>
      <c r="BG40" s="65">
        <v>0</v>
      </c>
      <c r="BH40" s="66">
        <v>0</v>
      </c>
      <c r="BI40" s="232"/>
      <c r="BJ40" s="65">
        <v>1</v>
      </c>
      <c r="BK40" s="65">
        <v>1</v>
      </c>
      <c r="BL40" s="65">
        <v>3</v>
      </c>
      <c r="BM40" s="65">
        <v>3</v>
      </c>
      <c r="BN40" s="65">
        <v>0</v>
      </c>
      <c r="BO40" s="66">
        <v>8</v>
      </c>
      <c r="BP40" s="67">
        <v>8</v>
      </c>
      <c r="BQ40" s="64">
        <v>1</v>
      </c>
      <c r="BR40" s="65">
        <v>0</v>
      </c>
      <c r="BS40" s="66">
        <v>1</v>
      </c>
      <c r="BT40" s="232"/>
      <c r="BU40" s="65">
        <v>3</v>
      </c>
      <c r="BV40" s="65">
        <v>2</v>
      </c>
      <c r="BW40" s="65">
        <v>1</v>
      </c>
      <c r="BX40" s="65">
        <v>1</v>
      </c>
      <c r="BY40" s="65">
        <v>1</v>
      </c>
      <c r="BZ40" s="66">
        <v>8</v>
      </c>
      <c r="CA40" s="67">
        <v>9</v>
      </c>
      <c r="CB40" s="64">
        <v>0</v>
      </c>
      <c r="CC40" s="65">
        <v>0</v>
      </c>
      <c r="CD40" s="66">
        <v>0</v>
      </c>
      <c r="CE40" s="232"/>
      <c r="CF40" s="65">
        <v>0</v>
      </c>
      <c r="CG40" s="65">
        <v>1</v>
      </c>
      <c r="CH40" s="65">
        <v>0</v>
      </c>
      <c r="CI40" s="65">
        <v>1</v>
      </c>
      <c r="CJ40" s="65">
        <v>0</v>
      </c>
      <c r="CK40" s="66">
        <v>2</v>
      </c>
      <c r="CL40" s="67">
        <v>2</v>
      </c>
      <c r="CM40" s="64">
        <v>4</v>
      </c>
      <c r="CN40" s="65">
        <v>1</v>
      </c>
      <c r="CO40" s="66">
        <v>5</v>
      </c>
      <c r="CP40" s="232"/>
      <c r="CQ40" s="65">
        <v>9</v>
      </c>
      <c r="CR40" s="65">
        <v>8</v>
      </c>
      <c r="CS40" s="65">
        <v>9</v>
      </c>
      <c r="CT40" s="65">
        <v>11</v>
      </c>
      <c r="CU40" s="65">
        <v>1</v>
      </c>
      <c r="CV40" s="66">
        <v>38</v>
      </c>
      <c r="CW40" s="67">
        <v>43</v>
      </c>
      <c r="CX40" s="114">
        <v>18</v>
      </c>
      <c r="CY40" s="77">
        <v>2</v>
      </c>
      <c r="CZ40" s="78">
        <v>20</v>
      </c>
      <c r="DA40" s="229"/>
      <c r="DB40" s="77">
        <v>24</v>
      </c>
      <c r="DC40" s="77">
        <v>17</v>
      </c>
      <c r="DD40" s="77">
        <v>24</v>
      </c>
      <c r="DE40" s="77">
        <v>17</v>
      </c>
      <c r="DF40" s="77">
        <v>16</v>
      </c>
      <c r="DG40" s="79">
        <v>98</v>
      </c>
      <c r="DH40" s="80">
        <v>118</v>
      </c>
      <c r="DI40" s="64">
        <v>0</v>
      </c>
      <c r="DJ40" s="65">
        <v>0</v>
      </c>
      <c r="DK40" s="66">
        <v>0</v>
      </c>
      <c r="DL40" s="232"/>
      <c r="DM40" s="65">
        <v>0</v>
      </c>
      <c r="DN40" s="65">
        <v>0</v>
      </c>
      <c r="DO40" s="65">
        <v>1</v>
      </c>
      <c r="DP40" s="65">
        <v>0</v>
      </c>
      <c r="DQ40" s="65">
        <v>2</v>
      </c>
      <c r="DR40" s="66">
        <v>3</v>
      </c>
      <c r="DS40" s="67">
        <v>3</v>
      </c>
      <c r="DT40" s="64">
        <v>2</v>
      </c>
      <c r="DU40" s="65">
        <v>0</v>
      </c>
      <c r="DV40" s="66">
        <v>2</v>
      </c>
      <c r="DW40" s="232"/>
      <c r="DX40" s="65">
        <v>0</v>
      </c>
      <c r="DY40" s="65">
        <v>0</v>
      </c>
      <c r="DZ40" s="65">
        <v>0</v>
      </c>
      <c r="EA40" s="65">
        <v>2</v>
      </c>
      <c r="EB40" s="65">
        <v>0</v>
      </c>
      <c r="EC40" s="66">
        <v>2</v>
      </c>
      <c r="ED40" s="67">
        <v>4</v>
      </c>
      <c r="EE40" s="64">
        <v>1</v>
      </c>
      <c r="EF40" s="65">
        <v>0</v>
      </c>
      <c r="EG40" s="66">
        <v>1</v>
      </c>
      <c r="EH40" s="232"/>
      <c r="EI40" s="65">
        <v>0</v>
      </c>
      <c r="EJ40" s="65">
        <v>3</v>
      </c>
      <c r="EK40" s="65">
        <v>4</v>
      </c>
      <c r="EL40" s="65">
        <v>3</v>
      </c>
      <c r="EM40" s="65">
        <v>0</v>
      </c>
      <c r="EN40" s="66">
        <v>10</v>
      </c>
      <c r="EO40" s="67">
        <v>11</v>
      </c>
      <c r="EP40" s="64">
        <v>6</v>
      </c>
      <c r="EQ40" s="65">
        <v>1</v>
      </c>
      <c r="ER40" s="66">
        <v>7</v>
      </c>
      <c r="ES40" s="232"/>
      <c r="ET40" s="65">
        <v>7</v>
      </c>
      <c r="EU40" s="65">
        <v>4</v>
      </c>
      <c r="EV40" s="65">
        <v>2</v>
      </c>
      <c r="EW40" s="65">
        <v>2</v>
      </c>
      <c r="EX40" s="65">
        <v>4</v>
      </c>
      <c r="EY40" s="66">
        <v>19</v>
      </c>
      <c r="EZ40" s="67">
        <v>26</v>
      </c>
      <c r="FA40" s="64">
        <v>7</v>
      </c>
      <c r="FB40" s="65">
        <v>1</v>
      </c>
      <c r="FC40" s="66">
        <v>8</v>
      </c>
      <c r="FD40" s="232"/>
      <c r="FE40" s="65">
        <v>9</v>
      </c>
      <c r="FF40" s="65">
        <v>4</v>
      </c>
      <c r="FG40" s="65">
        <v>9</v>
      </c>
      <c r="FH40" s="65">
        <v>5</v>
      </c>
      <c r="FI40" s="65">
        <v>5</v>
      </c>
      <c r="FJ40" s="66">
        <v>32</v>
      </c>
      <c r="FK40" s="67">
        <v>40</v>
      </c>
      <c r="FL40" s="64">
        <v>2</v>
      </c>
      <c r="FM40" s="65">
        <v>0</v>
      </c>
      <c r="FN40" s="66">
        <v>2</v>
      </c>
      <c r="FO40" s="232"/>
      <c r="FP40" s="65">
        <v>8</v>
      </c>
      <c r="FQ40" s="65">
        <v>6</v>
      </c>
      <c r="FR40" s="65">
        <v>8</v>
      </c>
      <c r="FS40" s="65">
        <v>5</v>
      </c>
      <c r="FT40" s="65">
        <v>5</v>
      </c>
      <c r="FU40" s="66">
        <v>32</v>
      </c>
      <c r="FV40" s="67">
        <v>34</v>
      </c>
      <c r="FW40" s="64">
        <v>0</v>
      </c>
      <c r="FX40" s="65">
        <v>0</v>
      </c>
      <c r="FY40" s="66">
        <v>0</v>
      </c>
      <c r="FZ40" s="232"/>
      <c r="GA40" s="65">
        <v>0</v>
      </c>
      <c r="GB40" s="65">
        <v>2</v>
      </c>
      <c r="GC40" s="65">
        <v>0</v>
      </c>
      <c r="GD40" s="65">
        <v>0</v>
      </c>
      <c r="GE40" s="65">
        <v>0</v>
      </c>
      <c r="GF40" s="66">
        <v>2</v>
      </c>
      <c r="GG40" s="67">
        <v>2</v>
      </c>
      <c r="GH40" s="64">
        <v>18</v>
      </c>
      <c r="GI40" s="65">
        <v>2</v>
      </c>
      <c r="GJ40" s="66">
        <v>20</v>
      </c>
      <c r="GK40" s="232"/>
      <c r="GL40" s="65">
        <v>24</v>
      </c>
      <c r="GM40" s="65">
        <v>19</v>
      </c>
      <c r="GN40" s="65">
        <v>24</v>
      </c>
      <c r="GO40" s="65">
        <v>17</v>
      </c>
      <c r="GP40" s="65">
        <v>16</v>
      </c>
      <c r="GQ40" s="66">
        <v>100</v>
      </c>
      <c r="GR40" s="67">
        <v>120</v>
      </c>
      <c r="GS40" s="114">
        <v>22</v>
      </c>
      <c r="GT40" s="77">
        <v>3</v>
      </c>
      <c r="GU40" s="78">
        <v>25</v>
      </c>
      <c r="GV40" s="229"/>
      <c r="GW40" s="77">
        <v>33</v>
      </c>
      <c r="GX40" s="77">
        <v>24</v>
      </c>
      <c r="GY40" s="77">
        <v>33</v>
      </c>
      <c r="GZ40" s="77">
        <v>27</v>
      </c>
      <c r="HA40" s="77">
        <v>17</v>
      </c>
      <c r="HB40" s="79">
        <v>134</v>
      </c>
      <c r="HC40" s="80">
        <v>159</v>
      </c>
      <c r="HD40" s="64">
        <v>1</v>
      </c>
      <c r="HE40" s="65">
        <v>0</v>
      </c>
      <c r="HF40" s="66">
        <v>1</v>
      </c>
      <c r="HG40" s="232"/>
      <c r="HH40" s="65">
        <v>0</v>
      </c>
      <c r="HI40" s="65">
        <v>1</v>
      </c>
      <c r="HJ40" s="65">
        <v>1</v>
      </c>
      <c r="HK40" s="65">
        <v>1</v>
      </c>
      <c r="HL40" s="65">
        <v>2</v>
      </c>
      <c r="HM40" s="66">
        <v>5</v>
      </c>
      <c r="HN40" s="67">
        <v>6</v>
      </c>
      <c r="HO40" s="64">
        <v>3</v>
      </c>
      <c r="HP40" s="65">
        <v>0</v>
      </c>
      <c r="HQ40" s="66">
        <v>3</v>
      </c>
      <c r="HR40" s="232"/>
      <c r="HS40" s="65">
        <v>0</v>
      </c>
      <c r="HT40" s="65">
        <v>1</v>
      </c>
      <c r="HU40" s="65">
        <v>1</v>
      </c>
      <c r="HV40" s="65">
        <v>5</v>
      </c>
      <c r="HW40" s="65">
        <v>0</v>
      </c>
      <c r="HX40" s="66">
        <v>7</v>
      </c>
      <c r="HY40" s="67">
        <v>10</v>
      </c>
      <c r="HZ40" s="64">
        <v>1</v>
      </c>
      <c r="IA40" s="65">
        <v>0</v>
      </c>
      <c r="IB40" s="66">
        <v>1</v>
      </c>
      <c r="IC40" s="232"/>
      <c r="ID40" s="65">
        <v>2</v>
      </c>
      <c r="IE40" s="65">
        <v>4</v>
      </c>
      <c r="IF40" s="65">
        <v>7</v>
      </c>
      <c r="IG40" s="65">
        <v>3</v>
      </c>
      <c r="IH40" s="65">
        <v>0</v>
      </c>
      <c r="II40" s="66">
        <v>16</v>
      </c>
      <c r="IJ40" s="67">
        <v>17</v>
      </c>
      <c r="IK40" s="64">
        <v>7</v>
      </c>
      <c r="IL40" s="65">
        <v>2</v>
      </c>
      <c r="IM40" s="66">
        <v>9</v>
      </c>
      <c r="IN40" s="232"/>
      <c r="IO40" s="65">
        <v>10</v>
      </c>
      <c r="IP40" s="65">
        <v>5</v>
      </c>
      <c r="IQ40" s="65">
        <v>3</v>
      </c>
      <c r="IR40" s="65">
        <v>4</v>
      </c>
      <c r="IS40" s="65">
        <v>4</v>
      </c>
      <c r="IT40" s="66">
        <v>26</v>
      </c>
      <c r="IU40" s="67">
        <v>35</v>
      </c>
      <c r="IV40" s="64">
        <v>7</v>
      </c>
      <c r="IW40" s="65">
        <v>1</v>
      </c>
      <c r="IX40" s="66">
        <v>8</v>
      </c>
      <c r="IY40" s="232"/>
      <c r="IZ40" s="65">
        <v>10</v>
      </c>
      <c r="JA40" s="65">
        <v>5</v>
      </c>
      <c r="JB40" s="65">
        <v>12</v>
      </c>
      <c r="JC40" s="65">
        <v>8</v>
      </c>
      <c r="JD40" s="65">
        <v>5</v>
      </c>
      <c r="JE40" s="66">
        <v>40</v>
      </c>
      <c r="JF40" s="67">
        <v>48</v>
      </c>
      <c r="JG40" s="64">
        <v>3</v>
      </c>
      <c r="JH40" s="65">
        <v>0</v>
      </c>
      <c r="JI40" s="66">
        <v>3</v>
      </c>
      <c r="JJ40" s="232"/>
      <c r="JK40" s="65">
        <v>11</v>
      </c>
      <c r="JL40" s="65">
        <v>8</v>
      </c>
      <c r="JM40" s="65">
        <v>9</v>
      </c>
      <c r="JN40" s="65">
        <v>6</v>
      </c>
      <c r="JO40" s="65">
        <v>6</v>
      </c>
      <c r="JP40" s="66">
        <v>40</v>
      </c>
      <c r="JQ40" s="67">
        <v>43</v>
      </c>
      <c r="JR40" s="64">
        <v>0</v>
      </c>
      <c r="JS40" s="65">
        <v>0</v>
      </c>
      <c r="JT40" s="66">
        <v>0</v>
      </c>
      <c r="JU40" s="232"/>
      <c r="JV40" s="65">
        <v>0</v>
      </c>
      <c r="JW40" s="65">
        <v>3</v>
      </c>
      <c r="JX40" s="65">
        <v>0</v>
      </c>
      <c r="JY40" s="65">
        <v>1</v>
      </c>
      <c r="JZ40" s="65">
        <v>0</v>
      </c>
      <c r="KA40" s="66">
        <v>4</v>
      </c>
      <c r="KB40" s="67">
        <v>4</v>
      </c>
      <c r="KC40" s="64">
        <v>22</v>
      </c>
      <c r="KD40" s="65">
        <v>3</v>
      </c>
      <c r="KE40" s="66">
        <v>25</v>
      </c>
      <c r="KF40" s="232"/>
      <c r="KG40" s="65">
        <v>33</v>
      </c>
      <c r="KH40" s="65">
        <v>27</v>
      </c>
      <c r="KI40" s="65">
        <v>33</v>
      </c>
      <c r="KJ40" s="65">
        <v>28</v>
      </c>
      <c r="KK40" s="65">
        <v>17</v>
      </c>
      <c r="KL40" s="66">
        <v>138</v>
      </c>
      <c r="KM40" s="67">
        <v>163</v>
      </c>
    </row>
    <row r="41" spans="2:299" ht="32.25" customHeight="1" x14ac:dyDescent="0.2">
      <c r="C41" s="289"/>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11</v>
      </c>
      <c r="H1" s="531">
        <f>IF(G1&lt;3,G1-2+12,G1-2)</f>
        <v>9</v>
      </c>
      <c r="I1" s="531"/>
    </row>
    <row r="2" spans="2:43" ht="24" customHeight="1" thickBot="1" x14ac:dyDescent="0.25">
      <c r="B2" s="15" t="s">
        <v>157</v>
      </c>
      <c r="F2" s="15" t="s">
        <v>139</v>
      </c>
    </row>
    <row r="3" spans="2:43" ht="21" customHeight="1" x14ac:dyDescent="0.2">
      <c r="B3" s="549"/>
      <c r="C3" s="552" t="s">
        <v>57</v>
      </c>
      <c r="D3" s="553"/>
      <c r="E3" s="553"/>
      <c r="F3" s="553"/>
      <c r="G3" s="553"/>
      <c r="H3" s="553"/>
      <c r="I3" s="553"/>
      <c r="J3" s="553"/>
      <c r="K3" s="553"/>
      <c r="L3" s="553"/>
      <c r="M3" s="552" t="s">
        <v>58</v>
      </c>
      <c r="N3" s="555"/>
      <c r="O3" s="555"/>
      <c r="P3" s="555"/>
      <c r="Q3" s="555"/>
      <c r="R3" s="555"/>
      <c r="S3" s="555"/>
      <c r="T3" s="555"/>
      <c r="U3" s="555"/>
      <c r="V3" s="555"/>
      <c r="W3" s="552" t="s">
        <v>59</v>
      </c>
      <c r="X3" s="553"/>
      <c r="Y3" s="553"/>
      <c r="Z3" s="553"/>
      <c r="AA3" s="553"/>
      <c r="AB3" s="553"/>
      <c r="AC3" s="553"/>
      <c r="AD3" s="553"/>
      <c r="AE3" s="553"/>
      <c r="AF3" s="553"/>
      <c r="AG3" s="581" t="s">
        <v>150</v>
      </c>
      <c r="AH3" s="553"/>
      <c r="AI3" s="553"/>
      <c r="AJ3" s="553"/>
      <c r="AK3" s="553"/>
      <c r="AL3" s="553"/>
      <c r="AM3" s="553"/>
      <c r="AN3" s="553"/>
      <c r="AO3" s="553"/>
      <c r="AP3" s="554"/>
    </row>
    <row r="4" spans="2:43" ht="21" customHeight="1" x14ac:dyDescent="0.2">
      <c r="B4" s="551"/>
      <c r="C4" s="557" t="s">
        <v>61</v>
      </c>
      <c r="D4" s="558"/>
      <c r="E4" s="559"/>
      <c r="F4" s="560" t="s">
        <v>62</v>
      </c>
      <c r="G4" s="561"/>
      <c r="H4" s="561"/>
      <c r="I4" s="561"/>
      <c r="J4" s="561"/>
      <c r="K4" s="562"/>
      <c r="L4" s="573" t="s">
        <v>52</v>
      </c>
      <c r="M4" s="557" t="s">
        <v>61</v>
      </c>
      <c r="N4" s="558"/>
      <c r="O4" s="559"/>
      <c r="P4" s="560" t="s">
        <v>62</v>
      </c>
      <c r="Q4" s="561"/>
      <c r="R4" s="561"/>
      <c r="S4" s="561"/>
      <c r="T4" s="561"/>
      <c r="U4" s="562"/>
      <c r="V4" s="563" t="s">
        <v>52</v>
      </c>
      <c r="W4" s="557" t="s">
        <v>61</v>
      </c>
      <c r="X4" s="558"/>
      <c r="Y4" s="559"/>
      <c r="Z4" s="560" t="s">
        <v>62</v>
      </c>
      <c r="AA4" s="561"/>
      <c r="AB4" s="561"/>
      <c r="AC4" s="561"/>
      <c r="AD4" s="561"/>
      <c r="AE4" s="562"/>
      <c r="AF4" s="573" t="s">
        <v>52</v>
      </c>
      <c r="AG4" s="557" t="s">
        <v>61</v>
      </c>
      <c r="AH4" s="558"/>
      <c r="AI4" s="559"/>
      <c r="AJ4" s="560" t="s">
        <v>62</v>
      </c>
      <c r="AK4" s="561"/>
      <c r="AL4" s="561"/>
      <c r="AM4" s="561"/>
      <c r="AN4" s="561"/>
      <c r="AO4" s="562"/>
      <c r="AP4" s="563" t="s">
        <v>52</v>
      </c>
    </row>
    <row r="5" spans="2:43" ht="30" customHeight="1" thickBot="1" x14ac:dyDescent="0.25">
      <c r="B5" s="337" t="s">
        <v>42</v>
      </c>
      <c r="C5" s="26" t="s">
        <v>43</v>
      </c>
      <c r="D5" s="27" t="s">
        <v>44</v>
      </c>
      <c r="E5" s="27" t="s">
        <v>45</v>
      </c>
      <c r="F5" s="28" t="s">
        <v>47</v>
      </c>
      <c r="G5" s="29" t="s">
        <v>48</v>
      </c>
      <c r="H5" s="29" t="s">
        <v>49</v>
      </c>
      <c r="I5" s="30" t="s">
        <v>50</v>
      </c>
      <c r="J5" s="27" t="s">
        <v>51</v>
      </c>
      <c r="K5" s="31" t="s">
        <v>95</v>
      </c>
      <c r="L5" s="572"/>
      <c r="M5" s="26" t="s">
        <v>43</v>
      </c>
      <c r="N5" s="27" t="s">
        <v>44</v>
      </c>
      <c r="O5" s="31" t="s">
        <v>45</v>
      </c>
      <c r="P5" s="12" t="s">
        <v>47</v>
      </c>
      <c r="Q5" s="29" t="s">
        <v>48</v>
      </c>
      <c r="R5" s="29" t="s">
        <v>49</v>
      </c>
      <c r="S5" s="30" t="s">
        <v>50</v>
      </c>
      <c r="T5" s="27" t="s">
        <v>51</v>
      </c>
      <c r="U5" s="31" t="s">
        <v>45</v>
      </c>
      <c r="V5" s="564"/>
      <c r="W5" s="26" t="s">
        <v>43</v>
      </c>
      <c r="X5" s="27" t="s">
        <v>44</v>
      </c>
      <c r="Y5" s="27" t="s">
        <v>45</v>
      </c>
      <c r="Z5" s="28" t="s">
        <v>47</v>
      </c>
      <c r="AA5" s="29" t="s">
        <v>48</v>
      </c>
      <c r="AB5" s="29" t="s">
        <v>49</v>
      </c>
      <c r="AC5" s="30" t="s">
        <v>50</v>
      </c>
      <c r="AD5" s="27" t="s">
        <v>51</v>
      </c>
      <c r="AE5" s="31" t="s">
        <v>45</v>
      </c>
      <c r="AF5" s="572"/>
      <c r="AG5" s="26" t="s">
        <v>43</v>
      </c>
      <c r="AH5" s="27" t="s">
        <v>44</v>
      </c>
      <c r="AI5" s="27" t="s">
        <v>45</v>
      </c>
      <c r="AJ5" s="28" t="s">
        <v>47</v>
      </c>
      <c r="AK5" s="29" t="s">
        <v>48</v>
      </c>
      <c r="AL5" s="29" t="s">
        <v>49</v>
      </c>
      <c r="AM5" s="30" t="s">
        <v>50</v>
      </c>
      <c r="AN5" s="27" t="s">
        <v>51</v>
      </c>
      <c r="AO5" s="31" t="s">
        <v>45</v>
      </c>
      <c r="AP5" s="564"/>
    </row>
    <row r="6" spans="2:43" ht="21" customHeight="1" x14ac:dyDescent="0.2">
      <c r="B6" s="470" t="s">
        <v>4</v>
      </c>
      <c r="C6" s="172">
        <v>0</v>
      </c>
      <c r="D6" s="173">
        <v>0</v>
      </c>
      <c r="E6" s="173">
        <v>0</v>
      </c>
      <c r="F6" s="174">
        <v>14</v>
      </c>
      <c r="G6" s="175">
        <v>67</v>
      </c>
      <c r="H6" s="175">
        <v>475</v>
      </c>
      <c r="I6" s="175">
        <v>707</v>
      </c>
      <c r="J6" s="173">
        <v>357</v>
      </c>
      <c r="K6" s="176">
        <v>1620</v>
      </c>
      <c r="L6" s="177">
        <v>1620</v>
      </c>
      <c r="M6" s="172">
        <v>0</v>
      </c>
      <c r="N6" s="173">
        <v>0</v>
      </c>
      <c r="O6" s="176">
        <v>0</v>
      </c>
      <c r="P6" s="179">
        <v>89</v>
      </c>
      <c r="Q6" s="175">
        <v>193</v>
      </c>
      <c r="R6" s="175">
        <v>256</v>
      </c>
      <c r="S6" s="175">
        <v>291</v>
      </c>
      <c r="T6" s="173">
        <v>153</v>
      </c>
      <c r="U6" s="176">
        <v>982</v>
      </c>
      <c r="V6" s="180">
        <v>982</v>
      </c>
      <c r="W6" s="179">
        <v>0</v>
      </c>
      <c r="X6" s="173">
        <v>0</v>
      </c>
      <c r="Y6" s="173">
        <v>0</v>
      </c>
      <c r="Z6" s="174">
        <v>0</v>
      </c>
      <c r="AA6" s="175">
        <v>0</v>
      </c>
      <c r="AB6" s="175">
        <v>0</v>
      </c>
      <c r="AC6" s="175">
        <v>10</v>
      </c>
      <c r="AD6" s="173">
        <v>5</v>
      </c>
      <c r="AE6" s="176">
        <v>15</v>
      </c>
      <c r="AF6" s="177">
        <v>15</v>
      </c>
      <c r="AG6" s="172">
        <v>0</v>
      </c>
      <c r="AH6" s="173">
        <v>0</v>
      </c>
      <c r="AI6" s="173">
        <v>0</v>
      </c>
      <c r="AJ6" s="174">
        <v>0</v>
      </c>
      <c r="AK6" s="175">
        <v>1</v>
      </c>
      <c r="AL6" s="175">
        <v>2</v>
      </c>
      <c r="AM6" s="175">
        <v>15</v>
      </c>
      <c r="AN6" s="173">
        <v>20</v>
      </c>
      <c r="AO6" s="176">
        <v>38</v>
      </c>
      <c r="AP6" s="178">
        <v>38</v>
      </c>
      <c r="AQ6" s="32"/>
    </row>
    <row r="7" spans="2:43" ht="21" customHeight="1" x14ac:dyDescent="0.2">
      <c r="B7" s="471" t="s">
        <v>5</v>
      </c>
      <c r="C7" s="181">
        <v>0</v>
      </c>
      <c r="D7" s="182">
        <v>0</v>
      </c>
      <c r="E7" s="182">
        <v>0</v>
      </c>
      <c r="F7" s="183">
        <v>10</v>
      </c>
      <c r="G7" s="184">
        <v>55</v>
      </c>
      <c r="H7" s="184">
        <v>247</v>
      </c>
      <c r="I7" s="184">
        <v>290</v>
      </c>
      <c r="J7" s="182">
        <v>154</v>
      </c>
      <c r="K7" s="185">
        <v>756</v>
      </c>
      <c r="L7" s="186">
        <v>756</v>
      </c>
      <c r="M7" s="181">
        <v>0</v>
      </c>
      <c r="N7" s="182">
        <v>0</v>
      </c>
      <c r="O7" s="185">
        <v>0</v>
      </c>
      <c r="P7" s="188">
        <v>43</v>
      </c>
      <c r="Q7" s="184">
        <v>113</v>
      </c>
      <c r="R7" s="184">
        <v>134</v>
      </c>
      <c r="S7" s="184">
        <v>150</v>
      </c>
      <c r="T7" s="182">
        <v>70</v>
      </c>
      <c r="U7" s="185">
        <v>510</v>
      </c>
      <c r="V7" s="189">
        <v>510</v>
      </c>
      <c r="W7" s="188">
        <v>0</v>
      </c>
      <c r="X7" s="182">
        <v>0</v>
      </c>
      <c r="Y7" s="182">
        <v>0</v>
      </c>
      <c r="Z7" s="183">
        <v>0</v>
      </c>
      <c r="AA7" s="184">
        <v>0</v>
      </c>
      <c r="AB7" s="184">
        <v>0</v>
      </c>
      <c r="AC7" s="184">
        <v>5</v>
      </c>
      <c r="AD7" s="182">
        <v>1</v>
      </c>
      <c r="AE7" s="185">
        <v>6</v>
      </c>
      <c r="AF7" s="186">
        <v>6</v>
      </c>
      <c r="AG7" s="181">
        <v>0</v>
      </c>
      <c r="AH7" s="182">
        <v>0</v>
      </c>
      <c r="AI7" s="182">
        <v>0</v>
      </c>
      <c r="AJ7" s="183">
        <v>0</v>
      </c>
      <c r="AK7" s="184">
        <v>0</v>
      </c>
      <c r="AL7" s="184">
        <v>1</v>
      </c>
      <c r="AM7" s="184">
        <v>4</v>
      </c>
      <c r="AN7" s="182">
        <v>5</v>
      </c>
      <c r="AO7" s="185">
        <v>10</v>
      </c>
      <c r="AP7" s="187">
        <v>10</v>
      </c>
      <c r="AQ7" s="32"/>
    </row>
    <row r="8" spans="2:43" ht="21" customHeight="1" x14ac:dyDescent="0.2">
      <c r="B8" s="472" t="s">
        <v>6</v>
      </c>
      <c r="C8" s="181">
        <v>0</v>
      </c>
      <c r="D8" s="182">
        <v>0</v>
      </c>
      <c r="E8" s="182">
        <v>0</v>
      </c>
      <c r="F8" s="183">
        <v>2</v>
      </c>
      <c r="G8" s="184">
        <v>2</v>
      </c>
      <c r="H8" s="184">
        <v>48</v>
      </c>
      <c r="I8" s="184">
        <v>75</v>
      </c>
      <c r="J8" s="182">
        <v>45</v>
      </c>
      <c r="K8" s="185">
        <v>172</v>
      </c>
      <c r="L8" s="186">
        <v>172</v>
      </c>
      <c r="M8" s="181">
        <v>0</v>
      </c>
      <c r="N8" s="182">
        <v>0</v>
      </c>
      <c r="O8" s="185">
        <v>0</v>
      </c>
      <c r="P8" s="188">
        <v>9</v>
      </c>
      <c r="Q8" s="184">
        <v>16</v>
      </c>
      <c r="R8" s="184">
        <v>28</v>
      </c>
      <c r="S8" s="184">
        <v>26</v>
      </c>
      <c r="T8" s="182">
        <v>22</v>
      </c>
      <c r="U8" s="185">
        <v>101</v>
      </c>
      <c r="V8" s="189">
        <v>101</v>
      </c>
      <c r="W8" s="188">
        <v>0</v>
      </c>
      <c r="X8" s="182">
        <v>0</v>
      </c>
      <c r="Y8" s="182">
        <v>0</v>
      </c>
      <c r="Z8" s="183">
        <v>0</v>
      </c>
      <c r="AA8" s="184">
        <v>0</v>
      </c>
      <c r="AB8" s="184">
        <v>0</v>
      </c>
      <c r="AC8" s="184">
        <v>5</v>
      </c>
      <c r="AD8" s="182">
        <v>2</v>
      </c>
      <c r="AE8" s="185">
        <v>7</v>
      </c>
      <c r="AF8" s="186">
        <v>7</v>
      </c>
      <c r="AG8" s="181">
        <v>0</v>
      </c>
      <c r="AH8" s="182">
        <v>0</v>
      </c>
      <c r="AI8" s="182">
        <v>0</v>
      </c>
      <c r="AJ8" s="183">
        <v>0</v>
      </c>
      <c r="AK8" s="184">
        <v>0</v>
      </c>
      <c r="AL8" s="184">
        <v>0</v>
      </c>
      <c r="AM8" s="184">
        <v>3</v>
      </c>
      <c r="AN8" s="182">
        <v>4</v>
      </c>
      <c r="AO8" s="185">
        <v>7</v>
      </c>
      <c r="AP8" s="187">
        <v>7</v>
      </c>
      <c r="AQ8" s="32"/>
    </row>
    <row r="9" spans="2:43" ht="21" customHeight="1" x14ac:dyDescent="0.2">
      <c r="B9" s="472" t="s">
        <v>14</v>
      </c>
      <c r="C9" s="181">
        <v>0</v>
      </c>
      <c r="D9" s="182">
        <v>0</v>
      </c>
      <c r="E9" s="182">
        <v>0</v>
      </c>
      <c r="F9" s="183">
        <v>0</v>
      </c>
      <c r="G9" s="184">
        <v>0</v>
      </c>
      <c r="H9" s="184">
        <v>39</v>
      </c>
      <c r="I9" s="184">
        <v>54</v>
      </c>
      <c r="J9" s="182">
        <v>31</v>
      </c>
      <c r="K9" s="185">
        <v>124</v>
      </c>
      <c r="L9" s="186">
        <v>124</v>
      </c>
      <c r="M9" s="181">
        <v>0</v>
      </c>
      <c r="N9" s="182">
        <v>0</v>
      </c>
      <c r="O9" s="185">
        <v>0</v>
      </c>
      <c r="P9" s="188">
        <v>1</v>
      </c>
      <c r="Q9" s="184">
        <v>7</v>
      </c>
      <c r="R9" s="184">
        <v>16</v>
      </c>
      <c r="S9" s="184">
        <v>10</v>
      </c>
      <c r="T9" s="182">
        <v>10</v>
      </c>
      <c r="U9" s="185">
        <v>44</v>
      </c>
      <c r="V9" s="189">
        <v>44</v>
      </c>
      <c r="W9" s="188">
        <v>0</v>
      </c>
      <c r="X9" s="182">
        <v>0</v>
      </c>
      <c r="Y9" s="182">
        <v>0</v>
      </c>
      <c r="Z9" s="183">
        <v>0</v>
      </c>
      <c r="AA9" s="184">
        <v>0</v>
      </c>
      <c r="AB9" s="184">
        <v>0</v>
      </c>
      <c r="AC9" s="184">
        <v>0</v>
      </c>
      <c r="AD9" s="182">
        <v>1</v>
      </c>
      <c r="AE9" s="185">
        <v>1</v>
      </c>
      <c r="AF9" s="186">
        <v>1</v>
      </c>
      <c r="AG9" s="181">
        <v>0</v>
      </c>
      <c r="AH9" s="182">
        <v>0</v>
      </c>
      <c r="AI9" s="182">
        <v>0</v>
      </c>
      <c r="AJ9" s="183">
        <v>0</v>
      </c>
      <c r="AK9" s="184">
        <v>0</v>
      </c>
      <c r="AL9" s="184">
        <v>0</v>
      </c>
      <c r="AM9" s="184">
        <v>1</v>
      </c>
      <c r="AN9" s="182">
        <v>5</v>
      </c>
      <c r="AO9" s="185">
        <v>6</v>
      </c>
      <c r="AP9" s="187">
        <v>6</v>
      </c>
      <c r="AQ9" s="32"/>
    </row>
    <row r="10" spans="2:43" ht="21" customHeight="1" x14ac:dyDescent="0.2">
      <c r="B10" s="472" t="s">
        <v>7</v>
      </c>
      <c r="C10" s="181">
        <v>0</v>
      </c>
      <c r="D10" s="182">
        <v>0</v>
      </c>
      <c r="E10" s="182">
        <v>0</v>
      </c>
      <c r="F10" s="183">
        <v>0</v>
      </c>
      <c r="G10" s="184">
        <v>3</v>
      </c>
      <c r="H10" s="184">
        <v>20</v>
      </c>
      <c r="I10" s="184">
        <v>53</v>
      </c>
      <c r="J10" s="182">
        <v>26</v>
      </c>
      <c r="K10" s="185">
        <v>102</v>
      </c>
      <c r="L10" s="186">
        <v>102</v>
      </c>
      <c r="M10" s="181">
        <v>0</v>
      </c>
      <c r="N10" s="182">
        <v>0</v>
      </c>
      <c r="O10" s="185">
        <v>0</v>
      </c>
      <c r="P10" s="188">
        <v>12</v>
      </c>
      <c r="Q10" s="184">
        <v>6</v>
      </c>
      <c r="R10" s="184">
        <v>11</v>
      </c>
      <c r="S10" s="184">
        <v>18</v>
      </c>
      <c r="T10" s="182">
        <v>4</v>
      </c>
      <c r="U10" s="185">
        <v>51</v>
      </c>
      <c r="V10" s="189">
        <v>51</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1</v>
      </c>
      <c r="AM10" s="184">
        <v>0</v>
      </c>
      <c r="AN10" s="182">
        <v>0</v>
      </c>
      <c r="AO10" s="185">
        <v>1</v>
      </c>
      <c r="AP10" s="187">
        <v>1</v>
      </c>
      <c r="AQ10" s="32"/>
    </row>
    <row r="11" spans="2:43" ht="21" customHeight="1" x14ac:dyDescent="0.2">
      <c r="B11" s="472" t="s">
        <v>8</v>
      </c>
      <c r="C11" s="181">
        <v>0</v>
      </c>
      <c r="D11" s="182">
        <v>0</v>
      </c>
      <c r="E11" s="182">
        <v>0</v>
      </c>
      <c r="F11" s="183">
        <v>1</v>
      </c>
      <c r="G11" s="184">
        <v>2</v>
      </c>
      <c r="H11" s="184">
        <v>10</v>
      </c>
      <c r="I11" s="184">
        <v>9</v>
      </c>
      <c r="J11" s="182">
        <v>7</v>
      </c>
      <c r="K11" s="185">
        <v>29</v>
      </c>
      <c r="L11" s="186">
        <v>29</v>
      </c>
      <c r="M11" s="181">
        <v>0</v>
      </c>
      <c r="N11" s="182">
        <v>0</v>
      </c>
      <c r="O11" s="185">
        <v>0</v>
      </c>
      <c r="P11" s="188">
        <v>1</v>
      </c>
      <c r="Q11" s="184">
        <v>4</v>
      </c>
      <c r="R11" s="184">
        <v>12</v>
      </c>
      <c r="S11" s="184">
        <v>8</v>
      </c>
      <c r="T11" s="182">
        <v>5</v>
      </c>
      <c r="U11" s="185">
        <v>30</v>
      </c>
      <c r="V11" s="189">
        <v>30</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0</v>
      </c>
      <c r="AL11" s="184">
        <v>0</v>
      </c>
      <c r="AM11" s="184">
        <v>1</v>
      </c>
      <c r="AN11" s="182">
        <v>1</v>
      </c>
      <c r="AO11" s="185">
        <v>2</v>
      </c>
      <c r="AP11" s="187">
        <v>2</v>
      </c>
      <c r="AQ11" s="32"/>
    </row>
    <row r="12" spans="2:43" ht="21" customHeight="1" x14ac:dyDescent="0.2">
      <c r="B12" s="472" t="s">
        <v>9</v>
      </c>
      <c r="C12" s="181">
        <v>0</v>
      </c>
      <c r="D12" s="182">
        <v>0</v>
      </c>
      <c r="E12" s="182">
        <v>0</v>
      </c>
      <c r="F12" s="183">
        <v>0</v>
      </c>
      <c r="G12" s="184">
        <v>0</v>
      </c>
      <c r="H12" s="184">
        <v>11</v>
      </c>
      <c r="I12" s="184">
        <v>23</v>
      </c>
      <c r="J12" s="182">
        <v>11</v>
      </c>
      <c r="K12" s="185">
        <v>45</v>
      </c>
      <c r="L12" s="186">
        <v>45</v>
      </c>
      <c r="M12" s="181">
        <v>0</v>
      </c>
      <c r="N12" s="182">
        <v>0</v>
      </c>
      <c r="O12" s="185">
        <v>0</v>
      </c>
      <c r="P12" s="188">
        <v>0</v>
      </c>
      <c r="Q12" s="184">
        <v>6</v>
      </c>
      <c r="R12" s="184">
        <v>5</v>
      </c>
      <c r="S12" s="184">
        <v>8</v>
      </c>
      <c r="T12" s="182">
        <v>4</v>
      </c>
      <c r="U12" s="185">
        <v>23</v>
      </c>
      <c r="V12" s="189">
        <v>23</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1</v>
      </c>
      <c r="AN12" s="182">
        <v>0</v>
      </c>
      <c r="AO12" s="185">
        <v>1</v>
      </c>
      <c r="AP12" s="187">
        <v>1</v>
      </c>
      <c r="AQ12" s="32"/>
    </row>
    <row r="13" spans="2:43" ht="21" customHeight="1" x14ac:dyDescent="0.2">
      <c r="B13" s="472" t="s">
        <v>10</v>
      </c>
      <c r="C13" s="181">
        <v>0</v>
      </c>
      <c r="D13" s="182">
        <v>0</v>
      </c>
      <c r="E13" s="182">
        <v>0</v>
      </c>
      <c r="F13" s="183">
        <v>1</v>
      </c>
      <c r="G13" s="184">
        <v>1</v>
      </c>
      <c r="H13" s="184">
        <v>22</v>
      </c>
      <c r="I13" s="184">
        <v>34</v>
      </c>
      <c r="J13" s="182">
        <v>12</v>
      </c>
      <c r="K13" s="185">
        <v>70</v>
      </c>
      <c r="L13" s="186">
        <v>70</v>
      </c>
      <c r="M13" s="181">
        <v>0</v>
      </c>
      <c r="N13" s="182">
        <v>0</v>
      </c>
      <c r="O13" s="185">
        <v>0</v>
      </c>
      <c r="P13" s="188">
        <v>5</v>
      </c>
      <c r="Q13" s="184">
        <v>7</v>
      </c>
      <c r="R13" s="184">
        <v>7</v>
      </c>
      <c r="S13" s="184">
        <v>14</v>
      </c>
      <c r="T13" s="182">
        <v>10</v>
      </c>
      <c r="U13" s="185">
        <v>43</v>
      </c>
      <c r="V13" s="189">
        <v>43</v>
      </c>
      <c r="W13" s="188">
        <v>0</v>
      </c>
      <c r="X13" s="182">
        <v>0</v>
      </c>
      <c r="Y13" s="182">
        <v>0</v>
      </c>
      <c r="Z13" s="183">
        <v>0</v>
      </c>
      <c r="AA13" s="184">
        <v>0</v>
      </c>
      <c r="AB13" s="184">
        <v>0</v>
      </c>
      <c r="AC13" s="184">
        <v>0</v>
      </c>
      <c r="AD13" s="182">
        <v>1</v>
      </c>
      <c r="AE13" s="185">
        <v>1</v>
      </c>
      <c r="AF13" s="186">
        <v>1</v>
      </c>
      <c r="AG13" s="181">
        <v>0</v>
      </c>
      <c r="AH13" s="182">
        <v>0</v>
      </c>
      <c r="AI13" s="182">
        <v>0</v>
      </c>
      <c r="AJ13" s="183">
        <v>0</v>
      </c>
      <c r="AK13" s="184">
        <v>0</v>
      </c>
      <c r="AL13" s="184">
        <v>0</v>
      </c>
      <c r="AM13" s="184">
        <v>0</v>
      </c>
      <c r="AN13" s="182">
        <v>1</v>
      </c>
      <c r="AO13" s="185">
        <v>1</v>
      </c>
      <c r="AP13" s="187">
        <v>1</v>
      </c>
      <c r="AQ13" s="32"/>
    </row>
    <row r="14" spans="2:43" ht="21" customHeight="1" x14ac:dyDescent="0.2">
      <c r="B14" s="472" t="s">
        <v>11</v>
      </c>
      <c r="C14" s="181">
        <v>0</v>
      </c>
      <c r="D14" s="182">
        <v>0</v>
      </c>
      <c r="E14" s="182">
        <v>0</v>
      </c>
      <c r="F14" s="183">
        <v>0</v>
      </c>
      <c r="G14" s="184">
        <v>0</v>
      </c>
      <c r="H14" s="184">
        <v>4</v>
      </c>
      <c r="I14" s="184">
        <v>17</v>
      </c>
      <c r="J14" s="182">
        <v>2</v>
      </c>
      <c r="K14" s="185">
        <v>23</v>
      </c>
      <c r="L14" s="186">
        <v>23</v>
      </c>
      <c r="M14" s="181">
        <v>0</v>
      </c>
      <c r="N14" s="182">
        <v>0</v>
      </c>
      <c r="O14" s="185">
        <v>0</v>
      </c>
      <c r="P14" s="188">
        <v>2</v>
      </c>
      <c r="Q14" s="184">
        <v>3</v>
      </c>
      <c r="R14" s="184">
        <v>2</v>
      </c>
      <c r="S14" s="184">
        <v>4</v>
      </c>
      <c r="T14" s="182">
        <v>7</v>
      </c>
      <c r="U14" s="185">
        <v>18</v>
      </c>
      <c r="V14" s="189">
        <v>18</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1</v>
      </c>
      <c r="AN14" s="182">
        <v>0</v>
      </c>
      <c r="AO14" s="185">
        <v>1</v>
      </c>
      <c r="AP14" s="187">
        <v>1</v>
      </c>
      <c r="AQ14" s="32"/>
    </row>
    <row r="15" spans="2:43" ht="21" customHeight="1" x14ac:dyDescent="0.2">
      <c r="B15" s="472" t="s">
        <v>12</v>
      </c>
      <c r="C15" s="181">
        <v>0</v>
      </c>
      <c r="D15" s="182">
        <v>0</v>
      </c>
      <c r="E15" s="182">
        <v>0</v>
      </c>
      <c r="F15" s="183">
        <v>0</v>
      </c>
      <c r="G15" s="184">
        <v>0</v>
      </c>
      <c r="H15" s="184">
        <v>6</v>
      </c>
      <c r="I15" s="184">
        <v>13</v>
      </c>
      <c r="J15" s="182">
        <v>7</v>
      </c>
      <c r="K15" s="185">
        <v>26</v>
      </c>
      <c r="L15" s="186">
        <v>26</v>
      </c>
      <c r="M15" s="181">
        <v>0</v>
      </c>
      <c r="N15" s="182">
        <v>0</v>
      </c>
      <c r="O15" s="185">
        <v>0</v>
      </c>
      <c r="P15" s="188">
        <v>2</v>
      </c>
      <c r="Q15" s="184">
        <v>4</v>
      </c>
      <c r="R15" s="184">
        <v>6</v>
      </c>
      <c r="S15" s="184">
        <v>9</v>
      </c>
      <c r="T15" s="182">
        <v>3</v>
      </c>
      <c r="U15" s="185">
        <v>24</v>
      </c>
      <c r="V15" s="189">
        <v>24</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1</v>
      </c>
      <c r="AO15" s="185">
        <v>2</v>
      </c>
      <c r="AP15" s="187">
        <v>2</v>
      </c>
      <c r="AQ15" s="32"/>
    </row>
    <row r="16" spans="2:43" ht="21" customHeight="1" x14ac:dyDescent="0.2">
      <c r="B16" s="472" t="s">
        <v>13</v>
      </c>
      <c r="C16" s="181">
        <v>0</v>
      </c>
      <c r="D16" s="182">
        <v>0</v>
      </c>
      <c r="E16" s="182">
        <v>0</v>
      </c>
      <c r="F16" s="183">
        <v>0</v>
      </c>
      <c r="G16" s="184">
        <v>0</v>
      </c>
      <c r="H16" s="184">
        <v>4</v>
      </c>
      <c r="I16" s="184">
        <v>13</v>
      </c>
      <c r="J16" s="182">
        <v>2</v>
      </c>
      <c r="K16" s="185">
        <v>19</v>
      </c>
      <c r="L16" s="186">
        <v>19</v>
      </c>
      <c r="M16" s="181">
        <v>0</v>
      </c>
      <c r="N16" s="182">
        <v>0</v>
      </c>
      <c r="O16" s="185">
        <v>0</v>
      </c>
      <c r="P16" s="188">
        <v>0</v>
      </c>
      <c r="Q16" s="184">
        <v>1</v>
      </c>
      <c r="R16" s="184">
        <v>3</v>
      </c>
      <c r="S16" s="184">
        <v>1</v>
      </c>
      <c r="T16" s="182">
        <v>1</v>
      </c>
      <c r="U16" s="185">
        <v>6</v>
      </c>
      <c r="V16" s="189">
        <v>6</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2</v>
      </c>
      <c r="I17" s="184">
        <v>10</v>
      </c>
      <c r="J17" s="182">
        <v>3</v>
      </c>
      <c r="K17" s="185">
        <v>15</v>
      </c>
      <c r="L17" s="186">
        <v>15</v>
      </c>
      <c r="M17" s="181">
        <v>0</v>
      </c>
      <c r="N17" s="182">
        <v>0</v>
      </c>
      <c r="O17" s="185">
        <v>0</v>
      </c>
      <c r="P17" s="188">
        <v>0</v>
      </c>
      <c r="Q17" s="184">
        <v>2</v>
      </c>
      <c r="R17" s="184">
        <v>1</v>
      </c>
      <c r="S17" s="184">
        <v>4</v>
      </c>
      <c r="T17" s="182">
        <v>1</v>
      </c>
      <c r="U17" s="185">
        <v>8</v>
      </c>
      <c r="V17" s="189">
        <v>8</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1</v>
      </c>
      <c r="H18" s="184">
        <v>5</v>
      </c>
      <c r="I18" s="184">
        <v>10</v>
      </c>
      <c r="J18" s="182">
        <v>6</v>
      </c>
      <c r="K18" s="185">
        <v>22</v>
      </c>
      <c r="L18" s="186">
        <v>22</v>
      </c>
      <c r="M18" s="181">
        <v>0</v>
      </c>
      <c r="N18" s="182">
        <v>0</v>
      </c>
      <c r="O18" s="185">
        <v>0</v>
      </c>
      <c r="P18" s="188">
        <v>1</v>
      </c>
      <c r="Q18" s="184">
        <v>3</v>
      </c>
      <c r="R18" s="184">
        <v>3</v>
      </c>
      <c r="S18" s="184">
        <v>6</v>
      </c>
      <c r="T18" s="182">
        <v>1</v>
      </c>
      <c r="U18" s="185">
        <v>14</v>
      </c>
      <c r="V18" s="189">
        <v>14</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1</v>
      </c>
      <c r="AO18" s="185">
        <v>1</v>
      </c>
      <c r="AP18" s="187">
        <v>1</v>
      </c>
      <c r="AQ18" s="32"/>
    </row>
    <row r="19" spans="2:43" ht="21" customHeight="1" x14ac:dyDescent="0.2">
      <c r="B19" s="472" t="s">
        <v>17</v>
      </c>
      <c r="C19" s="181">
        <v>0</v>
      </c>
      <c r="D19" s="182">
        <v>0</v>
      </c>
      <c r="E19" s="182">
        <v>0</v>
      </c>
      <c r="F19" s="183">
        <v>0</v>
      </c>
      <c r="G19" s="184">
        <v>0</v>
      </c>
      <c r="H19" s="184">
        <v>12</v>
      </c>
      <c r="I19" s="184">
        <v>18</v>
      </c>
      <c r="J19" s="182">
        <v>10</v>
      </c>
      <c r="K19" s="185">
        <v>40</v>
      </c>
      <c r="L19" s="186">
        <v>40</v>
      </c>
      <c r="M19" s="181">
        <v>0</v>
      </c>
      <c r="N19" s="182">
        <v>0</v>
      </c>
      <c r="O19" s="185">
        <v>0</v>
      </c>
      <c r="P19" s="188">
        <v>4</v>
      </c>
      <c r="Q19" s="184">
        <v>3</v>
      </c>
      <c r="R19" s="184">
        <v>7</v>
      </c>
      <c r="S19" s="184">
        <v>3</v>
      </c>
      <c r="T19" s="182">
        <v>7</v>
      </c>
      <c r="U19" s="185">
        <v>24</v>
      </c>
      <c r="V19" s="189">
        <v>24</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0</v>
      </c>
      <c r="AO19" s="185">
        <v>0</v>
      </c>
      <c r="AP19" s="187">
        <v>0</v>
      </c>
      <c r="AQ19" s="32"/>
    </row>
    <row r="20" spans="2:43" ht="21" customHeight="1" x14ac:dyDescent="0.2">
      <c r="B20" s="472" t="s">
        <v>18</v>
      </c>
      <c r="C20" s="181">
        <v>0</v>
      </c>
      <c r="D20" s="182">
        <v>0</v>
      </c>
      <c r="E20" s="182">
        <v>0</v>
      </c>
      <c r="F20" s="183">
        <v>0</v>
      </c>
      <c r="G20" s="184">
        <v>0</v>
      </c>
      <c r="H20" s="184">
        <v>4</v>
      </c>
      <c r="I20" s="184">
        <v>23</v>
      </c>
      <c r="J20" s="182">
        <v>6</v>
      </c>
      <c r="K20" s="185">
        <v>33</v>
      </c>
      <c r="L20" s="186">
        <v>33</v>
      </c>
      <c r="M20" s="181">
        <v>0</v>
      </c>
      <c r="N20" s="182">
        <v>0</v>
      </c>
      <c r="O20" s="185">
        <v>0</v>
      </c>
      <c r="P20" s="188">
        <v>1</v>
      </c>
      <c r="Q20" s="184">
        <v>6</v>
      </c>
      <c r="R20" s="184">
        <v>3</v>
      </c>
      <c r="S20" s="184">
        <v>5</v>
      </c>
      <c r="T20" s="182">
        <v>3</v>
      </c>
      <c r="U20" s="185">
        <v>18</v>
      </c>
      <c r="V20" s="189">
        <v>18</v>
      </c>
      <c r="W20" s="188">
        <v>0</v>
      </c>
      <c r="X20" s="182">
        <v>0</v>
      </c>
      <c r="Y20" s="182">
        <v>0</v>
      </c>
      <c r="Z20" s="183">
        <v>0</v>
      </c>
      <c r="AA20" s="184">
        <v>0</v>
      </c>
      <c r="AB20" s="184">
        <v>0</v>
      </c>
      <c r="AC20" s="184">
        <v>0</v>
      </c>
      <c r="AD20" s="182">
        <v>0</v>
      </c>
      <c r="AE20" s="185">
        <v>0</v>
      </c>
      <c r="AF20" s="186">
        <v>0</v>
      </c>
      <c r="AG20" s="181">
        <v>0</v>
      </c>
      <c r="AH20" s="182">
        <v>0</v>
      </c>
      <c r="AI20" s="182">
        <v>0</v>
      </c>
      <c r="AJ20" s="183">
        <v>0</v>
      </c>
      <c r="AK20" s="184">
        <v>0</v>
      </c>
      <c r="AL20" s="184">
        <v>0</v>
      </c>
      <c r="AM20" s="184">
        <v>1</v>
      </c>
      <c r="AN20" s="182">
        <v>0</v>
      </c>
      <c r="AO20" s="185">
        <v>1</v>
      </c>
      <c r="AP20" s="187">
        <v>1</v>
      </c>
      <c r="AQ20" s="32"/>
    </row>
    <row r="21" spans="2:43" ht="21" customHeight="1" x14ac:dyDescent="0.2">
      <c r="B21" s="472" t="s">
        <v>19</v>
      </c>
      <c r="C21" s="181">
        <v>0</v>
      </c>
      <c r="D21" s="182">
        <v>0</v>
      </c>
      <c r="E21" s="182">
        <v>0</v>
      </c>
      <c r="F21" s="183">
        <v>0</v>
      </c>
      <c r="G21" s="184">
        <v>0</v>
      </c>
      <c r="H21" s="184">
        <v>8</v>
      </c>
      <c r="I21" s="184">
        <v>5</v>
      </c>
      <c r="J21" s="182">
        <v>6</v>
      </c>
      <c r="K21" s="185">
        <v>19</v>
      </c>
      <c r="L21" s="186">
        <v>19</v>
      </c>
      <c r="M21" s="181">
        <v>0</v>
      </c>
      <c r="N21" s="182">
        <v>0</v>
      </c>
      <c r="O21" s="185">
        <v>0</v>
      </c>
      <c r="P21" s="188">
        <v>1</v>
      </c>
      <c r="Q21" s="184">
        <v>0</v>
      </c>
      <c r="R21" s="184">
        <v>1</v>
      </c>
      <c r="S21" s="184">
        <v>5</v>
      </c>
      <c r="T21" s="182">
        <v>0</v>
      </c>
      <c r="U21" s="185">
        <v>7</v>
      </c>
      <c r="V21" s="189">
        <v>7</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0</v>
      </c>
      <c r="AO21" s="185">
        <v>0</v>
      </c>
      <c r="AP21" s="187">
        <v>0</v>
      </c>
      <c r="AQ21" s="32"/>
    </row>
    <row r="22" spans="2:43" ht="21" customHeight="1" x14ac:dyDescent="0.2">
      <c r="B22" s="472" t="s">
        <v>20</v>
      </c>
      <c r="C22" s="181">
        <v>0</v>
      </c>
      <c r="D22" s="182">
        <v>0</v>
      </c>
      <c r="E22" s="182">
        <v>0</v>
      </c>
      <c r="F22" s="183">
        <v>0</v>
      </c>
      <c r="G22" s="184">
        <v>1</v>
      </c>
      <c r="H22" s="184">
        <v>6</v>
      </c>
      <c r="I22" s="184">
        <v>14</v>
      </c>
      <c r="J22" s="182">
        <v>3</v>
      </c>
      <c r="K22" s="185">
        <v>24</v>
      </c>
      <c r="L22" s="186">
        <v>24</v>
      </c>
      <c r="M22" s="181">
        <v>0</v>
      </c>
      <c r="N22" s="182">
        <v>0</v>
      </c>
      <c r="O22" s="185">
        <v>0</v>
      </c>
      <c r="P22" s="188">
        <v>2</v>
      </c>
      <c r="Q22" s="184">
        <v>1</v>
      </c>
      <c r="R22" s="184">
        <v>0</v>
      </c>
      <c r="S22" s="184">
        <v>1</v>
      </c>
      <c r="T22" s="182">
        <v>0</v>
      </c>
      <c r="U22" s="185">
        <v>4</v>
      </c>
      <c r="V22" s="189">
        <v>4</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5</v>
      </c>
      <c r="I23" s="184">
        <v>12</v>
      </c>
      <c r="J23" s="182">
        <v>9</v>
      </c>
      <c r="K23" s="185">
        <v>26</v>
      </c>
      <c r="L23" s="186">
        <v>26</v>
      </c>
      <c r="M23" s="181">
        <v>0</v>
      </c>
      <c r="N23" s="182">
        <v>0</v>
      </c>
      <c r="O23" s="185">
        <v>0</v>
      </c>
      <c r="P23" s="188">
        <v>0</v>
      </c>
      <c r="Q23" s="184">
        <v>1</v>
      </c>
      <c r="R23" s="184">
        <v>3</v>
      </c>
      <c r="S23" s="184">
        <v>0</v>
      </c>
      <c r="T23" s="182">
        <v>0</v>
      </c>
      <c r="U23" s="185">
        <v>4</v>
      </c>
      <c r="V23" s="189">
        <v>4</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1</v>
      </c>
      <c r="AO23" s="185">
        <v>1</v>
      </c>
      <c r="AP23" s="187">
        <v>1</v>
      </c>
      <c r="AQ23" s="32"/>
    </row>
    <row r="24" spans="2:43" ht="21" customHeight="1" x14ac:dyDescent="0.2">
      <c r="B24" s="472" t="s">
        <v>22</v>
      </c>
      <c r="C24" s="181">
        <v>0</v>
      </c>
      <c r="D24" s="182">
        <v>0</v>
      </c>
      <c r="E24" s="182">
        <v>0</v>
      </c>
      <c r="F24" s="183">
        <v>0</v>
      </c>
      <c r="G24" s="184">
        <v>0</v>
      </c>
      <c r="H24" s="184">
        <v>4</v>
      </c>
      <c r="I24" s="184">
        <v>7</v>
      </c>
      <c r="J24" s="182">
        <v>0</v>
      </c>
      <c r="K24" s="185">
        <v>11</v>
      </c>
      <c r="L24" s="186">
        <v>11</v>
      </c>
      <c r="M24" s="181">
        <v>0</v>
      </c>
      <c r="N24" s="182">
        <v>0</v>
      </c>
      <c r="O24" s="185">
        <v>0</v>
      </c>
      <c r="P24" s="188">
        <v>1</v>
      </c>
      <c r="Q24" s="184">
        <v>1</v>
      </c>
      <c r="R24" s="184">
        <v>1</v>
      </c>
      <c r="S24" s="184">
        <v>1</v>
      </c>
      <c r="T24" s="182">
        <v>0</v>
      </c>
      <c r="U24" s="185">
        <v>4</v>
      </c>
      <c r="V24" s="189">
        <v>4</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1</v>
      </c>
      <c r="AN24" s="182">
        <v>0</v>
      </c>
      <c r="AO24" s="185">
        <v>1</v>
      </c>
      <c r="AP24" s="187">
        <v>1</v>
      </c>
      <c r="AQ24" s="32"/>
    </row>
    <row r="25" spans="2:43" ht="21" customHeight="1" x14ac:dyDescent="0.2">
      <c r="B25" s="472" t="s">
        <v>23</v>
      </c>
      <c r="C25" s="181">
        <v>0</v>
      </c>
      <c r="D25" s="182">
        <v>0</v>
      </c>
      <c r="E25" s="182">
        <v>0</v>
      </c>
      <c r="F25" s="183">
        <v>0</v>
      </c>
      <c r="G25" s="184">
        <v>0</v>
      </c>
      <c r="H25" s="184">
        <v>5</v>
      </c>
      <c r="I25" s="184">
        <v>6</v>
      </c>
      <c r="J25" s="182">
        <v>1</v>
      </c>
      <c r="K25" s="185">
        <v>12</v>
      </c>
      <c r="L25" s="186">
        <v>12</v>
      </c>
      <c r="M25" s="181">
        <v>0</v>
      </c>
      <c r="N25" s="182">
        <v>0</v>
      </c>
      <c r="O25" s="185">
        <v>0</v>
      </c>
      <c r="P25" s="188">
        <v>0</v>
      </c>
      <c r="Q25" s="184">
        <v>2</v>
      </c>
      <c r="R25" s="184">
        <v>2</v>
      </c>
      <c r="S25" s="184">
        <v>3</v>
      </c>
      <c r="T25" s="182">
        <v>1</v>
      </c>
      <c r="U25" s="185">
        <v>8</v>
      </c>
      <c r="V25" s="189">
        <v>8</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0</v>
      </c>
      <c r="AO25" s="185">
        <v>0</v>
      </c>
      <c r="AP25" s="187">
        <v>0</v>
      </c>
      <c r="AQ25" s="32"/>
    </row>
    <row r="26" spans="2:43" ht="21" customHeight="1" x14ac:dyDescent="0.2">
      <c r="B26" s="472" t="s">
        <v>24</v>
      </c>
      <c r="C26" s="181">
        <v>0</v>
      </c>
      <c r="D26" s="182">
        <v>0</v>
      </c>
      <c r="E26" s="182">
        <v>0</v>
      </c>
      <c r="F26" s="183">
        <v>0</v>
      </c>
      <c r="G26" s="184">
        <v>0</v>
      </c>
      <c r="H26" s="184">
        <v>1</v>
      </c>
      <c r="I26" s="184">
        <v>4</v>
      </c>
      <c r="J26" s="182">
        <v>3</v>
      </c>
      <c r="K26" s="185">
        <v>8</v>
      </c>
      <c r="L26" s="186">
        <v>8</v>
      </c>
      <c r="M26" s="181">
        <v>0</v>
      </c>
      <c r="N26" s="182">
        <v>0</v>
      </c>
      <c r="O26" s="185">
        <v>0</v>
      </c>
      <c r="P26" s="188">
        <v>0</v>
      </c>
      <c r="Q26" s="184">
        <v>1</v>
      </c>
      <c r="R26" s="184">
        <v>2</v>
      </c>
      <c r="S26" s="184">
        <v>4</v>
      </c>
      <c r="T26" s="182">
        <v>0</v>
      </c>
      <c r="U26" s="185">
        <v>7</v>
      </c>
      <c r="V26" s="189">
        <v>7</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1</v>
      </c>
      <c r="H27" s="184">
        <v>3</v>
      </c>
      <c r="I27" s="184">
        <v>2</v>
      </c>
      <c r="J27" s="182">
        <v>2</v>
      </c>
      <c r="K27" s="185">
        <v>8</v>
      </c>
      <c r="L27" s="186">
        <v>8</v>
      </c>
      <c r="M27" s="181">
        <v>0</v>
      </c>
      <c r="N27" s="182">
        <v>0</v>
      </c>
      <c r="O27" s="185">
        <v>0</v>
      </c>
      <c r="P27" s="188">
        <v>1</v>
      </c>
      <c r="Q27" s="184">
        <v>0</v>
      </c>
      <c r="R27" s="184">
        <v>1</v>
      </c>
      <c r="S27" s="184">
        <v>1</v>
      </c>
      <c r="T27" s="182">
        <v>2</v>
      </c>
      <c r="U27" s="185">
        <v>5</v>
      </c>
      <c r="V27" s="189">
        <v>5</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72" t="s">
        <v>26</v>
      </c>
      <c r="C28" s="181">
        <v>0</v>
      </c>
      <c r="D28" s="182">
        <v>0</v>
      </c>
      <c r="E28" s="182">
        <v>0</v>
      </c>
      <c r="F28" s="183">
        <v>0</v>
      </c>
      <c r="G28" s="184">
        <v>0</v>
      </c>
      <c r="H28" s="184">
        <v>3</v>
      </c>
      <c r="I28" s="184">
        <v>4</v>
      </c>
      <c r="J28" s="182">
        <v>1</v>
      </c>
      <c r="K28" s="185">
        <v>8</v>
      </c>
      <c r="L28" s="186">
        <v>8</v>
      </c>
      <c r="M28" s="181">
        <v>0</v>
      </c>
      <c r="N28" s="182">
        <v>0</v>
      </c>
      <c r="O28" s="185">
        <v>0</v>
      </c>
      <c r="P28" s="188">
        <v>0</v>
      </c>
      <c r="Q28" s="184">
        <v>1</v>
      </c>
      <c r="R28" s="184">
        <v>1</v>
      </c>
      <c r="S28" s="184">
        <v>0</v>
      </c>
      <c r="T28" s="182">
        <v>0</v>
      </c>
      <c r="U28" s="185">
        <v>2</v>
      </c>
      <c r="V28" s="189">
        <v>2</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1</v>
      </c>
      <c r="H29" s="184">
        <v>1</v>
      </c>
      <c r="I29" s="184">
        <v>0</v>
      </c>
      <c r="J29" s="182">
        <v>1</v>
      </c>
      <c r="K29" s="185">
        <v>3</v>
      </c>
      <c r="L29" s="186">
        <v>3</v>
      </c>
      <c r="M29" s="181">
        <v>0</v>
      </c>
      <c r="N29" s="182">
        <v>0</v>
      </c>
      <c r="O29" s="185">
        <v>0</v>
      </c>
      <c r="P29" s="188">
        <v>0</v>
      </c>
      <c r="Q29" s="184">
        <v>3</v>
      </c>
      <c r="R29" s="184">
        <v>2</v>
      </c>
      <c r="S29" s="184">
        <v>3</v>
      </c>
      <c r="T29" s="182">
        <v>0</v>
      </c>
      <c r="U29" s="185">
        <v>8</v>
      </c>
      <c r="V29" s="189">
        <v>8</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72" t="s">
        <v>28</v>
      </c>
      <c r="C30" s="181">
        <v>0</v>
      </c>
      <c r="D30" s="182">
        <v>0</v>
      </c>
      <c r="E30" s="182">
        <v>0</v>
      </c>
      <c r="F30" s="183">
        <v>0</v>
      </c>
      <c r="G30" s="184">
        <v>0</v>
      </c>
      <c r="H30" s="184">
        <v>0</v>
      </c>
      <c r="I30" s="184">
        <v>1</v>
      </c>
      <c r="J30" s="182">
        <v>1</v>
      </c>
      <c r="K30" s="185">
        <v>2</v>
      </c>
      <c r="L30" s="186">
        <v>2</v>
      </c>
      <c r="M30" s="181">
        <v>0</v>
      </c>
      <c r="N30" s="182">
        <v>0</v>
      </c>
      <c r="O30" s="185">
        <v>0</v>
      </c>
      <c r="P30" s="188">
        <v>0</v>
      </c>
      <c r="Q30" s="184">
        <v>1</v>
      </c>
      <c r="R30" s="184">
        <v>0</v>
      </c>
      <c r="S30" s="184">
        <v>0</v>
      </c>
      <c r="T30" s="182">
        <v>1</v>
      </c>
      <c r="U30" s="185">
        <v>2</v>
      </c>
      <c r="V30" s="189">
        <v>2</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0</v>
      </c>
      <c r="S31" s="184">
        <v>1</v>
      </c>
      <c r="T31" s="182">
        <v>0</v>
      </c>
      <c r="U31" s="185">
        <v>1</v>
      </c>
      <c r="V31" s="189">
        <v>1</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0</v>
      </c>
      <c r="I32" s="184">
        <v>2</v>
      </c>
      <c r="J32" s="182">
        <v>1</v>
      </c>
      <c r="K32" s="185">
        <v>3</v>
      </c>
      <c r="L32" s="186">
        <v>3</v>
      </c>
      <c r="M32" s="181">
        <v>0</v>
      </c>
      <c r="N32" s="182">
        <v>0</v>
      </c>
      <c r="O32" s="185">
        <v>0</v>
      </c>
      <c r="P32" s="188">
        <v>1</v>
      </c>
      <c r="Q32" s="184">
        <v>1</v>
      </c>
      <c r="R32" s="184">
        <v>1</v>
      </c>
      <c r="S32" s="184">
        <v>4</v>
      </c>
      <c r="T32" s="182">
        <v>0</v>
      </c>
      <c r="U32" s="185">
        <v>7</v>
      </c>
      <c r="V32" s="189">
        <v>7</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1</v>
      </c>
      <c r="AN32" s="182">
        <v>0</v>
      </c>
      <c r="AO32" s="185">
        <v>1</v>
      </c>
      <c r="AP32" s="187">
        <v>1</v>
      </c>
      <c r="AQ32" s="32"/>
    </row>
    <row r="33" spans="2:43" ht="21" customHeight="1" x14ac:dyDescent="0.2">
      <c r="B33" s="472" t="s">
        <v>31</v>
      </c>
      <c r="C33" s="181">
        <v>0</v>
      </c>
      <c r="D33" s="182">
        <v>0</v>
      </c>
      <c r="E33" s="182">
        <v>0</v>
      </c>
      <c r="F33" s="183">
        <v>0</v>
      </c>
      <c r="G33" s="184">
        <v>0</v>
      </c>
      <c r="H33" s="184">
        <v>2</v>
      </c>
      <c r="I33" s="184">
        <v>1</v>
      </c>
      <c r="J33" s="182">
        <v>0</v>
      </c>
      <c r="K33" s="185">
        <v>3</v>
      </c>
      <c r="L33" s="186">
        <v>3</v>
      </c>
      <c r="M33" s="181">
        <v>0</v>
      </c>
      <c r="N33" s="182">
        <v>0</v>
      </c>
      <c r="O33" s="185">
        <v>0</v>
      </c>
      <c r="P33" s="188">
        <v>0</v>
      </c>
      <c r="Q33" s="184">
        <v>0</v>
      </c>
      <c r="R33" s="184">
        <v>0</v>
      </c>
      <c r="S33" s="184">
        <v>0</v>
      </c>
      <c r="T33" s="182">
        <v>0</v>
      </c>
      <c r="U33" s="185">
        <v>0</v>
      </c>
      <c r="V33" s="189">
        <v>0</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1</v>
      </c>
      <c r="I34" s="184">
        <v>3</v>
      </c>
      <c r="J34" s="182">
        <v>0</v>
      </c>
      <c r="K34" s="185">
        <v>4</v>
      </c>
      <c r="L34" s="186">
        <v>4</v>
      </c>
      <c r="M34" s="181">
        <v>0</v>
      </c>
      <c r="N34" s="182">
        <v>0</v>
      </c>
      <c r="O34" s="185">
        <v>0</v>
      </c>
      <c r="P34" s="188">
        <v>1</v>
      </c>
      <c r="Q34" s="184">
        <v>0</v>
      </c>
      <c r="R34" s="184">
        <v>0</v>
      </c>
      <c r="S34" s="184">
        <v>1</v>
      </c>
      <c r="T34" s="182">
        <v>1</v>
      </c>
      <c r="U34" s="185">
        <v>3</v>
      </c>
      <c r="V34" s="189">
        <v>3</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0</v>
      </c>
      <c r="S35" s="184">
        <v>0</v>
      </c>
      <c r="T35" s="182">
        <v>0</v>
      </c>
      <c r="U35" s="185">
        <v>0</v>
      </c>
      <c r="V35" s="189">
        <v>0</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1</v>
      </c>
      <c r="AL35" s="184">
        <v>0</v>
      </c>
      <c r="AM35" s="184">
        <v>0</v>
      </c>
      <c r="AN35" s="182">
        <v>1</v>
      </c>
      <c r="AO35" s="185">
        <v>2</v>
      </c>
      <c r="AP35" s="187">
        <v>2</v>
      </c>
      <c r="AQ35" s="32"/>
    </row>
    <row r="36" spans="2:43" ht="21" customHeight="1" x14ac:dyDescent="0.2">
      <c r="B36" s="472" t="s">
        <v>34</v>
      </c>
      <c r="C36" s="181">
        <v>0</v>
      </c>
      <c r="D36" s="182">
        <v>0</v>
      </c>
      <c r="E36" s="182">
        <v>0</v>
      </c>
      <c r="F36" s="183">
        <v>0</v>
      </c>
      <c r="G36" s="184">
        <v>0</v>
      </c>
      <c r="H36" s="184">
        <v>1</v>
      </c>
      <c r="I36" s="184">
        <v>0</v>
      </c>
      <c r="J36" s="182">
        <v>0</v>
      </c>
      <c r="K36" s="185">
        <v>1</v>
      </c>
      <c r="L36" s="186">
        <v>1</v>
      </c>
      <c r="M36" s="181">
        <v>0</v>
      </c>
      <c r="N36" s="182">
        <v>0</v>
      </c>
      <c r="O36" s="185">
        <v>0</v>
      </c>
      <c r="P36" s="188">
        <v>0</v>
      </c>
      <c r="Q36" s="184">
        <v>0</v>
      </c>
      <c r="R36" s="184">
        <v>1</v>
      </c>
      <c r="S36" s="184">
        <v>0</v>
      </c>
      <c r="T36" s="182">
        <v>0</v>
      </c>
      <c r="U36" s="185">
        <v>1</v>
      </c>
      <c r="V36" s="189">
        <v>1</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3</v>
      </c>
      <c r="K37" s="185">
        <v>4</v>
      </c>
      <c r="L37" s="186">
        <v>4</v>
      </c>
      <c r="M37" s="181">
        <v>0</v>
      </c>
      <c r="N37" s="182">
        <v>0</v>
      </c>
      <c r="O37" s="185">
        <v>0</v>
      </c>
      <c r="P37" s="188">
        <v>1</v>
      </c>
      <c r="Q37" s="184">
        <v>0</v>
      </c>
      <c r="R37" s="184">
        <v>3</v>
      </c>
      <c r="S37" s="184">
        <v>0</v>
      </c>
      <c r="T37" s="182">
        <v>0</v>
      </c>
      <c r="U37" s="185">
        <v>4</v>
      </c>
      <c r="V37" s="189">
        <v>4</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0</v>
      </c>
      <c r="I38" s="184">
        <v>2</v>
      </c>
      <c r="J38" s="182">
        <v>4</v>
      </c>
      <c r="K38" s="185">
        <v>6</v>
      </c>
      <c r="L38" s="186">
        <v>6</v>
      </c>
      <c r="M38" s="181">
        <v>0</v>
      </c>
      <c r="N38" s="182">
        <v>0</v>
      </c>
      <c r="O38" s="185">
        <v>0</v>
      </c>
      <c r="P38" s="188">
        <v>0</v>
      </c>
      <c r="Q38" s="184">
        <v>0</v>
      </c>
      <c r="R38" s="184">
        <v>0</v>
      </c>
      <c r="S38" s="184">
        <v>1</v>
      </c>
      <c r="T38" s="182">
        <v>0</v>
      </c>
      <c r="U38" s="185">
        <v>1</v>
      </c>
      <c r="V38" s="189">
        <v>1</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1</v>
      </c>
      <c r="I39" s="193">
        <v>0</v>
      </c>
      <c r="J39" s="191">
        <v>0</v>
      </c>
      <c r="K39" s="194">
        <v>1</v>
      </c>
      <c r="L39" s="195">
        <v>1</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H1:I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11</v>
      </c>
      <c r="H1" s="583">
        <f>IF(G1&lt;3,G1-2+12,G1-2)</f>
        <v>9</v>
      </c>
      <c r="I1" s="583"/>
    </row>
    <row r="2" spans="2:43" ht="24" customHeight="1" thickBot="1" x14ac:dyDescent="0.25">
      <c r="B2" s="15" t="s">
        <v>158</v>
      </c>
      <c r="F2" s="15" t="s">
        <v>139</v>
      </c>
    </row>
    <row r="3" spans="2:43" ht="21" customHeight="1" x14ac:dyDescent="0.2">
      <c r="B3" s="549"/>
      <c r="C3" s="552" t="s">
        <v>57</v>
      </c>
      <c r="D3" s="553"/>
      <c r="E3" s="553"/>
      <c r="F3" s="553"/>
      <c r="G3" s="553"/>
      <c r="H3" s="553"/>
      <c r="I3" s="553"/>
      <c r="J3" s="553"/>
      <c r="K3" s="553"/>
      <c r="L3" s="553"/>
      <c r="M3" s="552" t="s">
        <v>58</v>
      </c>
      <c r="N3" s="555"/>
      <c r="O3" s="555"/>
      <c r="P3" s="555"/>
      <c r="Q3" s="555"/>
      <c r="R3" s="555"/>
      <c r="S3" s="555"/>
      <c r="T3" s="555"/>
      <c r="U3" s="555"/>
      <c r="V3" s="555"/>
      <c r="W3" s="552" t="s">
        <v>59</v>
      </c>
      <c r="X3" s="553"/>
      <c r="Y3" s="553"/>
      <c r="Z3" s="553"/>
      <c r="AA3" s="553"/>
      <c r="AB3" s="553"/>
      <c r="AC3" s="553"/>
      <c r="AD3" s="553"/>
      <c r="AE3" s="553"/>
      <c r="AF3" s="553"/>
      <c r="AG3" s="581" t="s">
        <v>150</v>
      </c>
      <c r="AH3" s="553"/>
      <c r="AI3" s="553"/>
      <c r="AJ3" s="553"/>
      <c r="AK3" s="553"/>
      <c r="AL3" s="553"/>
      <c r="AM3" s="553"/>
      <c r="AN3" s="553"/>
      <c r="AO3" s="553"/>
      <c r="AP3" s="554"/>
    </row>
    <row r="4" spans="2:43" ht="21" customHeight="1" x14ac:dyDescent="0.2">
      <c r="B4" s="551"/>
      <c r="C4" s="557" t="s">
        <v>61</v>
      </c>
      <c r="D4" s="558"/>
      <c r="E4" s="559"/>
      <c r="F4" s="560" t="s">
        <v>62</v>
      </c>
      <c r="G4" s="561"/>
      <c r="H4" s="561"/>
      <c r="I4" s="561"/>
      <c r="J4" s="561"/>
      <c r="K4" s="562"/>
      <c r="L4" s="573" t="s">
        <v>52</v>
      </c>
      <c r="M4" s="557" t="s">
        <v>61</v>
      </c>
      <c r="N4" s="558"/>
      <c r="O4" s="559"/>
      <c r="P4" s="560" t="s">
        <v>62</v>
      </c>
      <c r="Q4" s="561"/>
      <c r="R4" s="561"/>
      <c r="S4" s="561"/>
      <c r="T4" s="561"/>
      <c r="U4" s="562"/>
      <c r="V4" s="563" t="s">
        <v>52</v>
      </c>
      <c r="W4" s="557" t="s">
        <v>61</v>
      </c>
      <c r="X4" s="558"/>
      <c r="Y4" s="559"/>
      <c r="Z4" s="560" t="s">
        <v>62</v>
      </c>
      <c r="AA4" s="561"/>
      <c r="AB4" s="561"/>
      <c r="AC4" s="561"/>
      <c r="AD4" s="561"/>
      <c r="AE4" s="562"/>
      <c r="AF4" s="573" t="s">
        <v>52</v>
      </c>
      <c r="AG4" s="557" t="s">
        <v>61</v>
      </c>
      <c r="AH4" s="558"/>
      <c r="AI4" s="559"/>
      <c r="AJ4" s="560" t="s">
        <v>62</v>
      </c>
      <c r="AK4" s="561"/>
      <c r="AL4" s="561"/>
      <c r="AM4" s="561"/>
      <c r="AN4" s="561"/>
      <c r="AO4" s="562"/>
      <c r="AP4" s="563" t="s">
        <v>52</v>
      </c>
    </row>
    <row r="5" spans="2:43" ht="30" customHeight="1" thickBot="1" x14ac:dyDescent="0.25">
      <c r="B5" s="338" t="s">
        <v>42</v>
      </c>
      <c r="C5" s="26" t="s">
        <v>43</v>
      </c>
      <c r="D5" s="27" t="s">
        <v>44</v>
      </c>
      <c r="E5" s="27" t="s">
        <v>45</v>
      </c>
      <c r="F5" s="28" t="s">
        <v>47</v>
      </c>
      <c r="G5" s="29" t="s">
        <v>48</v>
      </c>
      <c r="H5" s="29" t="s">
        <v>49</v>
      </c>
      <c r="I5" s="30" t="s">
        <v>50</v>
      </c>
      <c r="J5" s="27" t="s">
        <v>51</v>
      </c>
      <c r="K5" s="31" t="s">
        <v>95</v>
      </c>
      <c r="L5" s="572"/>
      <c r="M5" s="26" t="s">
        <v>43</v>
      </c>
      <c r="N5" s="27" t="s">
        <v>44</v>
      </c>
      <c r="O5" s="31" t="s">
        <v>45</v>
      </c>
      <c r="P5" s="12" t="s">
        <v>47</v>
      </c>
      <c r="Q5" s="29" t="s">
        <v>48</v>
      </c>
      <c r="R5" s="29" t="s">
        <v>49</v>
      </c>
      <c r="S5" s="30" t="s">
        <v>50</v>
      </c>
      <c r="T5" s="27" t="s">
        <v>51</v>
      </c>
      <c r="U5" s="31" t="s">
        <v>45</v>
      </c>
      <c r="V5" s="564"/>
      <c r="W5" s="26" t="s">
        <v>43</v>
      </c>
      <c r="X5" s="27" t="s">
        <v>44</v>
      </c>
      <c r="Y5" s="27" t="s">
        <v>45</v>
      </c>
      <c r="Z5" s="28" t="s">
        <v>47</v>
      </c>
      <c r="AA5" s="29" t="s">
        <v>48</v>
      </c>
      <c r="AB5" s="29" t="s">
        <v>49</v>
      </c>
      <c r="AC5" s="30" t="s">
        <v>50</v>
      </c>
      <c r="AD5" s="27" t="s">
        <v>51</v>
      </c>
      <c r="AE5" s="31" t="s">
        <v>45</v>
      </c>
      <c r="AF5" s="572"/>
      <c r="AG5" s="26" t="s">
        <v>43</v>
      </c>
      <c r="AH5" s="27" t="s">
        <v>44</v>
      </c>
      <c r="AI5" s="27" t="s">
        <v>45</v>
      </c>
      <c r="AJ5" s="28" t="s">
        <v>47</v>
      </c>
      <c r="AK5" s="29" t="s">
        <v>48</v>
      </c>
      <c r="AL5" s="29" t="s">
        <v>49</v>
      </c>
      <c r="AM5" s="30" t="s">
        <v>50</v>
      </c>
      <c r="AN5" s="27" t="s">
        <v>51</v>
      </c>
      <c r="AO5" s="31" t="s">
        <v>45</v>
      </c>
      <c r="AP5" s="564"/>
    </row>
    <row r="6" spans="2:43" ht="21" customHeight="1" x14ac:dyDescent="0.2">
      <c r="B6" s="470" t="s">
        <v>4</v>
      </c>
      <c r="C6" s="172">
        <v>0</v>
      </c>
      <c r="D6" s="173">
        <v>0</v>
      </c>
      <c r="E6" s="173">
        <v>0</v>
      </c>
      <c r="F6" s="174">
        <v>10</v>
      </c>
      <c r="G6" s="175">
        <v>38</v>
      </c>
      <c r="H6" s="175">
        <v>280</v>
      </c>
      <c r="I6" s="175">
        <v>389</v>
      </c>
      <c r="J6" s="173">
        <v>275</v>
      </c>
      <c r="K6" s="176">
        <v>992</v>
      </c>
      <c r="L6" s="177">
        <v>992</v>
      </c>
      <c r="M6" s="172">
        <v>0</v>
      </c>
      <c r="N6" s="173">
        <v>0</v>
      </c>
      <c r="O6" s="176">
        <v>0</v>
      </c>
      <c r="P6" s="179">
        <v>50</v>
      </c>
      <c r="Q6" s="175">
        <v>134</v>
      </c>
      <c r="R6" s="175">
        <v>197</v>
      </c>
      <c r="S6" s="175">
        <v>248</v>
      </c>
      <c r="T6" s="173">
        <v>124</v>
      </c>
      <c r="U6" s="176">
        <v>753</v>
      </c>
      <c r="V6" s="180">
        <v>753</v>
      </c>
      <c r="W6" s="179">
        <v>0</v>
      </c>
      <c r="X6" s="173">
        <v>0</v>
      </c>
      <c r="Y6" s="173">
        <v>0</v>
      </c>
      <c r="Z6" s="174">
        <v>0</v>
      </c>
      <c r="AA6" s="175">
        <v>0</v>
      </c>
      <c r="AB6" s="175">
        <v>0</v>
      </c>
      <c r="AC6" s="175">
        <v>10</v>
      </c>
      <c r="AD6" s="173">
        <v>10</v>
      </c>
      <c r="AE6" s="176">
        <v>20</v>
      </c>
      <c r="AF6" s="177">
        <v>20</v>
      </c>
      <c r="AG6" s="172">
        <v>0</v>
      </c>
      <c r="AH6" s="173">
        <v>0</v>
      </c>
      <c r="AI6" s="173">
        <v>0</v>
      </c>
      <c r="AJ6" s="174">
        <v>0</v>
      </c>
      <c r="AK6" s="175">
        <v>1</v>
      </c>
      <c r="AL6" s="175">
        <v>1</v>
      </c>
      <c r="AM6" s="175">
        <v>13</v>
      </c>
      <c r="AN6" s="173">
        <v>25</v>
      </c>
      <c r="AO6" s="176">
        <v>40</v>
      </c>
      <c r="AP6" s="178">
        <v>40</v>
      </c>
      <c r="AQ6" s="32"/>
    </row>
    <row r="7" spans="2:43" ht="21" customHeight="1" x14ac:dyDescent="0.2">
      <c r="B7" s="471" t="s">
        <v>5</v>
      </c>
      <c r="C7" s="181">
        <v>0</v>
      </c>
      <c r="D7" s="182">
        <v>0</v>
      </c>
      <c r="E7" s="182">
        <v>0</v>
      </c>
      <c r="F7" s="183">
        <v>6</v>
      </c>
      <c r="G7" s="184">
        <v>26</v>
      </c>
      <c r="H7" s="184">
        <v>148</v>
      </c>
      <c r="I7" s="184">
        <v>161</v>
      </c>
      <c r="J7" s="182">
        <v>118</v>
      </c>
      <c r="K7" s="185">
        <v>459</v>
      </c>
      <c r="L7" s="186">
        <v>459</v>
      </c>
      <c r="M7" s="181">
        <v>0</v>
      </c>
      <c r="N7" s="182">
        <v>0</v>
      </c>
      <c r="O7" s="185">
        <v>0</v>
      </c>
      <c r="P7" s="188">
        <v>22</v>
      </c>
      <c r="Q7" s="184">
        <v>70</v>
      </c>
      <c r="R7" s="184">
        <v>94</v>
      </c>
      <c r="S7" s="184">
        <v>118</v>
      </c>
      <c r="T7" s="182">
        <v>61</v>
      </c>
      <c r="U7" s="185">
        <v>365</v>
      </c>
      <c r="V7" s="189">
        <v>365</v>
      </c>
      <c r="W7" s="188">
        <v>0</v>
      </c>
      <c r="X7" s="182">
        <v>0</v>
      </c>
      <c r="Y7" s="182">
        <v>0</v>
      </c>
      <c r="Z7" s="183">
        <v>0</v>
      </c>
      <c r="AA7" s="184">
        <v>0</v>
      </c>
      <c r="AB7" s="184">
        <v>0</v>
      </c>
      <c r="AC7" s="184">
        <v>4</v>
      </c>
      <c r="AD7" s="182">
        <v>4</v>
      </c>
      <c r="AE7" s="185">
        <v>8</v>
      </c>
      <c r="AF7" s="186">
        <v>8</v>
      </c>
      <c r="AG7" s="181">
        <v>0</v>
      </c>
      <c r="AH7" s="182">
        <v>0</v>
      </c>
      <c r="AI7" s="182">
        <v>0</v>
      </c>
      <c r="AJ7" s="183">
        <v>0</v>
      </c>
      <c r="AK7" s="184">
        <v>0</v>
      </c>
      <c r="AL7" s="184">
        <v>0</v>
      </c>
      <c r="AM7" s="184">
        <v>9</v>
      </c>
      <c r="AN7" s="182">
        <v>9</v>
      </c>
      <c r="AO7" s="185">
        <v>18</v>
      </c>
      <c r="AP7" s="187">
        <v>18</v>
      </c>
      <c r="AQ7" s="32"/>
    </row>
    <row r="8" spans="2:43" ht="21" customHeight="1" x14ac:dyDescent="0.2">
      <c r="B8" s="472" t="s">
        <v>6</v>
      </c>
      <c r="C8" s="181">
        <v>0</v>
      </c>
      <c r="D8" s="182">
        <v>0</v>
      </c>
      <c r="E8" s="182">
        <v>0</v>
      </c>
      <c r="F8" s="183">
        <v>2</v>
      </c>
      <c r="G8" s="184">
        <v>2</v>
      </c>
      <c r="H8" s="184">
        <v>37</v>
      </c>
      <c r="I8" s="184">
        <v>49</v>
      </c>
      <c r="J8" s="182">
        <v>39</v>
      </c>
      <c r="K8" s="185">
        <v>129</v>
      </c>
      <c r="L8" s="186">
        <v>129</v>
      </c>
      <c r="M8" s="181">
        <v>0</v>
      </c>
      <c r="N8" s="182">
        <v>0</v>
      </c>
      <c r="O8" s="185">
        <v>0</v>
      </c>
      <c r="P8" s="188">
        <v>8</v>
      </c>
      <c r="Q8" s="184">
        <v>11</v>
      </c>
      <c r="R8" s="184">
        <v>27</v>
      </c>
      <c r="S8" s="184">
        <v>44</v>
      </c>
      <c r="T8" s="182">
        <v>18</v>
      </c>
      <c r="U8" s="185">
        <v>108</v>
      </c>
      <c r="V8" s="189">
        <v>108</v>
      </c>
      <c r="W8" s="188">
        <v>0</v>
      </c>
      <c r="X8" s="182">
        <v>0</v>
      </c>
      <c r="Y8" s="182">
        <v>0</v>
      </c>
      <c r="Z8" s="183">
        <v>0</v>
      </c>
      <c r="AA8" s="184">
        <v>0</v>
      </c>
      <c r="AB8" s="184">
        <v>0</v>
      </c>
      <c r="AC8" s="184">
        <v>5</v>
      </c>
      <c r="AD8" s="182">
        <v>4</v>
      </c>
      <c r="AE8" s="185">
        <v>9</v>
      </c>
      <c r="AF8" s="186">
        <v>9</v>
      </c>
      <c r="AG8" s="181">
        <v>0</v>
      </c>
      <c r="AH8" s="182">
        <v>0</v>
      </c>
      <c r="AI8" s="182">
        <v>0</v>
      </c>
      <c r="AJ8" s="183">
        <v>0</v>
      </c>
      <c r="AK8" s="184">
        <v>0</v>
      </c>
      <c r="AL8" s="184">
        <v>0</v>
      </c>
      <c r="AM8" s="184">
        <v>1</v>
      </c>
      <c r="AN8" s="182">
        <v>5</v>
      </c>
      <c r="AO8" s="185">
        <v>6</v>
      </c>
      <c r="AP8" s="187">
        <v>6</v>
      </c>
      <c r="AQ8" s="32"/>
    </row>
    <row r="9" spans="2:43" ht="21" customHeight="1" x14ac:dyDescent="0.2">
      <c r="B9" s="472" t="s">
        <v>14</v>
      </c>
      <c r="C9" s="181">
        <v>0</v>
      </c>
      <c r="D9" s="182">
        <v>0</v>
      </c>
      <c r="E9" s="182">
        <v>0</v>
      </c>
      <c r="F9" s="183">
        <v>0</v>
      </c>
      <c r="G9" s="184">
        <v>0</v>
      </c>
      <c r="H9" s="184">
        <v>21</v>
      </c>
      <c r="I9" s="184">
        <v>34</v>
      </c>
      <c r="J9" s="182">
        <v>21</v>
      </c>
      <c r="K9" s="185">
        <v>76</v>
      </c>
      <c r="L9" s="186">
        <v>76</v>
      </c>
      <c r="M9" s="181">
        <v>0</v>
      </c>
      <c r="N9" s="182">
        <v>0</v>
      </c>
      <c r="O9" s="185">
        <v>0</v>
      </c>
      <c r="P9" s="188">
        <v>2</v>
      </c>
      <c r="Q9" s="184">
        <v>9</v>
      </c>
      <c r="R9" s="184">
        <v>11</v>
      </c>
      <c r="S9" s="184">
        <v>15</v>
      </c>
      <c r="T9" s="182">
        <v>10</v>
      </c>
      <c r="U9" s="185">
        <v>47</v>
      </c>
      <c r="V9" s="189">
        <v>47</v>
      </c>
      <c r="W9" s="188">
        <v>0</v>
      </c>
      <c r="X9" s="182">
        <v>0</v>
      </c>
      <c r="Y9" s="182">
        <v>0</v>
      </c>
      <c r="Z9" s="183">
        <v>0</v>
      </c>
      <c r="AA9" s="184">
        <v>0</v>
      </c>
      <c r="AB9" s="184">
        <v>0</v>
      </c>
      <c r="AC9" s="184">
        <v>1</v>
      </c>
      <c r="AD9" s="182">
        <v>1</v>
      </c>
      <c r="AE9" s="185">
        <v>2</v>
      </c>
      <c r="AF9" s="186">
        <v>2</v>
      </c>
      <c r="AG9" s="181">
        <v>0</v>
      </c>
      <c r="AH9" s="182">
        <v>0</v>
      </c>
      <c r="AI9" s="182">
        <v>0</v>
      </c>
      <c r="AJ9" s="183">
        <v>0</v>
      </c>
      <c r="AK9" s="184">
        <v>0</v>
      </c>
      <c r="AL9" s="184">
        <v>1</v>
      </c>
      <c r="AM9" s="184">
        <v>1</v>
      </c>
      <c r="AN9" s="182">
        <v>3</v>
      </c>
      <c r="AO9" s="185">
        <v>5</v>
      </c>
      <c r="AP9" s="187">
        <v>5</v>
      </c>
      <c r="AQ9" s="32"/>
    </row>
    <row r="10" spans="2:43" ht="21" customHeight="1" x14ac:dyDescent="0.2">
      <c r="B10" s="472" t="s">
        <v>7</v>
      </c>
      <c r="C10" s="181">
        <v>0</v>
      </c>
      <c r="D10" s="182">
        <v>0</v>
      </c>
      <c r="E10" s="182">
        <v>0</v>
      </c>
      <c r="F10" s="183">
        <v>0</v>
      </c>
      <c r="G10" s="184">
        <v>1</v>
      </c>
      <c r="H10" s="184">
        <v>7</v>
      </c>
      <c r="I10" s="184">
        <v>17</v>
      </c>
      <c r="J10" s="182">
        <v>7</v>
      </c>
      <c r="K10" s="185">
        <v>32</v>
      </c>
      <c r="L10" s="186">
        <v>32</v>
      </c>
      <c r="M10" s="181">
        <v>0</v>
      </c>
      <c r="N10" s="182">
        <v>0</v>
      </c>
      <c r="O10" s="185">
        <v>0</v>
      </c>
      <c r="P10" s="188">
        <v>3</v>
      </c>
      <c r="Q10" s="184">
        <v>1</v>
      </c>
      <c r="R10" s="184">
        <v>5</v>
      </c>
      <c r="S10" s="184">
        <v>7</v>
      </c>
      <c r="T10" s="182">
        <v>0</v>
      </c>
      <c r="U10" s="185">
        <v>16</v>
      </c>
      <c r="V10" s="189">
        <v>16</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0</v>
      </c>
      <c r="AM10" s="184">
        <v>0</v>
      </c>
      <c r="AN10" s="182">
        <v>0</v>
      </c>
      <c r="AO10" s="185">
        <v>0</v>
      </c>
      <c r="AP10" s="187">
        <v>0</v>
      </c>
      <c r="AQ10" s="32"/>
    </row>
    <row r="11" spans="2:43" ht="21" customHeight="1" x14ac:dyDescent="0.2">
      <c r="B11" s="472" t="s">
        <v>8</v>
      </c>
      <c r="C11" s="181">
        <v>0</v>
      </c>
      <c r="D11" s="182">
        <v>0</v>
      </c>
      <c r="E11" s="182">
        <v>0</v>
      </c>
      <c r="F11" s="183">
        <v>0</v>
      </c>
      <c r="G11" s="184">
        <v>2</v>
      </c>
      <c r="H11" s="184">
        <v>4</v>
      </c>
      <c r="I11" s="184">
        <v>9</v>
      </c>
      <c r="J11" s="182">
        <v>5</v>
      </c>
      <c r="K11" s="185">
        <v>20</v>
      </c>
      <c r="L11" s="186">
        <v>20</v>
      </c>
      <c r="M11" s="181">
        <v>0</v>
      </c>
      <c r="N11" s="182">
        <v>0</v>
      </c>
      <c r="O11" s="185">
        <v>0</v>
      </c>
      <c r="P11" s="188">
        <v>3</v>
      </c>
      <c r="Q11" s="184">
        <v>2</v>
      </c>
      <c r="R11" s="184">
        <v>7</v>
      </c>
      <c r="S11" s="184">
        <v>6</v>
      </c>
      <c r="T11" s="182">
        <v>1</v>
      </c>
      <c r="U11" s="185">
        <v>19</v>
      </c>
      <c r="V11" s="189">
        <v>19</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1</v>
      </c>
      <c r="AL11" s="184">
        <v>0</v>
      </c>
      <c r="AM11" s="184">
        <v>0</v>
      </c>
      <c r="AN11" s="182">
        <v>0</v>
      </c>
      <c r="AO11" s="185">
        <v>1</v>
      </c>
      <c r="AP11" s="187">
        <v>1</v>
      </c>
      <c r="AQ11" s="32"/>
    </row>
    <row r="12" spans="2:43" ht="21" customHeight="1" x14ac:dyDescent="0.2">
      <c r="B12" s="472" t="s">
        <v>9</v>
      </c>
      <c r="C12" s="181">
        <v>0</v>
      </c>
      <c r="D12" s="182">
        <v>0</v>
      </c>
      <c r="E12" s="182">
        <v>0</v>
      </c>
      <c r="F12" s="183">
        <v>1</v>
      </c>
      <c r="G12" s="184">
        <v>0</v>
      </c>
      <c r="H12" s="184">
        <v>6</v>
      </c>
      <c r="I12" s="184">
        <v>15</v>
      </c>
      <c r="J12" s="182">
        <v>13</v>
      </c>
      <c r="K12" s="185">
        <v>35</v>
      </c>
      <c r="L12" s="186">
        <v>35</v>
      </c>
      <c r="M12" s="181">
        <v>0</v>
      </c>
      <c r="N12" s="182">
        <v>0</v>
      </c>
      <c r="O12" s="185">
        <v>0</v>
      </c>
      <c r="P12" s="188">
        <v>1</v>
      </c>
      <c r="Q12" s="184">
        <v>6</v>
      </c>
      <c r="R12" s="184">
        <v>8</v>
      </c>
      <c r="S12" s="184">
        <v>4</v>
      </c>
      <c r="T12" s="182">
        <v>8</v>
      </c>
      <c r="U12" s="185">
        <v>27</v>
      </c>
      <c r="V12" s="189">
        <v>27</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0</v>
      </c>
      <c r="AN12" s="182">
        <v>0</v>
      </c>
      <c r="AO12" s="185">
        <v>0</v>
      </c>
      <c r="AP12" s="187">
        <v>0</v>
      </c>
      <c r="AQ12" s="32"/>
    </row>
    <row r="13" spans="2:43" ht="21" customHeight="1" x14ac:dyDescent="0.2">
      <c r="B13" s="472" t="s">
        <v>10</v>
      </c>
      <c r="C13" s="181">
        <v>0</v>
      </c>
      <c r="D13" s="182">
        <v>0</v>
      </c>
      <c r="E13" s="182">
        <v>0</v>
      </c>
      <c r="F13" s="183">
        <v>0</v>
      </c>
      <c r="G13" s="184">
        <v>2</v>
      </c>
      <c r="H13" s="184">
        <v>13</v>
      </c>
      <c r="I13" s="184">
        <v>19</v>
      </c>
      <c r="J13" s="182">
        <v>21</v>
      </c>
      <c r="K13" s="185">
        <v>55</v>
      </c>
      <c r="L13" s="186">
        <v>55</v>
      </c>
      <c r="M13" s="181">
        <v>0</v>
      </c>
      <c r="N13" s="182">
        <v>0</v>
      </c>
      <c r="O13" s="185">
        <v>0</v>
      </c>
      <c r="P13" s="188">
        <v>1</v>
      </c>
      <c r="Q13" s="184">
        <v>2</v>
      </c>
      <c r="R13" s="184">
        <v>5</v>
      </c>
      <c r="S13" s="184">
        <v>6</v>
      </c>
      <c r="T13" s="182">
        <v>4</v>
      </c>
      <c r="U13" s="185">
        <v>18</v>
      </c>
      <c r="V13" s="189">
        <v>18</v>
      </c>
      <c r="W13" s="188">
        <v>0</v>
      </c>
      <c r="X13" s="182">
        <v>0</v>
      </c>
      <c r="Y13" s="182">
        <v>0</v>
      </c>
      <c r="Z13" s="183">
        <v>0</v>
      </c>
      <c r="AA13" s="184">
        <v>0</v>
      </c>
      <c r="AB13" s="184">
        <v>0</v>
      </c>
      <c r="AC13" s="184">
        <v>0</v>
      </c>
      <c r="AD13" s="182">
        <v>0</v>
      </c>
      <c r="AE13" s="185">
        <v>0</v>
      </c>
      <c r="AF13" s="186">
        <v>0</v>
      </c>
      <c r="AG13" s="181">
        <v>0</v>
      </c>
      <c r="AH13" s="182">
        <v>0</v>
      </c>
      <c r="AI13" s="182">
        <v>0</v>
      </c>
      <c r="AJ13" s="183">
        <v>0</v>
      </c>
      <c r="AK13" s="184">
        <v>0</v>
      </c>
      <c r="AL13" s="184">
        <v>0</v>
      </c>
      <c r="AM13" s="184">
        <v>0</v>
      </c>
      <c r="AN13" s="182">
        <v>1</v>
      </c>
      <c r="AO13" s="185">
        <v>1</v>
      </c>
      <c r="AP13" s="187">
        <v>1</v>
      </c>
      <c r="AQ13" s="32"/>
    </row>
    <row r="14" spans="2:43" ht="21" customHeight="1" x14ac:dyDescent="0.2">
      <c r="B14" s="472" t="s">
        <v>11</v>
      </c>
      <c r="C14" s="181">
        <v>0</v>
      </c>
      <c r="D14" s="182">
        <v>0</v>
      </c>
      <c r="E14" s="182">
        <v>0</v>
      </c>
      <c r="F14" s="183">
        <v>0</v>
      </c>
      <c r="G14" s="184">
        <v>0</v>
      </c>
      <c r="H14" s="184">
        <v>7</v>
      </c>
      <c r="I14" s="184">
        <v>9</v>
      </c>
      <c r="J14" s="182">
        <v>6</v>
      </c>
      <c r="K14" s="185">
        <v>22</v>
      </c>
      <c r="L14" s="186">
        <v>22</v>
      </c>
      <c r="M14" s="181">
        <v>0</v>
      </c>
      <c r="N14" s="182">
        <v>0</v>
      </c>
      <c r="O14" s="185">
        <v>0</v>
      </c>
      <c r="P14" s="188">
        <v>1</v>
      </c>
      <c r="Q14" s="184">
        <v>3</v>
      </c>
      <c r="R14" s="184">
        <v>8</v>
      </c>
      <c r="S14" s="184">
        <v>3</v>
      </c>
      <c r="T14" s="182">
        <v>0</v>
      </c>
      <c r="U14" s="185">
        <v>15</v>
      </c>
      <c r="V14" s="189">
        <v>15</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0</v>
      </c>
      <c r="AN14" s="182">
        <v>0</v>
      </c>
      <c r="AO14" s="185">
        <v>0</v>
      </c>
      <c r="AP14" s="187">
        <v>0</v>
      </c>
      <c r="AQ14" s="32"/>
    </row>
    <row r="15" spans="2:43" ht="21" customHeight="1" x14ac:dyDescent="0.2">
      <c r="B15" s="472" t="s">
        <v>12</v>
      </c>
      <c r="C15" s="181">
        <v>0</v>
      </c>
      <c r="D15" s="182">
        <v>0</v>
      </c>
      <c r="E15" s="182">
        <v>0</v>
      </c>
      <c r="F15" s="183">
        <v>0</v>
      </c>
      <c r="G15" s="184">
        <v>0</v>
      </c>
      <c r="H15" s="184">
        <v>1</v>
      </c>
      <c r="I15" s="184">
        <v>12</v>
      </c>
      <c r="J15" s="182">
        <v>4</v>
      </c>
      <c r="K15" s="185">
        <v>17</v>
      </c>
      <c r="L15" s="186">
        <v>17</v>
      </c>
      <c r="M15" s="181">
        <v>0</v>
      </c>
      <c r="N15" s="182">
        <v>0</v>
      </c>
      <c r="O15" s="185">
        <v>0</v>
      </c>
      <c r="P15" s="188">
        <v>1</v>
      </c>
      <c r="Q15" s="184">
        <v>6</v>
      </c>
      <c r="R15" s="184">
        <v>2</v>
      </c>
      <c r="S15" s="184">
        <v>7</v>
      </c>
      <c r="T15" s="182">
        <v>3</v>
      </c>
      <c r="U15" s="185">
        <v>19</v>
      </c>
      <c r="V15" s="189">
        <v>19</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0</v>
      </c>
      <c r="AO15" s="185">
        <v>1</v>
      </c>
      <c r="AP15" s="187">
        <v>1</v>
      </c>
      <c r="AQ15" s="32"/>
    </row>
    <row r="16" spans="2:43" ht="21" customHeight="1" x14ac:dyDescent="0.2">
      <c r="B16" s="472" t="s">
        <v>13</v>
      </c>
      <c r="C16" s="181">
        <v>0</v>
      </c>
      <c r="D16" s="182">
        <v>0</v>
      </c>
      <c r="E16" s="182">
        <v>0</v>
      </c>
      <c r="F16" s="183">
        <v>0</v>
      </c>
      <c r="G16" s="184">
        <v>0</v>
      </c>
      <c r="H16" s="184">
        <v>0</v>
      </c>
      <c r="I16" s="184">
        <v>4</v>
      </c>
      <c r="J16" s="182">
        <v>6</v>
      </c>
      <c r="K16" s="185">
        <v>10</v>
      </c>
      <c r="L16" s="186">
        <v>10</v>
      </c>
      <c r="M16" s="181">
        <v>0</v>
      </c>
      <c r="N16" s="182">
        <v>0</v>
      </c>
      <c r="O16" s="185">
        <v>0</v>
      </c>
      <c r="P16" s="188">
        <v>0</v>
      </c>
      <c r="Q16" s="184">
        <v>1</v>
      </c>
      <c r="R16" s="184">
        <v>1</v>
      </c>
      <c r="S16" s="184">
        <v>1</v>
      </c>
      <c r="T16" s="182">
        <v>2</v>
      </c>
      <c r="U16" s="185">
        <v>5</v>
      </c>
      <c r="V16" s="189">
        <v>5</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0</v>
      </c>
      <c r="I17" s="184">
        <v>0</v>
      </c>
      <c r="J17" s="182">
        <v>1</v>
      </c>
      <c r="K17" s="185">
        <v>1</v>
      </c>
      <c r="L17" s="186">
        <v>1</v>
      </c>
      <c r="M17" s="181">
        <v>0</v>
      </c>
      <c r="N17" s="182">
        <v>0</v>
      </c>
      <c r="O17" s="185">
        <v>0</v>
      </c>
      <c r="P17" s="188">
        <v>0</v>
      </c>
      <c r="Q17" s="184">
        <v>0</v>
      </c>
      <c r="R17" s="184">
        <v>2</v>
      </c>
      <c r="S17" s="184">
        <v>1</v>
      </c>
      <c r="T17" s="182">
        <v>0</v>
      </c>
      <c r="U17" s="185">
        <v>3</v>
      </c>
      <c r="V17" s="189">
        <v>3</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0</v>
      </c>
      <c r="H18" s="184">
        <v>7</v>
      </c>
      <c r="I18" s="184">
        <v>7</v>
      </c>
      <c r="J18" s="182">
        <v>3</v>
      </c>
      <c r="K18" s="185">
        <v>17</v>
      </c>
      <c r="L18" s="186">
        <v>17</v>
      </c>
      <c r="M18" s="181">
        <v>0</v>
      </c>
      <c r="N18" s="182">
        <v>0</v>
      </c>
      <c r="O18" s="185">
        <v>0</v>
      </c>
      <c r="P18" s="188">
        <v>0</v>
      </c>
      <c r="Q18" s="184">
        <v>2</v>
      </c>
      <c r="R18" s="184">
        <v>3</v>
      </c>
      <c r="S18" s="184">
        <v>4</v>
      </c>
      <c r="T18" s="182">
        <v>2</v>
      </c>
      <c r="U18" s="185">
        <v>11</v>
      </c>
      <c r="V18" s="189">
        <v>11</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0</v>
      </c>
      <c r="AO18" s="185">
        <v>0</v>
      </c>
      <c r="AP18" s="187">
        <v>0</v>
      </c>
      <c r="AQ18" s="32"/>
    </row>
    <row r="19" spans="2:43" ht="21" customHeight="1" x14ac:dyDescent="0.2">
      <c r="B19" s="472" t="s">
        <v>17</v>
      </c>
      <c r="C19" s="181">
        <v>0</v>
      </c>
      <c r="D19" s="182">
        <v>0</v>
      </c>
      <c r="E19" s="182">
        <v>0</v>
      </c>
      <c r="F19" s="183">
        <v>0</v>
      </c>
      <c r="G19" s="184">
        <v>2</v>
      </c>
      <c r="H19" s="184">
        <v>4</v>
      </c>
      <c r="I19" s="184">
        <v>6</v>
      </c>
      <c r="J19" s="182">
        <v>6</v>
      </c>
      <c r="K19" s="185">
        <v>18</v>
      </c>
      <c r="L19" s="186">
        <v>18</v>
      </c>
      <c r="M19" s="181">
        <v>0</v>
      </c>
      <c r="N19" s="182">
        <v>0</v>
      </c>
      <c r="O19" s="185">
        <v>0</v>
      </c>
      <c r="P19" s="188">
        <v>1</v>
      </c>
      <c r="Q19" s="184">
        <v>5</v>
      </c>
      <c r="R19" s="184">
        <v>8</v>
      </c>
      <c r="S19" s="184">
        <v>7</v>
      </c>
      <c r="T19" s="182">
        <v>3</v>
      </c>
      <c r="U19" s="185">
        <v>24</v>
      </c>
      <c r="V19" s="189">
        <v>24</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1</v>
      </c>
      <c r="AO19" s="185">
        <v>1</v>
      </c>
      <c r="AP19" s="187">
        <v>1</v>
      </c>
      <c r="AQ19" s="32"/>
    </row>
    <row r="20" spans="2:43" ht="21" customHeight="1" x14ac:dyDescent="0.2">
      <c r="B20" s="472" t="s">
        <v>18</v>
      </c>
      <c r="C20" s="181">
        <v>0</v>
      </c>
      <c r="D20" s="182">
        <v>0</v>
      </c>
      <c r="E20" s="182">
        <v>0</v>
      </c>
      <c r="F20" s="183">
        <v>1</v>
      </c>
      <c r="G20" s="184">
        <v>1</v>
      </c>
      <c r="H20" s="184">
        <v>6</v>
      </c>
      <c r="I20" s="184">
        <v>11</v>
      </c>
      <c r="J20" s="182">
        <v>7</v>
      </c>
      <c r="K20" s="185">
        <v>26</v>
      </c>
      <c r="L20" s="186">
        <v>26</v>
      </c>
      <c r="M20" s="181">
        <v>0</v>
      </c>
      <c r="N20" s="182">
        <v>0</v>
      </c>
      <c r="O20" s="185">
        <v>0</v>
      </c>
      <c r="P20" s="188">
        <v>2</v>
      </c>
      <c r="Q20" s="184">
        <v>1</v>
      </c>
      <c r="R20" s="184">
        <v>5</v>
      </c>
      <c r="S20" s="184">
        <v>7</v>
      </c>
      <c r="T20" s="182">
        <v>4</v>
      </c>
      <c r="U20" s="185">
        <v>19</v>
      </c>
      <c r="V20" s="189">
        <v>19</v>
      </c>
      <c r="W20" s="188">
        <v>0</v>
      </c>
      <c r="X20" s="182">
        <v>0</v>
      </c>
      <c r="Y20" s="182">
        <v>0</v>
      </c>
      <c r="Z20" s="183">
        <v>0</v>
      </c>
      <c r="AA20" s="184">
        <v>0</v>
      </c>
      <c r="AB20" s="184">
        <v>0</v>
      </c>
      <c r="AC20" s="184">
        <v>0</v>
      </c>
      <c r="AD20" s="182">
        <v>1</v>
      </c>
      <c r="AE20" s="185">
        <v>1</v>
      </c>
      <c r="AF20" s="186">
        <v>1</v>
      </c>
      <c r="AG20" s="181">
        <v>0</v>
      </c>
      <c r="AH20" s="182">
        <v>0</v>
      </c>
      <c r="AI20" s="182">
        <v>0</v>
      </c>
      <c r="AJ20" s="183">
        <v>0</v>
      </c>
      <c r="AK20" s="184">
        <v>0</v>
      </c>
      <c r="AL20" s="184">
        <v>0</v>
      </c>
      <c r="AM20" s="184">
        <v>0</v>
      </c>
      <c r="AN20" s="182">
        <v>0</v>
      </c>
      <c r="AO20" s="185">
        <v>0</v>
      </c>
      <c r="AP20" s="187">
        <v>0</v>
      </c>
      <c r="AQ20" s="32"/>
    </row>
    <row r="21" spans="2:43" ht="21" customHeight="1" x14ac:dyDescent="0.2">
      <c r="B21" s="472" t="s">
        <v>19</v>
      </c>
      <c r="C21" s="181">
        <v>0</v>
      </c>
      <c r="D21" s="182">
        <v>0</v>
      </c>
      <c r="E21" s="182">
        <v>0</v>
      </c>
      <c r="F21" s="183">
        <v>0</v>
      </c>
      <c r="G21" s="184">
        <v>0</v>
      </c>
      <c r="H21" s="184">
        <v>2</v>
      </c>
      <c r="I21" s="184">
        <v>2</v>
      </c>
      <c r="J21" s="182">
        <v>3</v>
      </c>
      <c r="K21" s="185">
        <v>7</v>
      </c>
      <c r="L21" s="186">
        <v>7</v>
      </c>
      <c r="M21" s="181">
        <v>0</v>
      </c>
      <c r="N21" s="182">
        <v>0</v>
      </c>
      <c r="O21" s="185">
        <v>0</v>
      </c>
      <c r="P21" s="188">
        <v>0</v>
      </c>
      <c r="Q21" s="184">
        <v>3</v>
      </c>
      <c r="R21" s="184">
        <v>2</v>
      </c>
      <c r="S21" s="184">
        <v>2</v>
      </c>
      <c r="T21" s="182">
        <v>1</v>
      </c>
      <c r="U21" s="185">
        <v>8</v>
      </c>
      <c r="V21" s="189">
        <v>8</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1</v>
      </c>
      <c r="AO21" s="185">
        <v>1</v>
      </c>
      <c r="AP21" s="187">
        <v>1</v>
      </c>
      <c r="AQ21" s="32"/>
    </row>
    <row r="22" spans="2:43" ht="21" customHeight="1" x14ac:dyDescent="0.2">
      <c r="B22" s="472" t="s">
        <v>20</v>
      </c>
      <c r="C22" s="181">
        <v>0</v>
      </c>
      <c r="D22" s="182">
        <v>0</v>
      </c>
      <c r="E22" s="182">
        <v>0</v>
      </c>
      <c r="F22" s="183">
        <v>0</v>
      </c>
      <c r="G22" s="184">
        <v>1</v>
      </c>
      <c r="H22" s="184">
        <v>1</v>
      </c>
      <c r="I22" s="184">
        <v>11</v>
      </c>
      <c r="J22" s="182">
        <v>7</v>
      </c>
      <c r="K22" s="185">
        <v>20</v>
      </c>
      <c r="L22" s="186">
        <v>20</v>
      </c>
      <c r="M22" s="181">
        <v>0</v>
      </c>
      <c r="N22" s="182">
        <v>0</v>
      </c>
      <c r="O22" s="185">
        <v>0</v>
      </c>
      <c r="P22" s="188">
        <v>2</v>
      </c>
      <c r="Q22" s="184">
        <v>1</v>
      </c>
      <c r="R22" s="184">
        <v>0</v>
      </c>
      <c r="S22" s="184">
        <v>6</v>
      </c>
      <c r="T22" s="182">
        <v>1</v>
      </c>
      <c r="U22" s="185">
        <v>10</v>
      </c>
      <c r="V22" s="189">
        <v>10</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3</v>
      </c>
      <c r="I23" s="184">
        <v>7</v>
      </c>
      <c r="J23" s="182">
        <v>3</v>
      </c>
      <c r="K23" s="185">
        <v>13</v>
      </c>
      <c r="L23" s="186">
        <v>13</v>
      </c>
      <c r="M23" s="181">
        <v>0</v>
      </c>
      <c r="N23" s="182">
        <v>0</v>
      </c>
      <c r="O23" s="185">
        <v>0</v>
      </c>
      <c r="P23" s="188">
        <v>0</v>
      </c>
      <c r="Q23" s="184">
        <v>3</v>
      </c>
      <c r="R23" s="184">
        <v>2</v>
      </c>
      <c r="S23" s="184">
        <v>0</v>
      </c>
      <c r="T23" s="182">
        <v>1</v>
      </c>
      <c r="U23" s="185">
        <v>6</v>
      </c>
      <c r="V23" s="189">
        <v>6</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1</v>
      </c>
      <c r="AO23" s="185">
        <v>1</v>
      </c>
      <c r="AP23" s="187">
        <v>1</v>
      </c>
      <c r="AQ23" s="32"/>
    </row>
    <row r="24" spans="2:43" ht="21" customHeight="1" x14ac:dyDescent="0.2">
      <c r="B24" s="472" t="s">
        <v>22</v>
      </c>
      <c r="C24" s="181">
        <v>0</v>
      </c>
      <c r="D24" s="182">
        <v>0</v>
      </c>
      <c r="E24" s="182">
        <v>0</v>
      </c>
      <c r="F24" s="183">
        <v>0</v>
      </c>
      <c r="G24" s="184">
        <v>1</v>
      </c>
      <c r="H24" s="184">
        <v>2</v>
      </c>
      <c r="I24" s="184">
        <v>2</v>
      </c>
      <c r="J24" s="182">
        <v>0</v>
      </c>
      <c r="K24" s="185">
        <v>5</v>
      </c>
      <c r="L24" s="186">
        <v>5</v>
      </c>
      <c r="M24" s="181">
        <v>0</v>
      </c>
      <c r="N24" s="182">
        <v>0</v>
      </c>
      <c r="O24" s="185">
        <v>0</v>
      </c>
      <c r="P24" s="188">
        <v>0</v>
      </c>
      <c r="Q24" s="184">
        <v>1</v>
      </c>
      <c r="R24" s="184">
        <v>3</v>
      </c>
      <c r="S24" s="184">
        <v>0</v>
      </c>
      <c r="T24" s="182">
        <v>0</v>
      </c>
      <c r="U24" s="185">
        <v>4</v>
      </c>
      <c r="V24" s="189">
        <v>4</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0</v>
      </c>
      <c r="AN24" s="182">
        <v>0</v>
      </c>
      <c r="AO24" s="185">
        <v>0</v>
      </c>
      <c r="AP24" s="187">
        <v>0</v>
      </c>
      <c r="AQ24" s="32"/>
    </row>
    <row r="25" spans="2:43" ht="21" customHeight="1" x14ac:dyDescent="0.2">
      <c r="B25" s="472" t="s">
        <v>23</v>
      </c>
      <c r="C25" s="181">
        <v>0</v>
      </c>
      <c r="D25" s="182">
        <v>0</v>
      </c>
      <c r="E25" s="182">
        <v>0</v>
      </c>
      <c r="F25" s="183">
        <v>0</v>
      </c>
      <c r="G25" s="184">
        <v>0</v>
      </c>
      <c r="H25" s="184">
        <v>2</v>
      </c>
      <c r="I25" s="184">
        <v>3</v>
      </c>
      <c r="J25" s="182">
        <v>0</v>
      </c>
      <c r="K25" s="185">
        <v>5</v>
      </c>
      <c r="L25" s="186">
        <v>5</v>
      </c>
      <c r="M25" s="181">
        <v>0</v>
      </c>
      <c r="N25" s="182">
        <v>0</v>
      </c>
      <c r="O25" s="185">
        <v>0</v>
      </c>
      <c r="P25" s="188">
        <v>0</v>
      </c>
      <c r="Q25" s="184">
        <v>0</v>
      </c>
      <c r="R25" s="184">
        <v>1</v>
      </c>
      <c r="S25" s="184">
        <v>0</v>
      </c>
      <c r="T25" s="182">
        <v>2</v>
      </c>
      <c r="U25" s="185">
        <v>3</v>
      </c>
      <c r="V25" s="189">
        <v>3</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1</v>
      </c>
      <c r="AO25" s="185">
        <v>1</v>
      </c>
      <c r="AP25" s="187">
        <v>1</v>
      </c>
      <c r="AQ25" s="32"/>
    </row>
    <row r="26" spans="2:43" ht="21" customHeight="1" x14ac:dyDescent="0.2">
      <c r="B26" s="472" t="s">
        <v>24</v>
      </c>
      <c r="C26" s="181">
        <v>0</v>
      </c>
      <c r="D26" s="182">
        <v>0</v>
      </c>
      <c r="E26" s="182">
        <v>0</v>
      </c>
      <c r="F26" s="183">
        <v>0</v>
      </c>
      <c r="G26" s="184">
        <v>0</v>
      </c>
      <c r="H26" s="184">
        <v>1</v>
      </c>
      <c r="I26" s="184">
        <v>4</v>
      </c>
      <c r="J26" s="182">
        <v>0</v>
      </c>
      <c r="K26" s="185">
        <v>5</v>
      </c>
      <c r="L26" s="186">
        <v>5</v>
      </c>
      <c r="M26" s="181">
        <v>0</v>
      </c>
      <c r="N26" s="182">
        <v>0</v>
      </c>
      <c r="O26" s="185">
        <v>0</v>
      </c>
      <c r="P26" s="188">
        <v>0</v>
      </c>
      <c r="Q26" s="184">
        <v>0</v>
      </c>
      <c r="R26" s="184">
        <v>0</v>
      </c>
      <c r="S26" s="184">
        <v>0</v>
      </c>
      <c r="T26" s="182">
        <v>0</v>
      </c>
      <c r="U26" s="185">
        <v>0</v>
      </c>
      <c r="V26" s="189">
        <v>0</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0</v>
      </c>
      <c r="H27" s="184">
        <v>2</v>
      </c>
      <c r="I27" s="184">
        <v>1</v>
      </c>
      <c r="J27" s="182">
        <v>2</v>
      </c>
      <c r="K27" s="185">
        <v>5</v>
      </c>
      <c r="L27" s="186">
        <v>5</v>
      </c>
      <c r="M27" s="181">
        <v>0</v>
      </c>
      <c r="N27" s="182">
        <v>0</v>
      </c>
      <c r="O27" s="185">
        <v>0</v>
      </c>
      <c r="P27" s="188">
        <v>2</v>
      </c>
      <c r="Q27" s="184">
        <v>3</v>
      </c>
      <c r="R27" s="184">
        <v>0</v>
      </c>
      <c r="S27" s="184">
        <v>2</v>
      </c>
      <c r="T27" s="182">
        <v>0</v>
      </c>
      <c r="U27" s="185">
        <v>7</v>
      </c>
      <c r="V27" s="189">
        <v>7</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72" t="s">
        <v>26</v>
      </c>
      <c r="C28" s="181">
        <v>0</v>
      </c>
      <c r="D28" s="182">
        <v>0</v>
      </c>
      <c r="E28" s="182">
        <v>0</v>
      </c>
      <c r="F28" s="183">
        <v>0</v>
      </c>
      <c r="G28" s="184">
        <v>0</v>
      </c>
      <c r="H28" s="184">
        <v>1</v>
      </c>
      <c r="I28" s="184">
        <v>0</v>
      </c>
      <c r="J28" s="182">
        <v>0</v>
      </c>
      <c r="K28" s="185">
        <v>1</v>
      </c>
      <c r="L28" s="186">
        <v>1</v>
      </c>
      <c r="M28" s="181">
        <v>0</v>
      </c>
      <c r="N28" s="182">
        <v>0</v>
      </c>
      <c r="O28" s="185">
        <v>0</v>
      </c>
      <c r="P28" s="188">
        <v>0</v>
      </c>
      <c r="Q28" s="184">
        <v>3</v>
      </c>
      <c r="R28" s="184">
        <v>0</v>
      </c>
      <c r="S28" s="184">
        <v>3</v>
      </c>
      <c r="T28" s="182">
        <v>0</v>
      </c>
      <c r="U28" s="185">
        <v>6</v>
      </c>
      <c r="V28" s="189">
        <v>6</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0</v>
      </c>
      <c r="H29" s="184">
        <v>1</v>
      </c>
      <c r="I29" s="184">
        <v>1</v>
      </c>
      <c r="J29" s="182">
        <v>1</v>
      </c>
      <c r="K29" s="185">
        <v>3</v>
      </c>
      <c r="L29" s="186">
        <v>3</v>
      </c>
      <c r="M29" s="181">
        <v>0</v>
      </c>
      <c r="N29" s="182">
        <v>0</v>
      </c>
      <c r="O29" s="185">
        <v>0</v>
      </c>
      <c r="P29" s="188">
        <v>1</v>
      </c>
      <c r="Q29" s="184">
        <v>0</v>
      </c>
      <c r="R29" s="184">
        <v>0</v>
      </c>
      <c r="S29" s="184">
        <v>0</v>
      </c>
      <c r="T29" s="182">
        <v>1</v>
      </c>
      <c r="U29" s="185">
        <v>2</v>
      </c>
      <c r="V29" s="189">
        <v>2</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72" t="s">
        <v>28</v>
      </c>
      <c r="C30" s="181">
        <v>0</v>
      </c>
      <c r="D30" s="182">
        <v>0</v>
      </c>
      <c r="E30" s="182">
        <v>0</v>
      </c>
      <c r="F30" s="183">
        <v>0</v>
      </c>
      <c r="G30" s="184">
        <v>0</v>
      </c>
      <c r="H30" s="184">
        <v>0</v>
      </c>
      <c r="I30" s="184">
        <v>0</v>
      </c>
      <c r="J30" s="182">
        <v>0</v>
      </c>
      <c r="K30" s="185">
        <v>0</v>
      </c>
      <c r="L30" s="186">
        <v>0</v>
      </c>
      <c r="M30" s="181">
        <v>0</v>
      </c>
      <c r="N30" s="182">
        <v>0</v>
      </c>
      <c r="O30" s="185">
        <v>0</v>
      </c>
      <c r="P30" s="188">
        <v>0</v>
      </c>
      <c r="Q30" s="184">
        <v>0</v>
      </c>
      <c r="R30" s="184">
        <v>0</v>
      </c>
      <c r="S30" s="184">
        <v>0</v>
      </c>
      <c r="T30" s="182">
        <v>0</v>
      </c>
      <c r="U30" s="185">
        <v>0</v>
      </c>
      <c r="V30" s="189">
        <v>0</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0</v>
      </c>
      <c r="S31" s="184">
        <v>1</v>
      </c>
      <c r="T31" s="182">
        <v>1</v>
      </c>
      <c r="U31" s="185">
        <v>2</v>
      </c>
      <c r="V31" s="189">
        <v>2</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1</v>
      </c>
      <c r="I32" s="184">
        <v>2</v>
      </c>
      <c r="J32" s="182">
        <v>0</v>
      </c>
      <c r="K32" s="185">
        <v>3</v>
      </c>
      <c r="L32" s="186">
        <v>3</v>
      </c>
      <c r="M32" s="181">
        <v>0</v>
      </c>
      <c r="N32" s="182">
        <v>0</v>
      </c>
      <c r="O32" s="185">
        <v>0</v>
      </c>
      <c r="P32" s="188">
        <v>0</v>
      </c>
      <c r="Q32" s="184">
        <v>0</v>
      </c>
      <c r="R32" s="184">
        <v>0</v>
      </c>
      <c r="S32" s="184">
        <v>0</v>
      </c>
      <c r="T32" s="182">
        <v>1</v>
      </c>
      <c r="U32" s="185">
        <v>1</v>
      </c>
      <c r="V32" s="189">
        <v>1</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0</v>
      </c>
      <c r="AN32" s="182">
        <v>0</v>
      </c>
      <c r="AO32" s="185">
        <v>0</v>
      </c>
      <c r="AP32" s="187">
        <v>0</v>
      </c>
      <c r="AQ32" s="32"/>
    </row>
    <row r="33" spans="2:43" ht="21" customHeight="1" x14ac:dyDescent="0.2">
      <c r="B33" s="472" t="s">
        <v>31</v>
      </c>
      <c r="C33" s="181">
        <v>0</v>
      </c>
      <c r="D33" s="182">
        <v>0</v>
      </c>
      <c r="E33" s="182">
        <v>0</v>
      </c>
      <c r="F33" s="183">
        <v>0</v>
      </c>
      <c r="G33" s="184">
        <v>0</v>
      </c>
      <c r="H33" s="184">
        <v>1</v>
      </c>
      <c r="I33" s="184">
        <v>0</v>
      </c>
      <c r="J33" s="182">
        <v>1</v>
      </c>
      <c r="K33" s="185">
        <v>2</v>
      </c>
      <c r="L33" s="186">
        <v>2</v>
      </c>
      <c r="M33" s="181">
        <v>0</v>
      </c>
      <c r="N33" s="182">
        <v>0</v>
      </c>
      <c r="O33" s="185">
        <v>0</v>
      </c>
      <c r="P33" s="188">
        <v>0</v>
      </c>
      <c r="Q33" s="184">
        <v>1</v>
      </c>
      <c r="R33" s="184">
        <v>1</v>
      </c>
      <c r="S33" s="184">
        <v>0</v>
      </c>
      <c r="T33" s="182">
        <v>0</v>
      </c>
      <c r="U33" s="185">
        <v>2</v>
      </c>
      <c r="V33" s="189">
        <v>2</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1</v>
      </c>
      <c r="I34" s="184">
        <v>0</v>
      </c>
      <c r="J34" s="182">
        <v>1</v>
      </c>
      <c r="K34" s="185">
        <v>2</v>
      </c>
      <c r="L34" s="186">
        <v>2</v>
      </c>
      <c r="M34" s="181">
        <v>0</v>
      </c>
      <c r="N34" s="182">
        <v>0</v>
      </c>
      <c r="O34" s="185">
        <v>0</v>
      </c>
      <c r="P34" s="188">
        <v>0</v>
      </c>
      <c r="Q34" s="184">
        <v>0</v>
      </c>
      <c r="R34" s="184">
        <v>0</v>
      </c>
      <c r="S34" s="184">
        <v>1</v>
      </c>
      <c r="T34" s="182">
        <v>0</v>
      </c>
      <c r="U34" s="185">
        <v>1</v>
      </c>
      <c r="V34" s="189">
        <v>1</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1</v>
      </c>
      <c r="S35" s="184">
        <v>1</v>
      </c>
      <c r="T35" s="182">
        <v>0</v>
      </c>
      <c r="U35" s="185">
        <v>2</v>
      </c>
      <c r="V35" s="189">
        <v>2</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0</v>
      </c>
      <c r="AL35" s="184">
        <v>0</v>
      </c>
      <c r="AM35" s="184">
        <v>1</v>
      </c>
      <c r="AN35" s="182">
        <v>3</v>
      </c>
      <c r="AO35" s="185">
        <v>4</v>
      </c>
      <c r="AP35" s="187">
        <v>4</v>
      </c>
      <c r="AQ35" s="32"/>
    </row>
    <row r="36" spans="2:43" ht="21" customHeight="1" x14ac:dyDescent="0.2">
      <c r="B36" s="472" t="s">
        <v>34</v>
      </c>
      <c r="C36" s="181">
        <v>0</v>
      </c>
      <c r="D36" s="182">
        <v>0</v>
      </c>
      <c r="E36" s="182">
        <v>0</v>
      </c>
      <c r="F36" s="183">
        <v>0</v>
      </c>
      <c r="G36" s="184">
        <v>0</v>
      </c>
      <c r="H36" s="184">
        <v>0</v>
      </c>
      <c r="I36" s="184">
        <v>0</v>
      </c>
      <c r="J36" s="182">
        <v>0</v>
      </c>
      <c r="K36" s="185">
        <v>0</v>
      </c>
      <c r="L36" s="186">
        <v>0</v>
      </c>
      <c r="M36" s="181">
        <v>0</v>
      </c>
      <c r="N36" s="182">
        <v>0</v>
      </c>
      <c r="O36" s="185">
        <v>0</v>
      </c>
      <c r="P36" s="188">
        <v>0</v>
      </c>
      <c r="Q36" s="184">
        <v>0</v>
      </c>
      <c r="R36" s="184">
        <v>0</v>
      </c>
      <c r="S36" s="184">
        <v>0</v>
      </c>
      <c r="T36" s="182">
        <v>0</v>
      </c>
      <c r="U36" s="185">
        <v>0</v>
      </c>
      <c r="V36" s="189">
        <v>0</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0</v>
      </c>
      <c r="K37" s="185">
        <v>1</v>
      </c>
      <c r="L37" s="186">
        <v>1</v>
      </c>
      <c r="M37" s="181">
        <v>0</v>
      </c>
      <c r="N37" s="182">
        <v>0</v>
      </c>
      <c r="O37" s="185">
        <v>0</v>
      </c>
      <c r="P37" s="188">
        <v>0</v>
      </c>
      <c r="Q37" s="184">
        <v>0</v>
      </c>
      <c r="R37" s="184">
        <v>0</v>
      </c>
      <c r="S37" s="184">
        <v>0</v>
      </c>
      <c r="T37" s="182">
        <v>0</v>
      </c>
      <c r="U37" s="185">
        <v>0</v>
      </c>
      <c r="V37" s="189">
        <v>0</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1</v>
      </c>
      <c r="I38" s="184">
        <v>1</v>
      </c>
      <c r="J38" s="182">
        <v>0</v>
      </c>
      <c r="K38" s="185">
        <v>2</v>
      </c>
      <c r="L38" s="186">
        <v>2</v>
      </c>
      <c r="M38" s="181">
        <v>0</v>
      </c>
      <c r="N38" s="182">
        <v>0</v>
      </c>
      <c r="O38" s="185">
        <v>0</v>
      </c>
      <c r="P38" s="188">
        <v>0</v>
      </c>
      <c r="Q38" s="184">
        <v>0</v>
      </c>
      <c r="R38" s="184">
        <v>1</v>
      </c>
      <c r="S38" s="184">
        <v>2</v>
      </c>
      <c r="T38" s="182">
        <v>0</v>
      </c>
      <c r="U38" s="185">
        <v>3</v>
      </c>
      <c r="V38" s="189">
        <v>3</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0</v>
      </c>
      <c r="I39" s="193">
        <v>0</v>
      </c>
      <c r="J39" s="191">
        <v>0</v>
      </c>
      <c r="K39" s="194">
        <v>0</v>
      </c>
      <c r="L39" s="195">
        <v>0</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 ref="H1:I1"/>
    <mergeCell ref="AG4:AI4"/>
    <mergeCell ref="AJ4:AO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4" customWidth="1"/>
    <col min="83" max="83" width="7.77734375" style="34" customWidth="1"/>
    <col min="84" max="90" width="9" style="34"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4" customWidth="1"/>
    <col min="116" max="116" width="7.33203125" style="34" customWidth="1"/>
    <col min="117" max="121" width="8.88671875" style="34" customWidth="1"/>
    <col min="122" max="123" width="9.6640625" style="34"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4" customWidth="1"/>
    <col min="171" max="171" width="7.33203125" style="34" customWidth="1"/>
    <col min="172" max="176" width="8.88671875" style="34" customWidth="1"/>
    <col min="177" max="178" width="9.6640625" style="34"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15" t="s">
        <v>145</v>
      </c>
      <c r="E1" s="468">
        <f>第１表!F2</f>
        <v>5</v>
      </c>
      <c r="F1" s="477">
        <f>第１表!G2</f>
        <v>11</v>
      </c>
      <c r="G1" s="584">
        <f>IF(F1&lt;3,F1-2+12,F1-2)</f>
        <v>9</v>
      </c>
      <c r="H1" s="584"/>
      <c r="IB1" s="341"/>
      <c r="IC1" s="239"/>
      <c r="ID1" s="625"/>
      <c r="IE1" s="625"/>
    </row>
    <row r="2" spans="1:409" s="39" customFormat="1" ht="24" customHeight="1" x14ac:dyDescent="0.2">
      <c r="B2" s="15" t="s">
        <v>146</v>
      </c>
      <c r="E2" s="236"/>
      <c r="F2" s="237"/>
      <c r="G2" s="599"/>
      <c r="H2" s="599"/>
      <c r="CB2" s="302"/>
      <c r="CC2" s="302"/>
      <c r="CD2" s="302"/>
      <c r="CE2" s="302"/>
      <c r="CF2" s="302"/>
      <c r="CG2" s="302"/>
      <c r="CH2" s="302"/>
      <c r="CI2" s="302"/>
      <c r="CJ2" s="302"/>
      <c r="CK2" s="302"/>
      <c r="CL2" s="302"/>
      <c r="DI2" s="302"/>
      <c r="DJ2" s="302"/>
      <c r="DK2" s="302"/>
      <c r="DL2" s="302"/>
      <c r="DM2" s="302"/>
      <c r="DN2" s="302"/>
      <c r="DO2" s="302"/>
      <c r="DP2" s="302"/>
      <c r="DQ2" s="302"/>
      <c r="DR2" s="302"/>
      <c r="DS2" s="302"/>
      <c r="FL2" s="302"/>
      <c r="FM2" s="302"/>
      <c r="FN2" s="302"/>
      <c r="FO2" s="302"/>
      <c r="FP2" s="302"/>
      <c r="FQ2" s="302"/>
      <c r="FR2" s="302"/>
      <c r="FS2" s="302"/>
      <c r="FT2" s="302"/>
      <c r="FU2" s="302"/>
      <c r="FV2" s="302"/>
      <c r="HZ2" s="34"/>
      <c r="IA2" s="34"/>
      <c r="IB2" s="238"/>
      <c r="IC2" s="239"/>
      <c r="ID2" s="344"/>
      <c r="IE2" s="344"/>
      <c r="IF2" s="34"/>
      <c r="IG2" s="34"/>
      <c r="IH2" s="34"/>
      <c r="II2" s="34"/>
      <c r="IJ2" s="34"/>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4"/>
      <c r="KZ2" s="34"/>
      <c r="LA2" s="34"/>
      <c r="LB2" s="34"/>
      <c r="LC2" s="34"/>
      <c r="LD2" s="34"/>
      <c r="LE2" s="34"/>
      <c r="LF2" s="34"/>
      <c r="LG2" s="34"/>
      <c r="LH2" s="34"/>
      <c r="LI2" s="34"/>
      <c r="LJ2" s="34"/>
      <c r="LK2" s="34"/>
      <c r="LL2" s="34"/>
      <c r="LM2" s="34"/>
      <c r="LN2" s="34"/>
      <c r="LO2" s="34"/>
      <c r="LP2" s="34"/>
      <c r="LQ2" s="34"/>
      <c r="LR2" s="34"/>
      <c r="LS2" s="34"/>
      <c r="LT2" s="34"/>
      <c r="LU2" s="34"/>
      <c r="LV2" s="34"/>
      <c r="LW2" s="34"/>
      <c r="LX2" s="34"/>
      <c r="LY2" s="34"/>
      <c r="LZ2" s="34"/>
      <c r="MA2" s="34"/>
      <c r="MB2" s="34"/>
      <c r="MC2" s="34"/>
      <c r="MD2" s="34"/>
      <c r="ME2" s="34"/>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39" customFormat="1" ht="24" customHeight="1" thickBot="1" x14ac:dyDescent="0.25">
      <c r="B3" s="15" t="s">
        <v>147</v>
      </c>
      <c r="CB3" s="302"/>
      <c r="CC3" s="302"/>
      <c r="CD3" s="302"/>
      <c r="CE3" s="302"/>
      <c r="CF3" s="302"/>
      <c r="CG3" s="302"/>
      <c r="CH3" s="302"/>
      <c r="CI3" s="302"/>
      <c r="CJ3" s="302"/>
      <c r="CK3" s="302"/>
      <c r="CL3" s="302"/>
      <c r="DI3" s="302"/>
      <c r="DJ3" s="302"/>
      <c r="DK3" s="302"/>
      <c r="DL3" s="302"/>
      <c r="DM3" s="302"/>
      <c r="DN3" s="302"/>
      <c r="DO3" s="302"/>
      <c r="DP3" s="302"/>
      <c r="DQ3" s="302"/>
      <c r="DR3" s="302"/>
      <c r="DS3" s="302"/>
      <c r="FL3" s="302"/>
      <c r="FM3" s="302"/>
      <c r="FN3" s="302"/>
      <c r="FO3" s="302"/>
      <c r="FP3" s="302"/>
      <c r="FQ3" s="302"/>
      <c r="FR3" s="302"/>
      <c r="FS3" s="302"/>
      <c r="FT3" s="302"/>
      <c r="FU3" s="302"/>
      <c r="FV3" s="302"/>
      <c r="HZ3" s="34"/>
      <c r="IA3" s="34"/>
      <c r="IB3" s="34"/>
      <c r="IC3" s="34"/>
      <c r="ID3" s="34"/>
      <c r="IE3" s="34"/>
      <c r="IF3" s="34"/>
      <c r="IG3" s="34"/>
      <c r="IH3" s="34"/>
      <c r="II3" s="34"/>
      <c r="IJ3" s="34"/>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4"/>
      <c r="KZ3" s="34"/>
      <c r="LA3" s="34"/>
      <c r="LB3" s="34"/>
      <c r="LC3" s="34"/>
      <c r="LD3" s="34"/>
      <c r="LE3" s="34"/>
      <c r="LF3" s="34"/>
      <c r="LG3" s="34"/>
      <c r="LH3" s="34"/>
      <c r="LI3" s="34"/>
      <c r="LJ3" s="34"/>
      <c r="LK3" s="34"/>
      <c r="LL3" s="34"/>
      <c r="LM3" s="34"/>
      <c r="LN3" s="34"/>
      <c r="LO3" s="34"/>
      <c r="LP3" s="34"/>
      <c r="LQ3" s="34"/>
      <c r="LR3" s="34"/>
      <c r="LS3" s="34"/>
      <c r="LT3" s="34"/>
      <c r="LU3" s="34"/>
      <c r="LV3" s="34"/>
      <c r="LW3" s="34"/>
      <c r="LX3" s="34"/>
      <c r="LY3" s="34"/>
      <c r="LZ3" s="34"/>
      <c r="MA3" s="34"/>
      <c r="MB3" s="34"/>
      <c r="MC3" s="34"/>
      <c r="MD3" s="34"/>
      <c r="ME3" s="34"/>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04" t="s">
        <v>42</v>
      </c>
      <c r="C4" s="607" t="s">
        <v>63</v>
      </c>
      <c r="D4" s="607"/>
      <c r="E4" s="607"/>
      <c r="F4" s="607"/>
      <c r="G4" s="607"/>
      <c r="H4" s="607"/>
      <c r="I4" s="607"/>
      <c r="J4" s="607"/>
      <c r="K4" s="607"/>
      <c r="L4" s="607"/>
      <c r="M4" s="607"/>
      <c r="N4" s="553"/>
      <c r="O4" s="553"/>
      <c r="P4" s="553"/>
      <c r="Q4" s="553"/>
      <c r="R4" s="553"/>
      <c r="S4" s="553"/>
      <c r="T4" s="553"/>
      <c r="U4" s="553"/>
      <c r="V4" s="553"/>
      <c r="W4" s="553"/>
      <c r="X4" s="553"/>
      <c r="Y4" s="553"/>
      <c r="Z4" s="553"/>
      <c r="AA4" s="553"/>
      <c r="AB4" s="553"/>
      <c r="AC4" s="553"/>
      <c r="AD4" s="553"/>
      <c r="AE4" s="553"/>
      <c r="AF4" s="553"/>
      <c r="AG4" s="553"/>
      <c r="AH4" s="553"/>
      <c r="AI4" s="553"/>
      <c r="AJ4" s="553"/>
      <c r="AK4" s="553"/>
      <c r="AL4" s="553"/>
      <c r="AM4" s="553"/>
      <c r="AN4" s="553"/>
      <c r="AO4" s="553"/>
      <c r="AP4" s="553"/>
      <c r="AQ4" s="553"/>
      <c r="AR4" s="553"/>
      <c r="AS4" s="553"/>
      <c r="AT4" s="553"/>
      <c r="AU4" s="553"/>
      <c r="AV4" s="553"/>
      <c r="AW4" s="553"/>
      <c r="AX4" s="553"/>
      <c r="AY4" s="553"/>
      <c r="AZ4" s="553"/>
      <c r="BA4" s="553"/>
      <c r="BB4" s="553"/>
      <c r="BC4" s="553"/>
      <c r="BD4" s="553"/>
      <c r="BE4" s="553"/>
      <c r="BF4" s="553"/>
      <c r="BG4" s="553"/>
      <c r="BH4" s="553"/>
      <c r="BI4" s="553"/>
      <c r="BJ4" s="553"/>
      <c r="BK4" s="553"/>
      <c r="BL4" s="553"/>
      <c r="BM4" s="553"/>
      <c r="BN4" s="553"/>
      <c r="BO4" s="553"/>
      <c r="BP4" s="553"/>
      <c r="BQ4" s="553"/>
      <c r="BR4" s="553"/>
      <c r="BS4" s="553"/>
      <c r="BT4" s="553"/>
      <c r="BU4" s="553"/>
      <c r="BV4" s="553"/>
      <c r="BW4" s="553"/>
      <c r="BX4" s="553"/>
      <c r="BY4" s="553"/>
      <c r="BZ4" s="553"/>
      <c r="CA4" s="553"/>
      <c r="CB4" s="553"/>
      <c r="CC4" s="553"/>
      <c r="CD4" s="553"/>
      <c r="CE4" s="553"/>
      <c r="CF4" s="553"/>
      <c r="CG4" s="553"/>
      <c r="CH4" s="553"/>
      <c r="CI4" s="553"/>
      <c r="CJ4" s="553"/>
      <c r="CK4" s="553"/>
      <c r="CL4" s="553"/>
      <c r="CM4" s="553"/>
      <c r="CN4" s="553"/>
      <c r="CO4" s="553"/>
      <c r="CP4" s="553"/>
      <c r="CQ4" s="553"/>
      <c r="CR4" s="553"/>
      <c r="CS4" s="553"/>
      <c r="CT4" s="553"/>
      <c r="CU4" s="553"/>
      <c r="CV4" s="553"/>
      <c r="CW4" s="553"/>
      <c r="CX4" s="553"/>
      <c r="CY4" s="553"/>
      <c r="CZ4" s="553"/>
      <c r="DA4" s="553"/>
      <c r="DB4" s="553"/>
      <c r="DC4" s="553"/>
      <c r="DD4" s="553"/>
      <c r="DE4" s="553"/>
      <c r="DF4" s="553"/>
      <c r="DG4" s="553"/>
      <c r="DH4" s="553"/>
      <c r="DI4" s="553"/>
      <c r="DJ4" s="553"/>
      <c r="DK4" s="553"/>
      <c r="DL4" s="553"/>
      <c r="DM4" s="553"/>
      <c r="DN4" s="553"/>
      <c r="DO4" s="553"/>
      <c r="DP4" s="553"/>
      <c r="DQ4" s="553"/>
      <c r="DR4" s="553"/>
      <c r="DS4" s="553"/>
      <c r="DT4" s="553"/>
      <c r="DU4" s="553"/>
      <c r="DV4" s="553"/>
      <c r="DW4" s="553"/>
      <c r="DX4" s="553"/>
      <c r="DY4" s="553"/>
      <c r="DZ4" s="553"/>
      <c r="EA4" s="553"/>
      <c r="EB4" s="553"/>
      <c r="EC4" s="553"/>
      <c r="ED4" s="553"/>
      <c r="EE4" s="553"/>
      <c r="EF4" s="553"/>
      <c r="EG4" s="553"/>
      <c r="EH4" s="553"/>
      <c r="EI4" s="553"/>
      <c r="EJ4" s="553"/>
      <c r="EK4" s="553"/>
      <c r="EL4" s="553"/>
      <c r="EM4" s="553"/>
      <c r="EN4" s="553"/>
      <c r="EO4" s="553"/>
      <c r="EP4" s="553"/>
      <c r="EQ4" s="553"/>
      <c r="ER4" s="553"/>
      <c r="ES4" s="553"/>
      <c r="ET4" s="553"/>
      <c r="EU4" s="553"/>
      <c r="EV4" s="553"/>
      <c r="EW4" s="553"/>
      <c r="EX4" s="553"/>
      <c r="EY4" s="553"/>
      <c r="EZ4" s="553"/>
      <c r="FA4" s="553"/>
      <c r="FB4" s="553"/>
      <c r="FC4" s="553"/>
      <c r="FD4" s="553"/>
      <c r="FE4" s="553"/>
      <c r="FF4" s="553"/>
      <c r="FG4" s="553"/>
      <c r="FH4" s="553"/>
      <c r="FI4" s="553"/>
      <c r="FJ4" s="553"/>
      <c r="FK4" s="553"/>
      <c r="FL4" s="553"/>
      <c r="FM4" s="553"/>
      <c r="FN4" s="553"/>
      <c r="FO4" s="553"/>
      <c r="FP4" s="553"/>
      <c r="FQ4" s="553"/>
      <c r="FR4" s="553"/>
      <c r="FS4" s="553"/>
      <c r="FT4" s="553"/>
      <c r="FU4" s="553"/>
      <c r="FV4" s="553"/>
      <c r="FW4" s="553"/>
      <c r="FX4" s="553"/>
      <c r="FY4" s="553"/>
      <c r="FZ4" s="553"/>
      <c r="GA4" s="553"/>
      <c r="GB4" s="553"/>
      <c r="GC4" s="553"/>
      <c r="GD4" s="553"/>
      <c r="GE4" s="553"/>
      <c r="GF4" s="553"/>
      <c r="GG4" s="553"/>
      <c r="GH4" s="553"/>
      <c r="GI4" s="553"/>
      <c r="GJ4" s="553"/>
      <c r="GK4" s="553"/>
      <c r="GL4" s="553"/>
      <c r="GM4" s="553"/>
      <c r="GN4" s="553"/>
      <c r="GO4" s="553"/>
      <c r="GP4" s="553"/>
      <c r="GQ4" s="553"/>
      <c r="GR4" s="553"/>
      <c r="GS4" s="553"/>
      <c r="GT4" s="553"/>
      <c r="GU4" s="553"/>
      <c r="GV4" s="553"/>
      <c r="GW4" s="553"/>
      <c r="GX4" s="553"/>
      <c r="GY4" s="553"/>
      <c r="GZ4" s="553"/>
      <c r="HA4" s="553"/>
      <c r="HB4" s="553"/>
      <c r="HC4" s="553"/>
      <c r="HD4" s="553"/>
      <c r="HE4" s="553"/>
      <c r="HF4" s="553"/>
      <c r="HG4" s="553"/>
      <c r="HH4" s="553"/>
      <c r="HI4" s="553"/>
      <c r="HJ4" s="553"/>
      <c r="HK4" s="553"/>
      <c r="HL4" s="553"/>
      <c r="HM4" s="553"/>
      <c r="HN4" s="553"/>
      <c r="HO4" s="553"/>
      <c r="HP4" s="553"/>
      <c r="HQ4" s="553"/>
      <c r="HR4" s="553"/>
      <c r="HS4" s="553"/>
      <c r="HT4" s="553"/>
      <c r="HU4" s="553"/>
      <c r="HV4" s="553"/>
      <c r="HW4" s="553"/>
      <c r="HX4" s="553"/>
      <c r="HY4" s="554"/>
      <c r="HZ4" s="586" t="s">
        <v>85</v>
      </c>
      <c r="IA4" s="587"/>
      <c r="IB4" s="587"/>
      <c r="IC4" s="587"/>
      <c r="ID4" s="587"/>
      <c r="IE4" s="587"/>
      <c r="IF4" s="587"/>
      <c r="IG4" s="587"/>
      <c r="IH4" s="587"/>
      <c r="II4" s="587"/>
      <c r="IJ4" s="587"/>
      <c r="IK4" s="587"/>
      <c r="IL4" s="587"/>
      <c r="IM4" s="587"/>
      <c r="IN4" s="587"/>
      <c r="IO4" s="587"/>
      <c r="IP4" s="587"/>
      <c r="IQ4" s="587"/>
      <c r="IR4" s="587"/>
      <c r="IS4" s="587"/>
      <c r="IT4" s="587"/>
      <c r="IU4" s="587"/>
      <c r="IV4" s="587"/>
      <c r="IW4" s="587"/>
      <c r="IX4" s="587"/>
      <c r="IY4" s="587"/>
      <c r="IZ4" s="587"/>
      <c r="JA4" s="587"/>
      <c r="JB4" s="587"/>
      <c r="JC4" s="587"/>
      <c r="JD4" s="587"/>
      <c r="JE4" s="587"/>
      <c r="JF4" s="587"/>
      <c r="JG4" s="587"/>
      <c r="JH4" s="587"/>
      <c r="JI4" s="587"/>
      <c r="JJ4" s="587"/>
      <c r="JK4" s="587"/>
      <c r="JL4" s="587"/>
      <c r="JM4" s="587"/>
      <c r="JN4" s="587"/>
      <c r="JO4" s="587"/>
      <c r="JP4" s="587"/>
      <c r="JQ4" s="587"/>
      <c r="JR4" s="587"/>
      <c r="JS4" s="587"/>
      <c r="JT4" s="587"/>
      <c r="JU4" s="587"/>
      <c r="JV4" s="587"/>
      <c r="JW4" s="587"/>
      <c r="JX4" s="587"/>
      <c r="JY4" s="587"/>
      <c r="JZ4" s="587"/>
      <c r="KA4" s="587"/>
      <c r="KB4" s="587"/>
      <c r="KC4" s="587"/>
      <c r="KD4" s="587"/>
      <c r="KE4" s="587"/>
      <c r="KF4" s="587"/>
      <c r="KG4" s="587"/>
      <c r="KH4" s="587"/>
      <c r="KI4" s="587"/>
      <c r="KJ4" s="587"/>
      <c r="KK4" s="587"/>
      <c r="KL4" s="587"/>
      <c r="KM4" s="587"/>
      <c r="KN4" s="587"/>
      <c r="KO4" s="587"/>
      <c r="KP4" s="587"/>
      <c r="KQ4" s="587"/>
      <c r="KR4" s="587"/>
      <c r="KS4" s="587"/>
      <c r="KT4" s="587"/>
      <c r="KU4" s="587"/>
      <c r="KV4" s="587"/>
      <c r="KW4" s="587"/>
      <c r="KX4" s="587"/>
      <c r="KY4" s="587"/>
      <c r="KZ4" s="587"/>
      <c r="LA4" s="587"/>
      <c r="LB4" s="587"/>
      <c r="LC4" s="587"/>
      <c r="LD4" s="587"/>
      <c r="LE4" s="587"/>
      <c r="LF4" s="587"/>
      <c r="LG4" s="587"/>
      <c r="LH4" s="587"/>
      <c r="LI4" s="587"/>
      <c r="LJ4" s="587"/>
      <c r="LK4" s="587"/>
      <c r="LL4" s="587"/>
      <c r="LM4" s="587"/>
      <c r="LN4" s="587"/>
      <c r="LO4" s="587"/>
      <c r="LP4" s="587"/>
      <c r="LQ4" s="587"/>
      <c r="LR4" s="587"/>
      <c r="LS4" s="587"/>
      <c r="LT4" s="587"/>
      <c r="LU4" s="587"/>
      <c r="LV4" s="587"/>
      <c r="LW4" s="587"/>
      <c r="LX4" s="587"/>
      <c r="LY4" s="587"/>
      <c r="LZ4" s="587"/>
      <c r="MA4" s="587"/>
      <c r="MB4" s="587"/>
      <c r="MC4" s="587"/>
      <c r="MD4" s="587"/>
      <c r="ME4" s="588"/>
      <c r="MF4" s="586" t="s">
        <v>86</v>
      </c>
      <c r="MG4" s="587"/>
      <c r="MH4" s="587"/>
      <c r="MI4" s="587"/>
      <c r="MJ4" s="587"/>
      <c r="MK4" s="587"/>
      <c r="ML4" s="587"/>
      <c r="MM4" s="587"/>
      <c r="MN4" s="587"/>
      <c r="MO4" s="587"/>
      <c r="MP4" s="587"/>
      <c r="MQ4" s="587"/>
      <c r="MR4" s="587"/>
      <c r="MS4" s="587"/>
      <c r="MT4" s="587"/>
      <c r="MU4" s="587"/>
      <c r="MV4" s="587"/>
      <c r="MW4" s="587"/>
      <c r="MX4" s="587"/>
      <c r="MY4" s="587"/>
      <c r="MZ4" s="587"/>
      <c r="NA4" s="587"/>
      <c r="NB4" s="587"/>
      <c r="NC4" s="587"/>
      <c r="ND4" s="587"/>
      <c r="NE4" s="587"/>
      <c r="NF4" s="587"/>
      <c r="NG4" s="587"/>
      <c r="NH4" s="587"/>
      <c r="NI4" s="587"/>
      <c r="NJ4" s="587"/>
      <c r="NK4" s="587"/>
      <c r="NL4" s="587"/>
      <c r="NM4" s="587"/>
      <c r="NN4" s="587"/>
      <c r="NO4" s="587"/>
      <c r="NP4" s="587"/>
      <c r="NQ4" s="587"/>
      <c r="NR4" s="587"/>
      <c r="NS4" s="587"/>
      <c r="NT4" s="587"/>
      <c r="NU4" s="587"/>
      <c r="NV4" s="587"/>
      <c r="NW4" s="587"/>
      <c r="NX4" s="587"/>
      <c r="NY4" s="587"/>
      <c r="NZ4" s="587"/>
      <c r="OA4" s="587"/>
      <c r="OB4" s="587"/>
      <c r="OC4" s="587"/>
      <c r="OD4" s="587"/>
      <c r="OE4" s="587"/>
      <c r="OF4" s="587"/>
      <c r="OG4" s="587"/>
      <c r="OH4" s="588"/>
      <c r="OI4" s="575" t="s">
        <v>60</v>
      </c>
      <c r="OJ4" s="480"/>
      <c r="OK4" s="480"/>
      <c r="OL4" s="480"/>
      <c r="OM4" s="480"/>
      <c r="ON4" s="480"/>
      <c r="OO4" s="480"/>
      <c r="OP4" s="480"/>
      <c r="OQ4" s="480"/>
      <c r="OR4" s="480"/>
      <c r="OS4" s="481"/>
    </row>
    <row r="5" spans="1:409" ht="21" customHeight="1" thickBot="1" x14ac:dyDescent="0.25">
      <c r="B5" s="605"/>
      <c r="C5" s="608"/>
      <c r="D5" s="608"/>
      <c r="E5" s="608"/>
      <c r="F5" s="608"/>
      <c r="G5" s="608"/>
      <c r="H5" s="608"/>
      <c r="I5" s="608"/>
      <c r="J5" s="608"/>
      <c r="K5" s="608"/>
      <c r="L5" s="608"/>
      <c r="M5" s="608"/>
      <c r="N5" s="610" t="s">
        <v>64</v>
      </c>
      <c r="O5" s="611"/>
      <c r="P5" s="611"/>
      <c r="Q5" s="611"/>
      <c r="R5" s="611"/>
      <c r="S5" s="611"/>
      <c r="T5" s="611"/>
      <c r="U5" s="611"/>
      <c r="V5" s="611"/>
      <c r="W5" s="611"/>
      <c r="X5" s="611"/>
      <c r="Y5" s="611"/>
      <c r="Z5" s="611"/>
      <c r="AA5" s="611"/>
      <c r="AB5" s="611"/>
      <c r="AC5" s="611"/>
      <c r="AD5" s="611"/>
      <c r="AE5" s="611"/>
      <c r="AF5" s="611"/>
      <c r="AG5" s="611"/>
      <c r="AH5" s="611"/>
      <c r="AI5" s="611"/>
      <c r="AJ5" s="611"/>
      <c r="AK5" s="611"/>
      <c r="AL5" s="611"/>
      <c r="AM5" s="611"/>
      <c r="AN5" s="611"/>
      <c r="AO5" s="611"/>
      <c r="AP5" s="611"/>
      <c r="AQ5" s="611"/>
      <c r="AR5" s="611"/>
      <c r="AS5" s="611"/>
      <c r="AT5" s="611"/>
      <c r="AU5" s="611"/>
      <c r="AV5" s="611"/>
      <c r="AW5" s="611"/>
      <c r="AX5" s="611"/>
      <c r="AY5" s="611"/>
      <c r="AZ5" s="611"/>
      <c r="BA5" s="611"/>
      <c r="BB5" s="611"/>
      <c r="BC5" s="611"/>
      <c r="BD5" s="611"/>
      <c r="BE5" s="611"/>
      <c r="BF5" s="611"/>
      <c r="BG5" s="611"/>
      <c r="BH5" s="611"/>
      <c r="BI5" s="611"/>
      <c r="BJ5" s="611"/>
      <c r="BK5" s="611"/>
      <c r="BL5" s="611"/>
      <c r="BM5" s="611"/>
      <c r="BN5" s="611"/>
      <c r="BO5" s="611"/>
      <c r="BP5" s="611"/>
      <c r="BQ5" s="611"/>
      <c r="BR5" s="611"/>
      <c r="BS5" s="611"/>
      <c r="BT5" s="611"/>
      <c r="BU5" s="611"/>
      <c r="BV5" s="611"/>
      <c r="BW5" s="611"/>
      <c r="BX5" s="611"/>
      <c r="BY5" s="611"/>
      <c r="BZ5" s="611"/>
      <c r="CA5" s="612"/>
      <c r="CB5" s="610" t="s">
        <v>65</v>
      </c>
      <c r="CC5" s="611"/>
      <c r="CD5" s="611"/>
      <c r="CE5" s="611"/>
      <c r="CF5" s="611"/>
      <c r="CG5" s="611"/>
      <c r="CH5" s="611"/>
      <c r="CI5" s="611"/>
      <c r="CJ5" s="611"/>
      <c r="CK5" s="611"/>
      <c r="CL5" s="611"/>
      <c r="CM5" s="611"/>
      <c r="CN5" s="611"/>
      <c r="CO5" s="611"/>
      <c r="CP5" s="611"/>
      <c r="CQ5" s="611"/>
      <c r="CR5" s="611"/>
      <c r="CS5" s="611"/>
      <c r="CT5" s="611"/>
      <c r="CU5" s="611"/>
      <c r="CV5" s="611"/>
      <c r="CW5" s="611"/>
      <c r="CX5" s="611"/>
      <c r="CY5" s="611"/>
      <c r="CZ5" s="611"/>
      <c r="DA5" s="611"/>
      <c r="DB5" s="611"/>
      <c r="DC5" s="611"/>
      <c r="DD5" s="611"/>
      <c r="DE5" s="611"/>
      <c r="DF5" s="611"/>
      <c r="DG5" s="611"/>
      <c r="DH5" s="612"/>
      <c r="DI5" s="586" t="s">
        <v>66</v>
      </c>
      <c r="DJ5" s="587"/>
      <c r="DK5" s="587"/>
      <c r="DL5" s="587"/>
      <c r="DM5" s="587"/>
      <c r="DN5" s="587"/>
      <c r="DO5" s="587"/>
      <c r="DP5" s="587"/>
      <c r="DQ5" s="587"/>
      <c r="DR5" s="587"/>
      <c r="DS5" s="587"/>
      <c r="DT5" s="587"/>
      <c r="DU5" s="587"/>
      <c r="DV5" s="587"/>
      <c r="DW5" s="587"/>
      <c r="DX5" s="587"/>
      <c r="DY5" s="587"/>
      <c r="DZ5" s="587"/>
      <c r="EA5" s="587"/>
      <c r="EB5" s="587"/>
      <c r="EC5" s="587"/>
      <c r="ED5" s="587"/>
      <c r="EE5" s="587"/>
      <c r="EF5" s="587"/>
      <c r="EG5" s="587"/>
      <c r="EH5" s="587"/>
      <c r="EI5" s="587"/>
      <c r="EJ5" s="587"/>
      <c r="EK5" s="587"/>
      <c r="EL5" s="587"/>
      <c r="EM5" s="587"/>
      <c r="EN5" s="587"/>
      <c r="EO5" s="587"/>
      <c r="EP5" s="587"/>
      <c r="EQ5" s="587"/>
      <c r="ER5" s="587"/>
      <c r="ES5" s="587"/>
      <c r="ET5" s="587"/>
      <c r="EU5" s="587"/>
      <c r="EV5" s="587"/>
      <c r="EW5" s="587"/>
      <c r="EX5" s="587"/>
      <c r="EY5" s="587"/>
      <c r="EZ5" s="587"/>
      <c r="FA5" s="587"/>
      <c r="FB5" s="587"/>
      <c r="FC5" s="587"/>
      <c r="FD5" s="587"/>
      <c r="FE5" s="587"/>
      <c r="FF5" s="587"/>
      <c r="FG5" s="587"/>
      <c r="FH5" s="587"/>
      <c r="FI5" s="587"/>
      <c r="FJ5" s="587"/>
      <c r="FK5" s="588"/>
      <c r="FL5" s="610" t="s">
        <v>67</v>
      </c>
      <c r="FM5" s="611"/>
      <c r="FN5" s="611"/>
      <c r="FO5" s="611"/>
      <c r="FP5" s="611"/>
      <c r="FQ5" s="611"/>
      <c r="FR5" s="611"/>
      <c r="FS5" s="611"/>
      <c r="FT5" s="611"/>
      <c r="FU5" s="611"/>
      <c r="FV5" s="611"/>
      <c r="FW5" s="611"/>
      <c r="FX5" s="611"/>
      <c r="FY5" s="611"/>
      <c r="FZ5" s="611"/>
      <c r="GA5" s="611"/>
      <c r="GB5" s="611"/>
      <c r="GC5" s="611"/>
      <c r="GD5" s="611"/>
      <c r="GE5" s="611"/>
      <c r="GF5" s="611"/>
      <c r="GG5" s="611"/>
      <c r="GH5" s="611"/>
      <c r="GI5" s="611"/>
      <c r="GJ5" s="611"/>
      <c r="GK5" s="611"/>
      <c r="GL5" s="611"/>
      <c r="GM5" s="611"/>
      <c r="GN5" s="611"/>
      <c r="GO5" s="611"/>
      <c r="GP5" s="611"/>
      <c r="GQ5" s="611"/>
      <c r="GR5" s="611"/>
      <c r="GS5" s="611"/>
      <c r="GT5" s="611"/>
      <c r="GU5" s="611"/>
      <c r="GV5" s="611"/>
      <c r="GW5" s="611"/>
      <c r="GX5" s="611"/>
      <c r="GY5" s="611"/>
      <c r="GZ5" s="611"/>
      <c r="HA5" s="611"/>
      <c r="HB5" s="611"/>
      <c r="HC5" s="612"/>
      <c r="HD5" s="596" t="s">
        <v>68</v>
      </c>
      <c r="HE5" s="597"/>
      <c r="HF5" s="597"/>
      <c r="HG5" s="597"/>
      <c r="HH5" s="597"/>
      <c r="HI5" s="597"/>
      <c r="HJ5" s="597"/>
      <c r="HK5" s="597"/>
      <c r="HL5" s="597"/>
      <c r="HM5" s="597"/>
      <c r="HN5" s="598"/>
      <c r="HO5" s="596" t="s">
        <v>69</v>
      </c>
      <c r="HP5" s="597"/>
      <c r="HQ5" s="597"/>
      <c r="HR5" s="597"/>
      <c r="HS5" s="597"/>
      <c r="HT5" s="597"/>
      <c r="HU5" s="597"/>
      <c r="HV5" s="597"/>
      <c r="HW5" s="597"/>
      <c r="HX5" s="597"/>
      <c r="HY5" s="598"/>
      <c r="HZ5" s="637"/>
      <c r="IA5" s="638"/>
      <c r="IB5" s="638"/>
      <c r="IC5" s="638"/>
      <c r="ID5" s="638"/>
      <c r="IE5" s="638"/>
      <c r="IF5" s="638"/>
      <c r="IG5" s="638"/>
      <c r="IH5" s="638"/>
      <c r="II5" s="638"/>
      <c r="IJ5" s="639"/>
      <c r="IK5" s="575" t="s">
        <v>94</v>
      </c>
      <c r="IL5" s="480"/>
      <c r="IM5" s="480"/>
      <c r="IN5" s="480"/>
      <c r="IO5" s="480"/>
      <c r="IP5" s="480"/>
      <c r="IQ5" s="480"/>
      <c r="IR5" s="480"/>
      <c r="IS5" s="480"/>
      <c r="IT5" s="480"/>
      <c r="IU5" s="481"/>
      <c r="IV5" s="575" t="s">
        <v>88</v>
      </c>
      <c r="IW5" s="480"/>
      <c r="IX5" s="480"/>
      <c r="IY5" s="480"/>
      <c r="IZ5" s="480"/>
      <c r="JA5" s="480"/>
      <c r="JB5" s="480"/>
      <c r="JC5" s="480"/>
      <c r="JD5" s="480"/>
      <c r="JE5" s="480"/>
      <c r="JF5" s="481"/>
      <c r="JG5" s="640" t="s">
        <v>143</v>
      </c>
      <c r="JH5" s="641"/>
      <c r="JI5" s="641"/>
      <c r="JJ5" s="641"/>
      <c r="JK5" s="641"/>
      <c r="JL5" s="641"/>
      <c r="JM5" s="641"/>
      <c r="JN5" s="641"/>
      <c r="JO5" s="641"/>
      <c r="JP5" s="641"/>
      <c r="JQ5" s="642"/>
      <c r="JR5" s="575" t="s">
        <v>90</v>
      </c>
      <c r="JS5" s="480"/>
      <c r="JT5" s="480"/>
      <c r="JU5" s="480"/>
      <c r="JV5" s="480"/>
      <c r="JW5" s="480"/>
      <c r="JX5" s="480"/>
      <c r="JY5" s="480"/>
      <c r="JZ5" s="480"/>
      <c r="KA5" s="480"/>
      <c r="KB5" s="481"/>
      <c r="KC5" s="575" t="s">
        <v>89</v>
      </c>
      <c r="KD5" s="480"/>
      <c r="KE5" s="480"/>
      <c r="KF5" s="480"/>
      <c r="KG5" s="480"/>
      <c r="KH5" s="480"/>
      <c r="KI5" s="480"/>
      <c r="KJ5" s="480"/>
      <c r="KK5" s="480"/>
      <c r="KL5" s="480"/>
      <c r="KM5" s="481"/>
      <c r="KN5" s="575" t="s">
        <v>91</v>
      </c>
      <c r="KO5" s="480"/>
      <c r="KP5" s="480"/>
      <c r="KQ5" s="480"/>
      <c r="KR5" s="480"/>
      <c r="KS5" s="480"/>
      <c r="KT5" s="480"/>
      <c r="KU5" s="480"/>
      <c r="KV5" s="480"/>
      <c r="KW5" s="480"/>
      <c r="KX5" s="481"/>
      <c r="KY5" s="575" t="s">
        <v>92</v>
      </c>
      <c r="KZ5" s="480"/>
      <c r="LA5" s="480"/>
      <c r="LB5" s="480"/>
      <c r="LC5" s="480"/>
      <c r="LD5" s="480"/>
      <c r="LE5" s="480"/>
      <c r="LF5" s="480"/>
      <c r="LG5" s="480"/>
      <c r="LH5" s="480"/>
      <c r="LI5" s="481"/>
      <c r="LJ5" s="646" t="s">
        <v>93</v>
      </c>
      <c r="LK5" s="647"/>
      <c r="LL5" s="647"/>
      <c r="LM5" s="647"/>
      <c r="LN5" s="647"/>
      <c r="LO5" s="647"/>
      <c r="LP5" s="647"/>
      <c r="LQ5" s="647"/>
      <c r="LR5" s="647"/>
      <c r="LS5" s="647"/>
      <c r="LT5" s="648"/>
      <c r="LU5" s="649" t="s">
        <v>144</v>
      </c>
      <c r="LV5" s="650"/>
      <c r="LW5" s="650"/>
      <c r="LX5" s="650"/>
      <c r="LY5" s="650"/>
      <c r="LZ5" s="650"/>
      <c r="MA5" s="650"/>
      <c r="MB5" s="650"/>
      <c r="MC5" s="650"/>
      <c r="MD5" s="650"/>
      <c r="ME5" s="651"/>
      <c r="MF5" s="637"/>
      <c r="MG5" s="638"/>
      <c r="MH5" s="638"/>
      <c r="MI5" s="638"/>
      <c r="MJ5" s="638"/>
      <c r="MK5" s="638"/>
      <c r="ML5" s="638"/>
      <c r="MM5" s="638"/>
      <c r="MN5" s="638"/>
      <c r="MO5" s="638"/>
      <c r="MP5" s="639"/>
      <c r="MQ5" s="575" t="s">
        <v>57</v>
      </c>
      <c r="MR5" s="480"/>
      <c r="MS5" s="480"/>
      <c r="MT5" s="480"/>
      <c r="MU5" s="480"/>
      <c r="MV5" s="480"/>
      <c r="MW5" s="480"/>
      <c r="MX5" s="480"/>
      <c r="MY5" s="480"/>
      <c r="MZ5" s="480"/>
      <c r="NA5" s="481"/>
      <c r="NB5" s="575" t="s">
        <v>58</v>
      </c>
      <c r="NC5" s="480"/>
      <c r="ND5" s="480"/>
      <c r="NE5" s="480"/>
      <c r="NF5" s="480"/>
      <c r="NG5" s="480"/>
      <c r="NH5" s="480"/>
      <c r="NI5" s="480"/>
      <c r="NJ5" s="480"/>
      <c r="NK5" s="480"/>
      <c r="NL5" s="481"/>
      <c r="NM5" s="575" t="s">
        <v>59</v>
      </c>
      <c r="NN5" s="480"/>
      <c r="NO5" s="480"/>
      <c r="NP5" s="480"/>
      <c r="NQ5" s="480"/>
      <c r="NR5" s="480"/>
      <c r="NS5" s="480"/>
      <c r="NT5" s="480"/>
      <c r="NU5" s="480"/>
      <c r="NV5" s="480"/>
      <c r="NW5" s="481"/>
      <c r="NX5" s="627" t="s">
        <v>150</v>
      </c>
      <c r="NY5" s="628"/>
      <c r="NZ5" s="628"/>
      <c r="OA5" s="628"/>
      <c r="OB5" s="628"/>
      <c r="OC5" s="628"/>
      <c r="OD5" s="628"/>
      <c r="OE5" s="628"/>
      <c r="OF5" s="628"/>
      <c r="OG5" s="628"/>
      <c r="OH5" s="629"/>
      <c r="OI5" s="634"/>
      <c r="OJ5" s="635"/>
      <c r="OK5" s="635"/>
      <c r="OL5" s="635"/>
      <c r="OM5" s="635"/>
      <c r="ON5" s="635"/>
      <c r="OO5" s="635"/>
      <c r="OP5" s="635"/>
      <c r="OQ5" s="635"/>
      <c r="OR5" s="635"/>
      <c r="OS5" s="636"/>
    </row>
    <row r="6" spans="1:409" ht="21" customHeight="1" thickBot="1" x14ac:dyDescent="0.25">
      <c r="B6" s="605"/>
      <c r="C6" s="609"/>
      <c r="D6" s="609"/>
      <c r="E6" s="609"/>
      <c r="F6" s="609"/>
      <c r="G6" s="609"/>
      <c r="H6" s="609"/>
      <c r="I6" s="609"/>
      <c r="J6" s="609"/>
      <c r="K6" s="609"/>
      <c r="L6" s="609"/>
      <c r="M6" s="609"/>
      <c r="N6" s="576"/>
      <c r="O6" s="569"/>
      <c r="P6" s="569"/>
      <c r="Q6" s="569"/>
      <c r="R6" s="569"/>
      <c r="S6" s="569"/>
      <c r="T6" s="569"/>
      <c r="U6" s="569"/>
      <c r="V6" s="569"/>
      <c r="W6" s="569"/>
      <c r="X6" s="577"/>
      <c r="Y6" s="578" t="s">
        <v>70</v>
      </c>
      <c r="Z6" s="579"/>
      <c r="AA6" s="579"/>
      <c r="AB6" s="579"/>
      <c r="AC6" s="579"/>
      <c r="AD6" s="579"/>
      <c r="AE6" s="579"/>
      <c r="AF6" s="579"/>
      <c r="AG6" s="579"/>
      <c r="AH6" s="579"/>
      <c r="AI6" s="580"/>
      <c r="AJ6" s="596" t="s">
        <v>71</v>
      </c>
      <c r="AK6" s="597"/>
      <c r="AL6" s="597"/>
      <c r="AM6" s="597"/>
      <c r="AN6" s="597"/>
      <c r="AO6" s="597"/>
      <c r="AP6" s="597"/>
      <c r="AQ6" s="597"/>
      <c r="AR6" s="597"/>
      <c r="AS6" s="597"/>
      <c r="AT6" s="598"/>
      <c r="AU6" s="592" t="s">
        <v>72</v>
      </c>
      <c r="AV6" s="593"/>
      <c r="AW6" s="593"/>
      <c r="AX6" s="593"/>
      <c r="AY6" s="593"/>
      <c r="AZ6" s="593"/>
      <c r="BA6" s="593"/>
      <c r="BB6" s="593"/>
      <c r="BC6" s="593"/>
      <c r="BD6" s="593"/>
      <c r="BE6" s="594"/>
      <c r="BF6" s="592" t="s">
        <v>73</v>
      </c>
      <c r="BG6" s="593"/>
      <c r="BH6" s="593"/>
      <c r="BI6" s="593"/>
      <c r="BJ6" s="593"/>
      <c r="BK6" s="593"/>
      <c r="BL6" s="593"/>
      <c r="BM6" s="593"/>
      <c r="BN6" s="593"/>
      <c r="BO6" s="593"/>
      <c r="BP6" s="594"/>
      <c r="BQ6" s="592" t="s">
        <v>74</v>
      </c>
      <c r="BR6" s="593"/>
      <c r="BS6" s="593"/>
      <c r="BT6" s="593"/>
      <c r="BU6" s="593"/>
      <c r="BV6" s="593"/>
      <c r="BW6" s="593"/>
      <c r="BX6" s="593"/>
      <c r="BY6" s="593"/>
      <c r="BZ6" s="593"/>
      <c r="CA6" s="594"/>
      <c r="CB6" s="589"/>
      <c r="CC6" s="590"/>
      <c r="CD6" s="590"/>
      <c r="CE6" s="590"/>
      <c r="CF6" s="590"/>
      <c r="CG6" s="590"/>
      <c r="CH6" s="590"/>
      <c r="CI6" s="590"/>
      <c r="CJ6" s="590"/>
      <c r="CK6" s="590"/>
      <c r="CL6" s="591"/>
      <c r="CM6" s="592" t="s">
        <v>75</v>
      </c>
      <c r="CN6" s="593"/>
      <c r="CO6" s="593"/>
      <c r="CP6" s="593"/>
      <c r="CQ6" s="593"/>
      <c r="CR6" s="593"/>
      <c r="CS6" s="593"/>
      <c r="CT6" s="593"/>
      <c r="CU6" s="593"/>
      <c r="CV6" s="593"/>
      <c r="CW6" s="594"/>
      <c r="CX6" s="592" t="s">
        <v>76</v>
      </c>
      <c r="CY6" s="593"/>
      <c r="CZ6" s="593"/>
      <c r="DA6" s="593"/>
      <c r="DB6" s="593"/>
      <c r="DC6" s="593"/>
      <c r="DD6" s="593"/>
      <c r="DE6" s="593"/>
      <c r="DF6" s="593"/>
      <c r="DG6" s="593"/>
      <c r="DH6" s="594"/>
      <c r="DI6" s="589"/>
      <c r="DJ6" s="590"/>
      <c r="DK6" s="590"/>
      <c r="DL6" s="590"/>
      <c r="DM6" s="590"/>
      <c r="DN6" s="590"/>
      <c r="DO6" s="590"/>
      <c r="DP6" s="590"/>
      <c r="DQ6" s="590"/>
      <c r="DR6" s="590"/>
      <c r="DS6" s="590"/>
      <c r="DT6" s="592" t="s">
        <v>77</v>
      </c>
      <c r="DU6" s="593"/>
      <c r="DV6" s="593"/>
      <c r="DW6" s="593"/>
      <c r="DX6" s="593"/>
      <c r="DY6" s="593"/>
      <c r="DZ6" s="593"/>
      <c r="EA6" s="593"/>
      <c r="EB6" s="593"/>
      <c r="EC6" s="593"/>
      <c r="ED6" s="594"/>
      <c r="EE6" s="592" t="s">
        <v>78</v>
      </c>
      <c r="EF6" s="593"/>
      <c r="EG6" s="593"/>
      <c r="EH6" s="593"/>
      <c r="EI6" s="593"/>
      <c r="EJ6" s="593"/>
      <c r="EK6" s="593"/>
      <c r="EL6" s="593"/>
      <c r="EM6" s="593"/>
      <c r="EN6" s="593"/>
      <c r="EO6" s="594"/>
      <c r="EP6" s="592" t="s">
        <v>79</v>
      </c>
      <c r="EQ6" s="593"/>
      <c r="ER6" s="593"/>
      <c r="ES6" s="593"/>
      <c r="ET6" s="593"/>
      <c r="EU6" s="593"/>
      <c r="EV6" s="593"/>
      <c r="EW6" s="593"/>
      <c r="EX6" s="593"/>
      <c r="EY6" s="593"/>
      <c r="EZ6" s="594"/>
      <c r="FA6" s="595" t="s">
        <v>151</v>
      </c>
      <c r="FB6" s="593"/>
      <c r="FC6" s="593"/>
      <c r="FD6" s="593"/>
      <c r="FE6" s="593"/>
      <c r="FF6" s="593"/>
      <c r="FG6" s="593"/>
      <c r="FH6" s="593"/>
      <c r="FI6" s="593"/>
      <c r="FJ6" s="593"/>
      <c r="FK6" s="594"/>
      <c r="FL6" s="589"/>
      <c r="FM6" s="590"/>
      <c r="FN6" s="590"/>
      <c r="FO6" s="590"/>
      <c r="FP6" s="590"/>
      <c r="FQ6" s="590"/>
      <c r="FR6" s="590"/>
      <c r="FS6" s="590"/>
      <c r="FT6" s="590"/>
      <c r="FU6" s="590"/>
      <c r="FV6" s="590"/>
      <c r="FW6" s="592" t="s">
        <v>80</v>
      </c>
      <c r="FX6" s="593"/>
      <c r="FY6" s="593"/>
      <c r="FZ6" s="593"/>
      <c r="GA6" s="593"/>
      <c r="GB6" s="593"/>
      <c r="GC6" s="593"/>
      <c r="GD6" s="593"/>
      <c r="GE6" s="593"/>
      <c r="GF6" s="593"/>
      <c r="GG6" s="594"/>
      <c r="GH6" s="578" t="s">
        <v>81</v>
      </c>
      <c r="GI6" s="579"/>
      <c r="GJ6" s="579"/>
      <c r="GK6" s="579"/>
      <c r="GL6" s="579"/>
      <c r="GM6" s="579"/>
      <c r="GN6" s="579"/>
      <c r="GO6" s="579"/>
      <c r="GP6" s="579"/>
      <c r="GQ6" s="579"/>
      <c r="GR6" s="580"/>
      <c r="GS6" s="578" t="s">
        <v>82</v>
      </c>
      <c r="GT6" s="579"/>
      <c r="GU6" s="579"/>
      <c r="GV6" s="579"/>
      <c r="GW6" s="579"/>
      <c r="GX6" s="579"/>
      <c r="GY6" s="579"/>
      <c r="GZ6" s="579"/>
      <c r="HA6" s="579"/>
      <c r="HB6" s="579"/>
      <c r="HC6" s="580"/>
      <c r="HD6" s="613"/>
      <c r="HE6" s="614"/>
      <c r="HF6" s="614"/>
      <c r="HG6" s="614"/>
      <c r="HH6" s="614"/>
      <c r="HI6" s="614"/>
      <c r="HJ6" s="614"/>
      <c r="HK6" s="614"/>
      <c r="HL6" s="614"/>
      <c r="HM6" s="614"/>
      <c r="HN6" s="615"/>
      <c r="HO6" s="613"/>
      <c r="HP6" s="614"/>
      <c r="HQ6" s="614"/>
      <c r="HR6" s="614"/>
      <c r="HS6" s="614"/>
      <c r="HT6" s="614"/>
      <c r="HU6" s="614"/>
      <c r="HV6" s="614"/>
      <c r="HW6" s="614"/>
      <c r="HX6" s="614"/>
      <c r="HY6" s="615"/>
      <c r="HZ6" s="589"/>
      <c r="IA6" s="590"/>
      <c r="IB6" s="590"/>
      <c r="IC6" s="590"/>
      <c r="ID6" s="590"/>
      <c r="IE6" s="590"/>
      <c r="IF6" s="590"/>
      <c r="IG6" s="590"/>
      <c r="IH6" s="590"/>
      <c r="II6" s="590"/>
      <c r="IJ6" s="591"/>
      <c r="IK6" s="576"/>
      <c r="IL6" s="569"/>
      <c r="IM6" s="569"/>
      <c r="IN6" s="569"/>
      <c r="IO6" s="569"/>
      <c r="IP6" s="569"/>
      <c r="IQ6" s="569"/>
      <c r="IR6" s="569"/>
      <c r="IS6" s="569"/>
      <c r="IT6" s="569"/>
      <c r="IU6" s="577"/>
      <c r="IV6" s="576"/>
      <c r="IW6" s="569"/>
      <c r="IX6" s="569"/>
      <c r="IY6" s="569"/>
      <c r="IZ6" s="569"/>
      <c r="JA6" s="569"/>
      <c r="JB6" s="569"/>
      <c r="JC6" s="569"/>
      <c r="JD6" s="569"/>
      <c r="JE6" s="569"/>
      <c r="JF6" s="577"/>
      <c r="JG6" s="643"/>
      <c r="JH6" s="644"/>
      <c r="JI6" s="644"/>
      <c r="JJ6" s="644"/>
      <c r="JK6" s="644"/>
      <c r="JL6" s="644"/>
      <c r="JM6" s="644"/>
      <c r="JN6" s="644"/>
      <c r="JO6" s="644"/>
      <c r="JP6" s="644"/>
      <c r="JQ6" s="645"/>
      <c r="JR6" s="576"/>
      <c r="JS6" s="569"/>
      <c r="JT6" s="569"/>
      <c r="JU6" s="569"/>
      <c r="JV6" s="569"/>
      <c r="JW6" s="569"/>
      <c r="JX6" s="569"/>
      <c r="JY6" s="569"/>
      <c r="JZ6" s="569"/>
      <c r="KA6" s="569"/>
      <c r="KB6" s="577"/>
      <c r="KC6" s="576"/>
      <c r="KD6" s="569"/>
      <c r="KE6" s="569"/>
      <c r="KF6" s="569"/>
      <c r="KG6" s="569"/>
      <c r="KH6" s="569"/>
      <c r="KI6" s="569"/>
      <c r="KJ6" s="569"/>
      <c r="KK6" s="569"/>
      <c r="KL6" s="569"/>
      <c r="KM6" s="577"/>
      <c r="KN6" s="576"/>
      <c r="KO6" s="569"/>
      <c r="KP6" s="569"/>
      <c r="KQ6" s="569"/>
      <c r="KR6" s="569"/>
      <c r="KS6" s="569"/>
      <c r="KT6" s="569"/>
      <c r="KU6" s="569"/>
      <c r="KV6" s="569"/>
      <c r="KW6" s="569"/>
      <c r="KX6" s="577"/>
      <c r="KY6" s="576"/>
      <c r="KZ6" s="569"/>
      <c r="LA6" s="569"/>
      <c r="LB6" s="569"/>
      <c r="LC6" s="569"/>
      <c r="LD6" s="569"/>
      <c r="LE6" s="569"/>
      <c r="LF6" s="569"/>
      <c r="LG6" s="569"/>
      <c r="LH6" s="569"/>
      <c r="LI6" s="577"/>
      <c r="LJ6" s="589"/>
      <c r="LK6" s="590"/>
      <c r="LL6" s="590"/>
      <c r="LM6" s="590"/>
      <c r="LN6" s="590"/>
      <c r="LO6" s="590"/>
      <c r="LP6" s="590"/>
      <c r="LQ6" s="590"/>
      <c r="LR6" s="590"/>
      <c r="LS6" s="590"/>
      <c r="LT6" s="591"/>
      <c r="LU6" s="652"/>
      <c r="LV6" s="653"/>
      <c r="LW6" s="653"/>
      <c r="LX6" s="653"/>
      <c r="LY6" s="653"/>
      <c r="LZ6" s="653"/>
      <c r="MA6" s="653"/>
      <c r="MB6" s="653"/>
      <c r="MC6" s="653"/>
      <c r="MD6" s="653"/>
      <c r="ME6" s="654"/>
      <c r="MF6" s="589"/>
      <c r="MG6" s="590"/>
      <c r="MH6" s="590"/>
      <c r="MI6" s="590"/>
      <c r="MJ6" s="590"/>
      <c r="MK6" s="590"/>
      <c r="ML6" s="590"/>
      <c r="MM6" s="590"/>
      <c r="MN6" s="590"/>
      <c r="MO6" s="590"/>
      <c r="MP6" s="591"/>
      <c r="MQ6" s="576"/>
      <c r="MR6" s="569"/>
      <c r="MS6" s="569"/>
      <c r="MT6" s="569"/>
      <c r="MU6" s="569"/>
      <c r="MV6" s="569"/>
      <c r="MW6" s="569"/>
      <c r="MX6" s="569"/>
      <c r="MY6" s="569"/>
      <c r="MZ6" s="569"/>
      <c r="NA6" s="577"/>
      <c r="NB6" s="576"/>
      <c r="NC6" s="569"/>
      <c r="ND6" s="569"/>
      <c r="NE6" s="569"/>
      <c r="NF6" s="569"/>
      <c r="NG6" s="569"/>
      <c r="NH6" s="569"/>
      <c r="NI6" s="569"/>
      <c r="NJ6" s="569"/>
      <c r="NK6" s="569"/>
      <c r="NL6" s="577"/>
      <c r="NM6" s="576"/>
      <c r="NN6" s="569"/>
      <c r="NO6" s="569"/>
      <c r="NP6" s="569"/>
      <c r="NQ6" s="569"/>
      <c r="NR6" s="569"/>
      <c r="NS6" s="569"/>
      <c r="NT6" s="569"/>
      <c r="NU6" s="569"/>
      <c r="NV6" s="569"/>
      <c r="NW6" s="577"/>
      <c r="NX6" s="630"/>
      <c r="NY6" s="631"/>
      <c r="NZ6" s="631"/>
      <c r="OA6" s="631"/>
      <c r="OB6" s="631"/>
      <c r="OC6" s="631"/>
      <c r="OD6" s="631"/>
      <c r="OE6" s="631"/>
      <c r="OF6" s="631"/>
      <c r="OG6" s="631"/>
      <c r="OH6" s="632"/>
      <c r="OI6" s="576"/>
      <c r="OJ6" s="569"/>
      <c r="OK6" s="569"/>
      <c r="OL6" s="569"/>
      <c r="OM6" s="569"/>
      <c r="ON6" s="569"/>
      <c r="OO6" s="569"/>
      <c r="OP6" s="569"/>
      <c r="OQ6" s="569"/>
      <c r="OR6" s="569"/>
      <c r="OS6" s="577"/>
    </row>
    <row r="7" spans="1:409" ht="21" customHeight="1" x14ac:dyDescent="0.2">
      <c r="B7" s="605"/>
      <c r="C7" s="561" t="s">
        <v>61</v>
      </c>
      <c r="D7" s="561"/>
      <c r="E7" s="561"/>
      <c r="F7" s="560" t="s">
        <v>62</v>
      </c>
      <c r="G7" s="561"/>
      <c r="H7" s="561"/>
      <c r="I7" s="561"/>
      <c r="J7" s="561"/>
      <c r="K7" s="561"/>
      <c r="L7" s="561"/>
      <c r="M7" s="560" t="s">
        <v>52</v>
      </c>
      <c r="N7" s="617" t="s">
        <v>61</v>
      </c>
      <c r="O7" s="561"/>
      <c r="P7" s="561"/>
      <c r="Q7" s="560" t="s">
        <v>62</v>
      </c>
      <c r="R7" s="561"/>
      <c r="S7" s="561"/>
      <c r="T7" s="561"/>
      <c r="U7" s="561"/>
      <c r="V7" s="561"/>
      <c r="W7" s="562"/>
      <c r="X7" s="602" t="s">
        <v>52</v>
      </c>
      <c r="Y7" s="576" t="s">
        <v>61</v>
      </c>
      <c r="Z7" s="569"/>
      <c r="AA7" s="570"/>
      <c r="AB7" s="568" t="s">
        <v>62</v>
      </c>
      <c r="AC7" s="569"/>
      <c r="AD7" s="569"/>
      <c r="AE7" s="569"/>
      <c r="AF7" s="569"/>
      <c r="AG7" s="569"/>
      <c r="AH7" s="570"/>
      <c r="AI7" s="577" t="s">
        <v>52</v>
      </c>
      <c r="AJ7" s="557" t="s">
        <v>61</v>
      </c>
      <c r="AK7" s="558"/>
      <c r="AL7" s="559"/>
      <c r="AM7" s="618" t="s">
        <v>62</v>
      </c>
      <c r="AN7" s="558"/>
      <c r="AO7" s="558"/>
      <c r="AP7" s="558"/>
      <c r="AQ7" s="558"/>
      <c r="AR7" s="558"/>
      <c r="AS7" s="619"/>
      <c r="AT7" s="620" t="s">
        <v>52</v>
      </c>
      <c r="AU7" s="565" t="s">
        <v>61</v>
      </c>
      <c r="AV7" s="566"/>
      <c r="AW7" s="567"/>
      <c r="AX7" s="600" t="s">
        <v>62</v>
      </c>
      <c r="AY7" s="566"/>
      <c r="AZ7" s="566"/>
      <c r="BA7" s="566"/>
      <c r="BB7" s="566"/>
      <c r="BC7" s="566"/>
      <c r="BD7" s="601"/>
      <c r="BE7" s="577" t="s">
        <v>52</v>
      </c>
      <c r="BF7" s="565" t="s">
        <v>61</v>
      </c>
      <c r="BG7" s="566"/>
      <c r="BH7" s="567"/>
      <c r="BI7" s="600" t="s">
        <v>62</v>
      </c>
      <c r="BJ7" s="566"/>
      <c r="BK7" s="566"/>
      <c r="BL7" s="566"/>
      <c r="BM7" s="566"/>
      <c r="BN7" s="566"/>
      <c r="BO7" s="601"/>
      <c r="BP7" s="577" t="s">
        <v>52</v>
      </c>
      <c r="BQ7" s="565" t="s">
        <v>61</v>
      </c>
      <c r="BR7" s="566"/>
      <c r="BS7" s="567"/>
      <c r="BT7" s="600" t="s">
        <v>62</v>
      </c>
      <c r="BU7" s="566"/>
      <c r="BV7" s="566"/>
      <c r="BW7" s="566"/>
      <c r="BX7" s="566"/>
      <c r="BY7" s="566"/>
      <c r="BZ7" s="601"/>
      <c r="CA7" s="577" t="s">
        <v>52</v>
      </c>
      <c r="CB7" s="557" t="s">
        <v>61</v>
      </c>
      <c r="CC7" s="558"/>
      <c r="CD7" s="559"/>
      <c r="CE7" s="618" t="s">
        <v>62</v>
      </c>
      <c r="CF7" s="558"/>
      <c r="CG7" s="558"/>
      <c r="CH7" s="558"/>
      <c r="CI7" s="558"/>
      <c r="CJ7" s="558"/>
      <c r="CK7" s="619"/>
      <c r="CL7" s="602" t="s">
        <v>52</v>
      </c>
      <c r="CM7" s="565" t="s">
        <v>61</v>
      </c>
      <c r="CN7" s="566"/>
      <c r="CO7" s="601"/>
      <c r="CP7" s="600" t="s">
        <v>62</v>
      </c>
      <c r="CQ7" s="566"/>
      <c r="CR7" s="566"/>
      <c r="CS7" s="566"/>
      <c r="CT7" s="566"/>
      <c r="CU7" s="566"/>
      <c r="CV7" s="601"/>
      <c r="CW7" s="624" t="s">
        <v>52</v>
      </c>
      <c r="CX7" s="565" t="s">
        <v>61</v>
      </c>
      <c r="CY7" s="566"/>
      <c r="CZ7" s="601"/>
      <c r="DA7" s="600" t="s">
        <v>62</v>
      </c>
      <c r="DB7" s="566"/>
      <c r="DC7" s="566"/>
      <c r="DD7" s="566"/>
      <c r="DE7" s="566"/>
      <c r="DF7" s="566"/>
      <c r="DG7" s="601"/>
      <c r="DH7" s="624" t="s">
        <v>52</v>
      </c>
      <c r="DI7" s="557" t="s">
        <v>61</v>
      </c>
      <c r="DJ7" s="558"/>
      <c r="DK7" s="619"/>
      <c r="DL7" s="618" t="s">
        <v>62</v>
      </c>
      <c r="DM7" s="558"/>
      <c r="DN7" s="558"/>
      <c r="DO7" s="558"/>
      <c r="DP7" s="558"/>
      <c r="DQ7" s="558"/>
      <c r="DR7" s="619"/>
      <c r="DS7" s="602" t="s">
        <v>52</v>
      </c>
      <c r="DT7" s="565" t="s">
        <v>61</v>
      </c>
      <c r="DU7" s="566"/>
      <c r="DV7" s="567"/>
      <c r="DW7" s="600" t="s">
        <v>62</v>
      </c>
      <c r="DX7" s="566"/>
      <c r="DY7" s="566"/>
      <c r="DZ7" s="566"/>
      <c r="EA7" s="566"/>
      <c r="EB7" s="566"/>
      <c r="EC7" s="601"/>
      <c r="ED7" s="577" t="s">
        <v>52</v>
      </c>
      <c r="EE7" s="565" t="s">
        <v>61</v>
      </c>
      <c r="EF7" s="566"/>
      <c r="EG7" s="567"/>
      <c r="EH7" s="600" t="s">
        <v>62</v>
      </c>
      <c r="EI7" s="566"/>
      <c r="EJ7" s="566"/>
      <c r="EK7" s="566"/>
      <c r="EL7" s="566"/>
      <c r="EM7" s="566"/>
      <c r="EN7" s="601"/>
      <c r="EO7" s="577" t="s">
        <v>52</v>
      </c>
      <c r="EP7" s="565" t="s">
        <v>61</v>
      </c>
      <c r="EQ7" s="566"/>
      <c r="ER7" s="567"/>
      <c r="ES7" s="600" t="s">
        <v>62</v>
      </c>
      <c r="ET7" s="566"/>
      <c r="EU7" s="566"/>
      <c r="EV7" s="566"/>
      <c r="EW7" s="566"/>
      <c r="EX7" s="566"/>
      <c r="EY7" s="601"/>
      <c r="EZ7" s="577" t="s">
        <v>52</v>
      </c>
      <c r="FA7" s="565" t="s">
        <v>61</v>
      </c>
      <c r="FB7" s="566"/>
      <c r="FC7" s="567"/>
      <c r="FD7" s="600" t="s">
        <v>62</v>
      </c>
      <c r="FE7" s="566"/>
      <c r="FF7" s="566"/>
      <c r="FG7" s="566"/>
      <c r="FH7" s="566"/>
      <c r="FI7" s="566"/>
      <c r="FJ7" s="601"/>
      <c r="FK7" s="577" t="s">
        <v>52</v>
      </c>
      <c r="FL7" s="557" t="s">
        <v>61</v>
      </c>
      <c r="FM7" s="558"/>
      <c r="FN7" s="559"/>
      <c r="FO7" s="618" t="s">
        <v>62</v>
      </c>
      <c r="FP7" s="558"/>
      <c r="FQ7" s="558"/>
      <c r="FR7" s="558"/>
      <c r="FS7" s="558"/>
      <c r="FT7" s="558"/>
      <c r="FU7" s="619"/>
      <c r="FV7" s="561" t="s">
        <v>52</v>
      </c>
      <c r="FW7" s="565" t="s">
        <v>61</v>
      </c>
      <c r="FX7" s="566"/>
      <c r="FY7" s="567"/>
      <c r="FZ7" s="600" t="s">
        <v>62</v>
      </c>
      <c r="GA7" s="566"/>
      <c r="GB7" s="566"/>
      <c r="GC7" s="566"/>
      <c r="GD7" s="566"/>
      <c r="GE7" s="566"/>
      <c r="GF7" s="601"/>
      <c r="GG7" s="577" t="s">
        <v>52</v>
      </c>
      <c r="GH7" s="576" t="s">
        <v>61</v>
      </c>
      <c r="GI7" s="569"/>
      <c r="GJ7" s="569"/>
      <c r="GK7" s="568" t="s">
        <v>62</v>
      </c>
      <c r="GL7" s="569"/>
      <c r="GM7" s="569"/>
      <c r="GN7" s="569"/>
      <c r="GO7" s="569"/>
      <c r="GP7" s="569"/>
      <c r="GQ7" s="570"/>
      <c r="GR7" s="621" t="s">
        <v>52</v>
      </c>
      <c r="GS7" s="576" t="s">
        <v>61</v>
      </c>
      <c r="GT7" s="569"/>
      <c r="GU7" s="570"/>
      <c r="GV7" s="568" t="s">
        <v>62</v>
      </c>
      <c r="GW7" s="569"/>
      <c r="GX7" s="569"/>
      <c r="GY7" s="569"/>
      <c r="GZ7" s="569"/>
      <c r="HA7" s="569"/>
      <c r="HB7" s="570"/>
      <c r="HC7" s="621" t="s">
        <v>52</v>
      </c>
      <c r="HD7" s="565" t="s">
        <v>61</v>
      </c>
      <c r="HE7" s="566"/>
      <c r="HF7" s="567"/>
      <c r="HG7" s="600" t="s">
        <v>62</v>
      </c>
      <c r="HH7" s="566"/>
      <c r="HI7" s="566"/>
      <c r="HJ7" s="566"/>
      <c r="HK7" s="566"/>
      <c r="HL7" s="566"/>
      <c r="HM7" s="601"/>
      <c r="HN7" s="577" t="s">
        <v>52</v>
      </c>
      <c r="HO7" s="565" t="s">
        <v>61</v>
      </c>
      <c r="HP7" s="566"/>
      <c r="HQ7" s="567"/>
      <c r="HR7" s="600" t="s">
        <v>62</v>
      </c>
      <c r="HS7" s="566"/>
      <c r="HT7" s="566"/>
      <c r="HU7" s="566"/>
      <c r="HV7" s="566"/>
      <c r="HW7" s="566"/>
      <c r="HX7" s="601"/>
      <c r="HY7" s="577" t="s">
        <v>52</v>
      </c>
      <c r="HZ7" s="557" t="s">
        <v>61</v>
      </c>
      <c r="IA7" s="558"/>
      <c r="IB7" s="559"/>
      <c r="IC7" s="618" t="s">
        <v>62</v>
      </c>
      <c r="ID7" s="558"/>
      <c r="IE7" s="558"/>
      <c r="IF7" s="558"/>
      <c r="IG7" s="558"/>
      <c r="IH7" s="558"/>
      <c r="II7" s="619"/>
      <c r="IJ7" s="561" t="s">
        <v>52</v>
      </c>
      <c r="IK7" s="565" t="s">
        <v>61</v>
      </c>
      <c r="IL7" s="566"/>
      <c r="IM7" s="567"/>
      <c r="IN7" s="600" t="s">
        <v>62</v>
      </c>
      <c r="IO7" s="566"/>
      <c r="IP7" s="566"/>
      <c r="IQ7" s="566"/>
      <c r="IR7" s="566"/>
      <c r="IS7" s="566"/>
      <c r="IT7" s="601"/>
      <c r="IU7" s="577" t="s">
        <v>52</v>
      </c>
      <c r="IV7" s="565" t="s">
        <v>61</v>
      </c>
      <c r="IW7" s="566"/>
      <c r="IX7" s="601"/>
      <c r="IY7" s="600" t="s">
        <v>62</v>
      </c>
      <c r="IZ7" s="566"/>
      <c r="JA7" s="566"/>
      <c r="JB7" s="566"/>
      <c r="JC7" s="566"/>
      <c r="JD7" s="566"/>
      <c r="JE7" s="601"/>
      <c r="JF7" s="577" t="s">
        <v>52</v>
      </c>
      <c r="JG7" s="565" t="s">
        <v>61</v>
      </c>
      <c r="JH7" s="566"/>
      <c r="JI7" s="567"/>
      <c r="JJ7" s="600" t="s">
        <v>62</v>
      </c>
      <c r="JK7" s="566"/>
      <c r="JL7" s="566"/>
      <c r="JM7" s="566"/>
      <c r="JN7" s="566"/>
      <c r="JO7" s="566"/>
      <c r="JP7" s="601"/>
      <c r="JQ7" s="624" t="s">
        <v>52</v>
      </c>
      <c r="JR7" s="565" t="s">
        <v>61</v>
      </c>
      <c r="JS7" s="566"/>
      <c r="JT7" s="567"/>
      <c r="JU7" s="600" t="s">
        <v>62</v>
      </c>
      <c r="JV7" s="566"/>
      <c r="JW7" s="566"/>
      <c r="JX7" s="566"/>
      <c r="JY7" s="566"/>
      <c r="JZ7" s="566"/>
      <c r="KA7" s="601"/>
      <c r="KB7" s="624" t="s">
        <v>52</v>
      </c>
      <c r="KC7" s="565" t="s">
        <v>61</v>
      </c>
      <c r="KD7" s="566"/>
      <c r="KE7" s="567"/>
      <c r="KF7" s="600" t="s">
        <v>62</v>
      </c>
      <c r="KG7" s="566"/>
      <c r="KH7" s="566"/>
      <c r="KI7" s="566"/>
      <c r="KJ7" s="566"/>
      <c r="KK7" s="566"/>
      <c r="KL7" s="601"/>
      <c r="KM7" s="624" t="s">
        <v>52</v>
      </c>
      <c r="KN7" s="565" t="s">
        <v>61</v>
      </c>
      <c r="KO7" s="566"/>
      <c r="KP7" s="567"/>
      <c r="KQ7" s="600" t="s">
        <v>62</v>
      </c>
      <c r="KR7" s="566"/>
      <c r="KS7" s="566"/>
      <c r="KT7" s="566"/>
      <c r="KU7" s="566"/>
      <c r="KV7" s="566"/>
      <c r="KW7" s="601"/>
      <c r="KX7" s="624" t="s">
        <v>52</v>
      </c>
      <c r="KY7" s="565" t="s">
        <v>61</v>
      </c>
      <c r="KZ7" s="566"/>
      <c r="LA7" s="567"/>
      <c r="LB7" s="600" t="s">
        <v>62</v>
      </c>
      <c r="LC7" s="566"/>
      <c r="LD7" s="566"/>
      <c r="LE7" s="566"/>
      <c r="LF7" s="566"/>
      <c r="LG7" s="566"/>
      <c r="LH7" s="601"/>
      <c r="LI7" s="624" t="s">
        <v>52</v>
      </c>
      <c r="LJ7" s="565" t="s">
        <v>61</v>
      </c>
      <c r="LK7" s="566"/>
      <c r="LL7" s="567"/>
      <c r="LM7" s="600" t="s">
        <v>62</v>
      </c>
      <c r="LN7" s="566"/>
      <c r="LO7" s="566"/>
      <c r="LP7" s="566"/>
      <c r="LQ7" s="566"/>
      <c r="LR7" s="566"/>
      <c r="LS7" s="601"/>
      <c r="LT7" s="624" t="s">
        <v>52</v>
      </c>
      <c r="LU7" s="565" t="s">
        <v>61</v>
      </c>
      <c r="LV7" s="566"/>
      <c r="LW7" s="567"/>
      <c r="LX7" s="600" t="s">
        <v>62</v>
      </c>
      <c r="LY7" s="566"/>
      <c r="LZ7" s="566"/>
      <c r="MA7" s="566"/>
      <c r="MB7" s="566"/>
      <c r="MC7" s="566"/>
      <c r="MD7" s="601"/>
      <c r="ME7" s="624" t="s">
        <v>52</v>
      </c>
      <c r="MF7" s="557" t="s">
        <v>61</v>
      </c>
      <c r="MG7" s="558"/>
      <c r="MH7" s="559"/>
      <c r="MI7" s="618" t="s">
        <v>62</v>
      </c>
      <c r="MJ7" s="558"/>
      <c r="MK7" s="558"/>
      <c r="ML7" s="558"/>
      <c r="MM7" s="558"/>
      <c r="MN7" s="558"/>
      <c r="MO7" s="619"/>
      <c r="MP7" s="602" t="s">
        <v>52</v>
      </c>
      <c r="MQ7" s="565" t="s">
        <v>61</v>
      </c>
      <c r="MR7" s="566"/>
      <c r="MS7" s="567"/>
      <c r="MT7" s="600" t="s">
        <v>62</v>
      </c>
      <c r="MU7" s="566"/>
      <c r="MV7" s="566"/>
      <c r="MW7" s="566"/>
      <c r="MX7" s="566"/>
      <c r="MY7" s="566"/>
      <c r="MZ7" s="601"/>
      <c r="NA7" s="624" t="s">
        <v>52</v>
      </c>
      <c r="NB7" s="565" t="s">
        <v>61</v>
      </c>
      <c r="NC7" s="566"/>
      <c r="ND7" s="567"/>
      <c r="NE7" s="600" t="s">
        <v>62</v>
      </c>
      <c r="NF7" s="566"/>
      <c r="NG7" s="566"/>
      <c r="NH7" s="566"/>
      <c r="NI7" s="566"/>
      <c r="NJ7" s="566"/>
      <c r="NK7" s="601"/>
      <c r="NL7" s="624" t="s">
        <v>52</v>
      </c>
      <c r="NM7" s="565" t="s">
        <v>61</v>
      </c>
      <c r="NN7" s="566"/>
      <c r="NO7" s="567"/>
      <c r="NP7" s="600" t="s">
        <v>62</v>
      </c>
      <c r="NQ7" s="566"/>
      <c r="NR7" s="566"/>
      <c r="NS7" s="566"/>
      <c r="NT7" s="566"/>
      <c r="NU7" s="566"/>
      <c r="NV7" s="601"/>
      <c r="NW7" s="624" t="s">
        <v>52</v>
      </c>
      <c r="NX7" s="565" t="s">
        <v>61</v>
      </c>
      <c r="NY7" s="566"/>
      <c r="NZ7" s="567"/>
      <c r="OA7" s="600" t="s">
        <v>62</v>
      </c>
      <c r="OB7" s="566"/>
      <c r="OC7" s="566"/>
      <c r="OD7" s="566"/>
      <c r="OE7" s="566"/>
      <c r="OF7" s="566"/>
      <c r="OG7" s="601"/>
      <c r="OH7" s="624" t="s">
        <v>52</v>
      </c>
      <c r="OI7" s="557" t="s">
        <v>61</v>
      </c>
      <c r="OJ7" s="558"/>
      <c r="OK7" s="559"/>
      <c r="OL7" s="618" t="s">
        <v>62</v>
      </c>
      <c r="OM7" s="558"/>
      <c r="ON7" s="558"/>
      <c r="OO7" s="558"/>
      <c r="OP7" s="558"/>
      <c r="OQ7" s="558"/>
      <c r="OR7" s="619"/>
      <c r="OS7" s="602" t="s">
        <v>52</v>
      </c>
    </row>
    <row r="8" spans="1:409" ht="30" customHeight="1" thickBot="1" x14ac:dyDescent="0.25">
      <c r="B8" s="606"/>
      <c r="C8" s="55" t="s">
        <v>43</v>
      </c>
      <c r="D8" s="13" t="s">
        <v>44</v>
      </c>
      <c r="E8" s="36" t="s">
        <v>45</v>
      </c>
      <c r="F8" s="37" t="s">
        <v>83</v>
      </c>
      <c r="G8" s="13" t="s">
        <v>47</v>
      </c>
      <c r="H8" s="13" t="s">
        <v>48</v>
      </c>
      <c r="I8" s="13" t="s">
        <v>49</v>
      </c>
      <c r="J8" s="13" t="s">
        <v>50</v>
      </c>
      <c r="K8" s="13" t="s">
        <v>51</v>
      </c>
      <c r="L8" s="14" t="s">
        <v>45</v>
      </c>
      <c r="M8" s="616"/>
      <c r="N8" s="35" t="s">
        <v>43</v>
      </c>
      <c r="O8" s="13" t="s">
        <v>44</v>
      </c>
      <c r="P8" s="14" t="s">
        <v>45</v>
      </c>
      <c r="Q8" s="37" t="s">
        <v>83</v>
      </c>
      <c r="R8" s="13" t="s">
        <v>47</v>
      </c>
      <c r="S8" s="13" t="s">
        <v>48</v>
      </c>
      <c r="T8" s="13" t="s">
        <v>49</v>
      </c>
      <c r="U8" s="13" t="s">
        <v>50</v>
      </c>
      <c r="V8" s="13" t="s">
        <v>51</v>
      </c>
      <c r="W8" s="14" t="s">
        <v>45</v>
      </c>
      <c r="X8" s="603"/>
      <c r="Y8" s="35" t="s">
        <v>43</v>
      </c>
      <c r="Z8" s="13" t="s">
        <v>44</v>
      </c>
      <c r="AA8" s="14" t="s">
        <v>45</v>
      </c>
      <c r="AB8" s="37" t="s">
        <v>83</v>
      </c>
      <c r="AC8" s="13" t="s">
        <v>47</v>
      </c>
      <c r="AD8" s="13" t="s">
        <v>48</v>
      </c>
      <c r="AE8" s="13" t="s">
        <v>49</v>
      </c>
      <c r="AF8" s="13" t="s">
        <v>50</v>
      </c>
      <c r="AG8" s="13" t="s">
        <v>51</v>
      </c>
      <c r="AH8" s="14" t="s">
        <v>45</v>
      </c>
      <c r="AI8" s="585"/>
      <c r="AJ8" s="35" t="s">
        <v>43</v>
      </c>
      <c r="AK8" s="13" t="s">
        <v>44</v>
      </c>
      <c r="AL8" s="36" t="s">
        <v>45</v>
      </c>
      <c r="AM8" s="37" t="s">
        <v>83</v>
      </c>
      <c r="AN8" s="13" t="s">
        <v>47</v>
      </c>
      <c r="AO8" s="13" t="s">
        <v>48</v>
      </c>
      <c r="AP8" s="13" t="s">
        <v>49</v>
      </c>
      <c r="AQ8" s="13" t="s">
        <v>50</v>
      </c>
      <c r="AR8" s="13" t="s">
        <v>51</v>
      </c>
      <c r="AS8" s="14" t="s">
        <v>45</v>
      </c>
      <c r="AT8" s="585"/>
      <c r="AU8" s="35" t="s">
        <v>43</v>
      </c>
      <c r="AV8" s="13" t="s">
        <v>44</v>
      </c>
      <c r="AW8" s="36" t="s">
        <v>45</v>
      </c>
      <c r="AX8" s="37" t="s">
        <v>83</v>
      </c>
      <c r="AY8" s="13" t="s">
        <v>47</v>
      </c>
      <c r="AZ8" s="13" t="s">
        <v>48</v>
      </c>
      <c r="BA8" s="13" t="s">
        <v>49</v>
      </c>
      <c r="BB8" s="13" t="s">
        <v>50</v>
      </c>
      <c r="BC8" s="13" t="s">
        <v>51</v>
      </c>
      <c r="BD8" s="14" t="s">
        <v>45</v>
      </c>
      <c r="BE8" s="585"/>
      <c r="BF8" s="53" t="s">
        <v>43</v>
      </c>
      <c r="BG8" s="13" t="s">
        <v>44</v>
      </c>
      <c r="BH8" s="36" t="s">
        <v>45</v>
      </c>
      <c r="BI8" s="37" t="s">
        <v>83</v>
      </c>
      <c r="BJ8" s="13" t="s">
        <v>47</v>
      </c>
      <c r="BK8" s="13" t="s">
        <v>48</v>
      </c>
      <c r="BL8" s="13" t="s">
        <v>49</v>
      </c>
      <c r="BM8" s="13" t="s">
        <v>50</v>
      </c>
      <c r="BN8" s="13" t="s">
        <v>51</v>
      </c>
      <c r="BO8" s="14" t="s">
        <v>45</v>
      </c>
      <c r="BP8" s="585"/>
      <c r="BQ8" s="35" t="s">
        <v>43</v>
      </c>
      <c r="BR8" s="13" t="s">
        <v>44</v>
      </c>
      <c r="BS8" s="36" t="s">
        <v>45</v>
      </c>
      <c r="BT8" s="37" t="s">
        <v>83</v>
      </c>
      <c r="BU8" s="13" t="s">
        <v>47</v>
      </c>
      <c r="BV8" s="13" t="s">
        <v>48</v>
      </c>
      <c r="BW8" s="13" t="s">
        <v>49</v>
      </c>
      <c r="BX8" s="13" t="s">
        <v>50</v>
      </c>
      <c r="BY8" s="13" t="s">
        <v>51</v>
      </c>
      <c r="BZ8" s="14" t="s">
        <v>45</v>
      </c>
      <c r="CA8" s="585"/>
      <c r="CB8" s="35" t="s">
        <v>43</v>
      </c>
      <c r="CC8" s="13" t="s">
        <v>44</v>
      </c>
      <c r="CD8" s="36" t="s">
        <v>45</v>
      </c>
      <c r="CE8" s="37" t="s">
        <v>83</v>
      </c>
      <c r="CF8" s="13" t="s">
        <v>47</v>
      </c>
      <c r="CG8" s="13" t="s">
        <v>48</v>
      </c>
      <c r="CH8" s="13" t="s">
        <v>49</v>
      </c>
      <c r="CI8" s="13" t="s">
        <v>50</v>
      </c>
      <c r="CJ8" s="13" t="s">
        <v>51</v>
      </c>
      <c r="CK8" s="14" t="s">
        <v>45</v>
      </c>
      <c r="CL8" s="603"/>
      <c r="CM8" s="35" t="s">
        <v>43</v>
      </c>
      <c r="CN8" s="13" t="s">
        <v>44</v>
      </c>
      <c r="CO8" s="14" t="s">
        <v>45</v>
      </c>
      <c r="CP8" s="37" t="s">
        <v>83</v>
      </c>
      <c r="CQ8" s="13" t="s">
        <v>47</v>
      </c>
      <c r="CR8" s="13" t="s">
        <v>48</v>
      </c>
      <c r="CS8" s="13" t="s">
        <v>49</v>
      </c>
      <c r="CT8" s="13" t="s">
        <v>50</v>
      </c>
      <c r="CU8" s="13" t="s">
        <v>51</v>
      </c>
      <c r="CV8" s="14" t="s">
        <v>45</v>
      </c>
      <c r="CW8" s="603"/>
      <c r="CX8" s="35" t="s">
        <v>43</v>
      </c>
      <c r="CY8" s="13" t="s">
        <v>44</v>
      </c>
      <c r="CZ8" s="14" t="s">
        <v>45</v>
      </c>
      <c r="DA8" s="37" t="s">
        <v>83</v>
      </c>
      <c r="DB8" s="13" t="s">
        <v>47</v>
      </c>
      <c r="DC8" s="13" t="s">
        <v>48</v>
      </c>
      <c r="DD8" s="13" t="s">
        <v>49</v>
      </c>
      <c r="DE8" s="13" t="s">
        <v>50</v>
      </c>
      <c r="DF8" s="13" t="s">
        <v>51</v>
      </c>
      <c r="DG8" s="14" t="s">
        <v>45</v>
      </c>
      <c r="DH8" s="603"/>
      <c r="DI8" s="35" t="s">
        <v>43</v>
      </c>
      <c r="DJ8" s="13" t="s">
        <v>44</v>
      </c>
      <c r="DK8" s="14" t="s">
        <v>45</v>
      </c>
      <c r="DL8" s="37" t="s">
        <v>83</v>
      </c>
      <c r="DM8" s="13" t="s">
        <v>47</v>
      </c>
      <c r="DN8" s="13" t="s">
        <v>48</v>
      </c>
      <c r="DO8" s="13" t="s">
        <v>49</v>
      </c>
      <c r="DP8" s="13" t="s">
        <v>50</v>
      </c>
      <c r="DQ8" s="13" t="s">
        <v>51</v>
      </c>
      <c r="DR8" s="14" t="s">
        <v>45</v>
      </c>
      <c r="DS8" s="603"/>
      <c r="DT8" s="35" t="s">
        <v>43</v>
      </c>
      <c r="DU8" s="13" t="s">
        <v>44</v>
      </c>
      <c r="DV8" s="36" t="s">
        <v>45</v>
      </c>
      <c r="DW8" s="37" t="s">
        <v>83</v>
      </c>
      <c r="DX8" s="13" t="s">
        <v>47</v>
      </c>
      <c r="DY8" s="13" t="s">
        <v>48</v>
      </c>
      <c r="DZ8" s="13" t="s">
        <v>49</v>
      </c>
      <c r="EA8" s="13" t="s">
        <v>50</v>
      </c>
      <c r="EB8" s="13" t="s">
        <v>51</v>
      </c>
      <c r="EC8" s="14" t="s">
        <v>45</v>
      </c>
      <c r="ED8" s="585"/>
      <c r="EE8" s="35" t="s">
        <v>43</v>
      </c>
      <c r="EF8" s="13" t="s">
        <v>44</v>
      </c>
      <c r="EG8" s="36" t="s">
        <v>45</v>
      </c>
      <c r="EH8" s="37" t="s">
        <v>83</v>
      </c>
      <c r="EI8" s="13" t="s">
        <v>47</v>
      </c>
      <c r="EJ8" s="13" t="s">
        <v>48</v>
      </c>
      <c r="EK8" s="13" t="s">
        <v>49</v>
      </c>
      <c r="EL8" s="13" t="s">
        <v>50</v>
      </c>
      <c r="EM8" s="13" t="s">
        <v>51</v>
      </c>
      <c r="EN8" s="14" t="s">
        <v>45</v>
      </c>
      <c r="EO8" s="585"/>
      <c r="EP8" s="35" t="s">
        <v>43</v>
      </c>
      <c r="EQ8" s="13" t="s">
        <v>44</v>
      </c>
      <c r="ER8" s="36" t="s">
        <v>45</v>
      </c>
      <c r="ES8" s="37" t="s">
        <v>83</v>
      </c>
      <c r="ET8" s="13" t="s">
        <v>47</v>
      </c>
      <c r="EU8" s="13" t="s">
        <v>48</v>
      </c>
      <c r="EV8" s="13" t="s">
        <v>49</v>
      </c>
      <c r="EW8" s="13" t="s">
        <v>50</v>
      </c>
      <c r="EX8" s="13" t="s">
        <v>51</v>
      </c>
      <c r="EY8" s="14" t="s">
        <v>45</v>
      </c>
      <c r="EZ8" s="585"/>
      <c r="FA8" s="35" t="s">
        <v>43</v>
      </c>
      <c r="FB8" s="13" t="s">
        <v>44</v>
      </c>
      <c r="FC8" s="36" t="s">
        <v>45</v>
      </c>
      <c r="FD8" s="37" t="s">
        <v>83</v>
      </c>
      <c r="FE8" s="13" t="s">
        <v>47</v>
      </c>
      <c r="FF8" s="13" t="s">
        <v>48</v>
      </c>
      <c r="FG8" s="13" t="s">
        <v>49</v>
      </c>
      <c r="FH8" s="13" t="s">
        <v>50</v>
      </c>
      <c r="FI8" s="13" t="s">
        <v>51</v>
      </c>
      <c r="FJ8" s="14" t="s">
        <v>45</v>
      </c>
      <c r="FK8" s="585"/>
      <c r="FL8" s="35" t="s">
        <v>43</v>
      </c>
      <c r="FM8" s="13" t="s">
        <v>44</v>
      </c>
      <c r="FN8" s="36" t="s">
        <v>45</v>
      </c>
      <c r="FO8" s="37" t="s">
        <v>83</v>
      </c>
      <c r="FP8" s="13" t="s">
        <v>47</v>
      </c>
      <c r="FQ8" s="13" t="s">
        <v>48</v>
      </c>
      <c r="FR8" s="13" t="s">
        <v>49</v>
      </c>
      <c r="FS8" s="13" t="s">
        <v>50</v>
      </c>
      <c r="FT8" s="13" t="s">
        <v>51</v>
      </c>
      <c r="FU8" s="14" t="s">
        <v>45</v>
      </c>
      <c r="FV8" s="623"/>
      <c r="FW8" s="35" t="s">
        <v>43</v>
      </c>
      <c r="FX8" s="13" t="s">
        <v>44</v>
      </c>
      <c r="FY8" s="36" t="s">
        <v>45</v>
      </c>
      <c r="FZ8" s="37" t="s">
        <v>83</v>
      </c>
      <c r="GA8" s="13" t="s">
        <v>47</v>
      </c>
      <c r="GB8" s="13" t="s">
        <v>48</v>
      </c>
      <c r="GC8" s="13" t="s">
        <v>49</v>
      </c>
      <c r="GD8" s="13" t="s">
        <v>50</v>
      </c>
      <c r="GE8" s="13" t="s">
        <v>51</v>
      </c>
      <c r="GF8" s="14" t="s">
        <v>45</v>
      </c>
      <c r="GG8" s="585"/>
      <c r="GH8" s="35" t="s">
        <v>43</v>
      </c>
      <c r="GI8" s="13" t="s">
        <v>44</v>
      </c>
      <c r="GJ8" s="36" t="s">
        <v>45</v>
      </c>
      <c r="GK8" s="37" t="s">
        <v>83</v>
      </c>
      <c r="GL8" s="13" t="s">
        <v>47</v>
      </c>
      <c r="GM8" s="13" t="s">
        <v>48</v>
      </c>
      <c r="GN8" s="13" t="s">
        <v>49</v>
      </c>
      <c r="GO8" s="13" t="s">
        <v>50</v>
      </c>
      <c r="GP8" s="13" t="s">
        <v>51</v>
      </c>
      <c r="GQ8" s="14" t="s">
        <v>45</v>
      </c>
      <c r="GR8" s="622"/>
      <c r="GS8" s="35" t="s">
        <v>43</v>
      </c>
      <c r="GT8" s="13" t="s">
        <v>44</v>
      </c>
      <c r="GU8" s="36" t="s">
        <v>45</v>
      </c>
      <c r="GV8" s="37" t="s">
        <v>83</v>
      </c>
      <c r="GW8" s="13" t="s">
        <v>47</v>
      </c>
      <c r="GX8" s="13" t="s">
        <v>48</v>
      </c>
      <c r="GY8" s="13" t="s">
        <v>49</v>
      </c>
      <c r="GZ8" s="13" t="s">
        <v>50</v>
      </c>
      <c r="HA8" s="13" t="s">
        <v>51</v>
      </c>
      <c r="HB8" s="14" t="s">
        <v>45</v>
      </c>
      <c r="HC8" s="622"/>
      <c r="HD8" s="35" t="s">
        <v>43</v>
      </c>
      <c r="HE8" s="13" t="s">
        <v>44</v>
      </c>
      <c r="HF8" s="36" t="s">
        <v>45</v>
      </c>
      <c r="HG8" s="37" t="s">
        <v>83</v>
      </c>
      <c r="HH8" s="13" t="s">
        <v>47</v>
      </c>
      <c r="HI8" s="13" t="s">
        <v>48</v>
      </c>
      <c r="HJ8" s="13" t="s">
        <v>49</v>
      </c>
      <c r="HK8" s="13" t="s">
        <v>50</v>
      </c>
      <c r="HL8" s="13" t="s">
        <v>51</v>
      </c>
      <c r="HM8" s="14" t="s">
        <v>45</v>
      </c>
      <c r="HN8" s="585"/>
      <c r="HO8" s="35" t="s">
        <v>43</v>
      </c>
      <c r="HP8" s="13" t="s">
        <v>44</v>
      </c>
      <c r="HQ8" s="36" t="s">
        <v>45</v>
      </c>
      <c r="HR8" s="37" t="s">
        <v>83</v>
      </c>
      <c r="HS8" s="13" t="s">
        <v>47</v>
      </c>
      <c r="HT8" s="13" t="s">
        <v>48</v>
      </c>
      <c r="HU8" s="13" t="s">
        <v>49</v>
      </c>
      <c r="HV8" s="13" t="s">
        <v>50</v>
      </c>
      <c r="HW8" s="13" t="s">
        <v>51</v>
      </c>
      <c r="HX8" s="14" t="s">
        <v>45</v>
      </c>
      <c r="HY8" s="585"/>
      <c r="HZ8" s="342" t="s">
        <v>43</v>
      </c>
      <c r="IA8" s="343" t="s">
        <v>44</v>
      </c>
      <c r="IB8" s="36" t="s">
        <v>45</v>
      </c>
      <c r="IC8" s="37" t="s">
        <v>83</v>
      </c>
      <c r="ID8" s="343" t="s">
        <v>47</v>
      </c>
      <c r="IE8" s="343" t="s">
        <v>48</v>
      </c>
      <c r="IF8" s="343" t="s">
        <v>49</v>
      </c>
      <c r="IG8" s="343" t="s">
        <v>50</v>
      </c>
      <c r="IH8" s="343" t="s">
        <v>51</v>
      </c>
      <c r="II8" s="14" t="s">
        <v>45</v>
      </c>
      <c r="IJ8" s="623"/>
      <c r="IK8" s="342" t="s">
        <v>43</v>
      </c>
      <c r="IL8" s="343" t="s">
        <v>44</v>
      </c>
      <c r="IM8" s="36" t="s">
        <v>45</v>
      </c>
      <c r="IN8" s="37" t="s">
        <v>83</v>
      </c>
      <c r="IO8" s="51" t="s">
        <v>47</v>
      </c>
      <c r="IP8" s="51" t="s">
        <v>48</v>
      </c>
      <c r="IQ8" s="51" t="s">
        <v>49</v>
      </c>
      <c r="IR8" s="51" t="s">
        <v>50</v>
      </c>
      <c r="IS8" s="51" t="s">
        <v>51</v>
      </c>
      <c r="IT8" s="54" t="s">
        <v>45</v>
      </c>
      <c r="IU8" s="633"/>
      <c r="IV8" s="53" t="s">
        <v>43</v>
      </c>
      <c r="IW8" s="51" t="s">
        <v>44</v>
      </c>
      <c r="IX8" s="54" t="s">
        <v>45</v>
      </c>
      <c r="IY8" s="28" t="s">
        <v>83</v>
      </c>
      <c r="IZ8" s="51" t="s">
        <v>47</v>
      </c>
      <c r="JA8" s="51" t="s">
        <v>48</v>
      </c>
      <c r="JB8" s="51" t="s">
        <v>49</v>
      </c>
      <c r="JC8" s="51" t="s">
        <v>50</v>
      </c>
      <c r="JD8" s="51" t="s">
        <v>51</v>
      </c>
      <c r="JE8" s="54" t="s">
        <v>45</v>
      </c>
      <c r="JF8" s="633"/>
      <c r="JG8" s="53" t="s">
        <v>43</v>
      </c>
      <c r="JH8" s="51" t="s">
        <v>44</v>
      </c>
      <c r="JI8" s="52" t="s">
        <v>45</v>
      </c>
      <c r="JJ8" s="28" t="s">
        <v>83</v>
      </c>
      <c r="JK8" s="51" t="s">
        <v>47</v>
      </c>
      <c r="JL8" s="51" t="s">
        <v>48</v>
      </c>
      <c r="JM8" s="51" t="s">
        <v>49</v>
      </c>
      <c r="JN8" s="51" t="s">
        <v>50</v>
      </c>
      <c r="JO8" s="51" t="s">
        <v>51</v>
      </c>
      <c r="JP8" s="54" t="s">
        <v>45</v>
      </c>
      <c r="JQ8" s="626"/>
      <c r="JR8" s="53" t="s">
        <v>43</v>
      </c>
      <c r="JS8" s="51" t="s">
        <v>44</v>
      </c>
      <c r="JT8" s="52" t="s">
        <v>45</v>
      </c>
      <c r="JU8" s="28" t="s">
        <v>83</v>
      </c>
      <c r="JV8" s="51" t="s">
        <v>47</v>
      </c>
      <c r="JW8" s="51" t="s">
        <v>48</v>
      </c>
      <c r="JX8" s="51" t="s">
        <v>49</v>
      </c>
      <c r="JY8" s="51" t="s">
        <v>50</v>
      </c>
      <c r="JZ8" s="51" t="s">
        <v>51</v>
      </c>
      <c r="KA8" s="54" t="s">
        <v>45</v>
      </c>
      <c r="KB8" s="626"/>
      <c r="KC8" s="53" t="s">
        <v>43</v>
      </c>
      <c r="KD8" s="51" t="s">
        <v>44</v>
      </c>
      <c r="KE8" s="52" t="s">
        <v>45</v>
      </c>
      <c r="KF8" s="28" t="s">
        <v>83</v>
      </c>
      <c r="KG8" s="51" t="s">
        <v>47</v>
      </c>
      <c r="KH8" s="51" t="s">
        <v>48</v>
      </c>
      <c r="KI8" s="51" t="s">
        <v>49</v>
      </c>
      <c r="KJ8" s="51" t="s">
        <v>50</v>
      </c>
      <c r="KK8" s="51" t="s">
        <v>51</v>
      </c>
      <c r="KL8" s="54" t="s">
        <v>45</v>
      </c>
      <c r="KM8" s="626"/>
      <c r="KN8" s="53" t="s">
        <v>43</v>
      </c>
      <c r="KO8" s="51" t="s">
        <v>44</v>
      </c>
      <c r="KP8" s="52" t="s">
        <v>45</v>
      </c>
      <c r="KQ8" s="37" t="s">
        <v>83</v>
      </c>
      <c r="KR8" s="51" t="s">
        <v>47</v>
      </c>
      <c r="KS8" s="51" t="s">
        <v>48</v>
      </c>
      <c r="KT8" s="51" t="s">
        <v>49</v>
      </c>
      <c r="KU8" s="51" t="s">
        <v>50</v>
      </c>
      <c r="KV8" s="51" t="s">
        <v>51</v>
      </c>
      <c r="KW8" s="54" t="s">
        <v>45</v>
      </c>
      <c r="KX8" s="626"/>
      <c r="KY8" s="53" t="s">
        <v>43</v>
      </c>
      <c r="KZ8" s="51" t="s">
        <v>44</v>
      </c>
      <c r="LA8" s="52" t="s">
        <v>45</v>
      </c>
      <c r="LB8" s="37" t="s">
        <v>83</v>
      </c>
      <c r="LC8" s="51" t="s">
        <v>47</v>
      </c>
      <c r="LD8" s="51" t="s">
        <v>48</v>
      </c>
      <c r="LE8" s="51" t="s">
        <v>49</v>
      </c>
      <c r="LF8" s="51" t="s">
        <v>50</v>
      </c>
      <c r="LG8" s="51" t="s">
        <v>51</v>
      </c>
      <c r="LH8" s="54" t="s">
        <v>45</v>
      </c>
      <c r="LI8" s="626"/>
      <c r="LJ8" s="53" t="s">
        <v>43</v>
      </c>
      <c r="LK8" s="51" t="s">
        <v>44</v>
      </c>
      <c r="LL8" s="52" t="s">
        <v>45</v>
      </c>
      <c r="LM8" s="37" t="s">
        <v>83</v>
      </c>
      <c r="LN8" s="51" t="s">
        <v>47</v>
      </c>
      <c r="LO8" s="51" t="s">
        <v>48</v>
      </c>
      <c r="LP8" s="51" t="s">
        <v>49</v>
      </c>
      <c r="LQ8" s="51" t="s">
        <v>50</v>
      </c>
      <c r="LR8" s="51" t="s">
        <v>51</v>
      </c>
      <c r="LS8" s="54" t="s">
        <v>45</v>
      </c>
      <c r="LT8" s="626"/>
      <c r="LU8" s="53" t="s">
        <v>43</v>
      </c>
      <c r="LV8" s="51" t="s">
        <v>44</v>
      </c>
      <c r="LW8" s="52" t="s">
        <v>45</v>
      </c>
      <c r="LX8" s="37" t="s">
        <v>83</v>
      </c>
      <c r="LY8" s="51" t="s">
        <v>47</v>
      </c>
      <c r="LZ8" s="51" t="s">
        <v>48</v>
      </c>
      <c r="MA8" s="51" t="s">
        <v>49</v>
      </c>
      <c r="MB8" s="51" t="s">
        <v>50</v>
      </c>
      <c r="MC8" s="51" t="s">
        <v>51</v>
      </c>
      <c r="MD8" s="54" t="s">
        <v>45</v>
      </c>
      <c r="ME8" s="626"/>
      <c r="MF8" s="53" t="s">
        <v>43</v>
      </c>
      <c r="MG8" s="51" t="s">
        <v>44</v>
      </c>
      <c r="MH8" s="52" t="s">
        <v>45</v>
      </c>
      <c r="MI8" s="37" t="s">
        <v>83</v>
      </c>
      <c r="MJ8" s="51" t="s">
        <v>47</v>
      </c>
      <c r="MK8" s="51" t="s">
        <v>48</v>
      </c>
      <c r="ML8" s="51" t="s">
        <v>49</v>
      </c>
      <c r="MM8" s="51" t="s">
        <v>50</v>
      </c>
      <c r="MN8" s="51" t="s">
        <v>51</v>
      </c>
      <c r="MO8" s="54" t="s">
        <v>45</v>
      </c>
      <c r="MP8" s="626"/>
      <c r="MQ8" s="53" t="s">
        <v>43</v>
      </c>
      <c r="MR8" s="51" t="s">
        <v>44</v>
      </c>
      <c r="MS8" s="52" t="s">
        <v>45</v>
      </c>
      <c r="MT8" s="37" t="s">
        <v>83</v>
      </c>
      <c r="MU8" s="51" t="s">
        <v>47</v>
      </c>
      <c r="MV8" s="51" t="s">
        <v>48</v>
      </c>
      <c r="MW8" s="51" t="s">
        <v>49</v>
      </c>
      <c r="MX8" s="51" t="s">
        <v>50</v>
      </c>
      <c r="MY8" s="51" t="s">
        <v>51</v>
      </c>
      <c r="MZ8" s="54" t="s">
        <v>45</v>
      </c>
      <c r="NA8" s="626"/>
      <c r="NB8" s="53" t="s">
        <v>43</v>
      </c>
      <c r="NC8" s="51" t="s">
        <v>44</v>
      </c>
      <c r="ND8" s="52" t="s">
        <v>45</v>
      </c>
      <c r="NE8" s="37" t="s">
        <v>83</v>
      </c>
      <c r="NF8" s="51" t="s">
        <v>47</v>
      </c>
      <c r="NG8" s="51" t="s">
        <v>48</v>
      </c>
      <c r="NH8" s="51" t="s">
        <v>49</v>
      </c>
      <c r="NI8" s="51" t="s">
        <v>50</v>
      </c>
      <c r="NJ8" s="51" t="s">
        <v>51</v>
      </c>
      <c r="NK8" s="54" t="s">
        <v>45</v>
      </c>
      <c r="NL8" s="626"/>
      <c r="NM8" s="53" t="s">
        <v>43</v>
      </c>
      <c r="NN8" s="51" t="s">
        <v>44</v>
      </c>
      <c r="NO8" s="52" t="s">
        <v>45</v>
      </c>
      <c r="NP8" s="37" t="s">
        <v>83</v>
      </c>
      <c r="NQ8" s="51" t="s">
        <v>47</v>
      </c>
      <c r="NR8" s="51" t="s">
        <v>48</v>
      </c>
      <c r="NS8" s="51" t="s">
        <v>49</v>
      </c>
      <c r="NT8" s="51" t="s">
        <v>50</v>
      </c>
      <c r="NU8" s="51" t="s">
        <v>51</v>
      </c>
      <c r="NV8" s="54" t="s">
        <v>45</v>
      </c>
      <c r="NW8" s="626"/>
      <c r="NX8" s="53" t="s">
        <v>43</v>
      </c>
      <c r="NY8" s="51" t="s">
        <v>44</v>
      </c>
      <c r="NZ8" s="52" t="s">
        <v>45</v>
      </c>
      <c r="OA8" s="37" t="s">
        <v>83</v>
      </c>
      <c r="OB8" s="51" t="s">
        <v>47</v>
      </c>
      <c r="OC8" s="51" t="s">
        <v>48</v>
      </c>
      <c r="OD8" s="51" t="s">
        <v>49</v>
      </c>
      <c r="OE8" s="51" t="s">
        <v>50</v>
      </c>
      <c r="OF8" s="51" t="s">
        <v>51</v>
      </c>
      <c r="OG8" s="54" t="s">
        <v>45</v>
      </c>
      <c r="OH8" s="626"/>
      <c r="OI8" s="53" t="s">
        <v>43</v>
      </c>
      <c r="OJ8" s="51" t="s">
        <v>44</v>
      </c>
      <c r="OK8" s="52" t="s">
        <v>45</v>
      </c>
      <c r="OL8" s="28" t="s">
        <v>83</v>
      </c>
      <c r="OM8" s="51" t="s">
        <v>47</v>
      </c>
      <c r="ON8" s="51" t="s">
        <v>48</v>
      </c>
      <c r="OO8" s="51" t="s">
        <v>49</v>
      </c>
      <c r="OP8" s="51" t="s">
        <v>50</v>
      </c>
      <c r="OQ8" s="51" t="s">
        <v>51</v>
      </c>
      <c r="OR8" s="54" t="s">
        <v>45</v>
      </c>
      <c r="OS8" s="626"/>
    </row>
    <row r="9" spans="1:409" s="403" customFormat="1" ht="21" customHeight="1" x14ac:dyDescent="0.2">
      <c r="A9" s="39"/>
      <c r="B9" s="470" t="s">
        <v>4</v>
      </c>
      <c r="C9" s="360">
        <v>402598247</v>
      </c>
      <c r="D9" s="361">
        <v>839866146</v>
      </c>
      <c r="E9" s="362">
        <v>1242464393</v>
      </c>
      <c r="F9" s="363">
        <v>0</v>
      </c>
      <c r="G9" s="361">
        <v>5174266271</v>
      </c>
      <c r="H9" s="361">
        <v>7200264503</v>
      </c>
      <c r="I9" s="361">
        <v>5975774303</v>
      </c>
      <c r="J9" s="361">
        <v>5670583113</v>
      </c>
      <c r="K9" s="361">
        <v>4272965166</v>
      </c>
      <c r="L9" s="364">
        <v>28293853356</v>
      </c>
      <c r="M9" s="365">
        <v>29536317749</v>
      </c>
      <c r="N9" s="360">
        <v>100101074</v>
      </c>
      <c r="O9" s="361">
        <v>251296234</v>
      </c>
      <c r="P9" s="366">
        <v>351397308</v>
      </c>
      <c r="Q9" s="360">
        <v>0</v>
      </c>
      <c r="R9" s="361">
        <v>1480827446</v>
      </c>
      <c r="S9" s="361">
        <v>2343926477</v>
      </c>
      <c r="T9" s="361">
        <v>2005087824</v>
      </c>
      <c r="U9" s="361">
        <v>2197079349</v>
      </c>
      <c r="V9" s="361">
        <v>2198764734</v>
      </c>
      <c r="W9" s="366">
        <v>10225685830</v>
      </c>
      <c r="X9" s="365">
        <v>10577083138</v>
      </c>
      <c r="Y9" s="360">
        <v>0</v>
      </c>
      <c r="Z9" s="361">
        <v>0</v>
      </c>
      <c r="AA9" s="366">
        <v>0</v>
      </c>
      <c r="AB9" s="367">
        <v>0</v>
      </c>
      <c r="AC9" s="368">
        <v>704312461</v>
      </c>
      <c r="AD9" s="368">
        <v>1154460016</v>
      </c>
      <c r="AE9" s="368">
        <v>1118290013</v>
      </c>
      <c r="AF9" s="368">
        <v>1287492703</v>
      </c>
      <c r="AG9" s="368">
        <v>1281248357</v>
      </c>
      <c r="AH9" s="366">
        <v>5545803550</v>
      </c>
      <c r="AI9" s="365">
        <v>5545803550</v>
      </c>
      <c r="AJ9" s="369">
        <v>104860</v>
      </c>
      <c r="AK9" s="368">
        <v>450436</v>
      </c>
      <c r="AL9" s="366">
        <v>555296</v>
      </c>
      <c r="AM9" s="367">
        <v>0</v>
      </c>
      <c r="AN9" s="368">
        <v>5394075</v>
      </c>
      <c r="AO9" s="364">
        <v>24769149</v>
      </c>
      <c r="AP9" s="368">
        <v>48160112</v>
      </c>
      <c r="AQ9" s="368">
        <v>125986648</v>
      </c>
      <c r="AR9" s="368">
        <v>245933120</v>
      </c>
      <c r="AS9" s="366">
        <v>450243104</v>
      </c>
      <c r="AT9" s="365">
        <v>450798400</v>
      </c>
      <c r="AU9" s="369">
        <v>55930027</v>
      </c>
      <c r="AV9" s="368">
        <v>178433949</v>
      </c>
      <c r="AW9" s="366">
        <v>234363976</v>
      </c>
      <c r="AX9" s="367">
        <v>0</v>
      </c>
      <c r="AY9" s="368">
        <v>469615505</v>
      </c>
      <c r="AZ9" s="368">
        <v>769068831</v>
      </c>
      <c r="BA9" s="368">
        <v>494600833</v>
      </c>
      <c r="BB9" s="368">
        <v>448698371</v>
      </c>
      <c r="BC9" s="368">
        <v>420431546</v>
      </c>
      <c r="BD9" s="366">
        <v>2602415086</v>
      </c>
      <c r="BE9" s="370">
        <v>2836779062</v>
      </c>
      <c r="BF9" s="369">
        <v>6764705</v>
      </c>
      <c r="BG9" s="364">
        <v>26216180</v>
      </c>
      <c r="BH9" s="371">
        <v>32980885</v>
      </c>
      <c r="BI9" s="367">
        <v>0</v>
      </c>
      <c r="BJ9" s="368">
        <v>39525176</v>
      </c>
      <c r="BK9" s="368">
        <v>65700847</v>
      </c>
      <c r="BL9" s="368">
        <v>43449029</v>
      </c>
      <c r="BM9" s="368">
        <v>37273865</v>
      </c>
      <c r="BN9" s="368">
        <v>22330627</v>
      </c>
      <c r="BO9" s="366">
        <v>208279544</v>
      </c>
      <c r="BP9" s="365">
        <v>241260429</v>
      </c>
      <c r="BQ9" s="369">
        <v>37301482</v>
      </c>
      <c r="BR9" s="368">
        <v>46195669</v>
      </c>
      <c r="BS9" s="366">
        <v>83497151</v>
      </c>
      <c r="BT9" s="367">
        <v>0</v>
      </c>
      <c r="BU9" s="368">
        <v>261980229</v>
      </c>
      <c r="BV9" s="368">
        <v>329927634</v>
      </c>
      <c r="BW9" s="368">
        <v>300587837</v>
      </c>
      <c r="BX9" s="368">
        <v>297627762</v>
      </c>
      <c r="BY9" s="368">
        <v>228821084</v>
      </c>
      <c r="BZ9" s="366">
        <v>1418944546</v>
      </c>
      <c r="CA9" s="365">
        <v>1502441697</v>
      </c>
      <c r="CB9" s="369">
        <v>39103102</v>
      </c>
      <c r="CC9" s="368">
        <v>116380654</v>
      </c>
      <c r="CD9" s="366">
        <v>155483756</v>
      </c>
      <c r="CE9" s="367">
        <v>0</v>
      </c>
      <c r="CF9" s="368">
        <v>1433698087</v>
      </c>
      <c r="CG9" s="368">
        <v>1934513109</v>
      </c>
      <c r="CH9" s="372">
        <v>1362957434</v>
      </c>
      <c r="CI9" s="368">
        <v>903145726</v>
      </c>
      <c r="CJ9" s="368">
        <v>454303869</v>
      </c>
      <c r="CK9" s="366">
        <v>6088618225</v>
      </c>
      <c r="CL9" s="365">
        <v>6244101981</v>
      </c>
      <c r="CM9" s="360">
        <v>0</v>
      </c>
      <c r="CN9" s="361">
        <v>21049</v>
      </c>
      <c r="CO9" s="366">
        <v>21049</v>
      </c>
      <c r="CP9" s="367">
        <v>0</v>
      </c>
      <c r="CQ9" s="368">
        <v>1213216362</v>
      </c>
      <c r="CR9" s="368">
        <v>1523488035</v>
      </c>
      <c r="CS9" s="368">
        <v>1064835774</v>
      </c>
      <c r="CT9" s="368">
        <v>688288473</v>
      </c>
      <c r="CU9" s="368">
        <v>368876149</v>
      </c>
      <c r="CV9" s="373">
        <v>4858704793</v>
      </c>
      <c r="CW9" s="365">
        <v>4858725842</v>
      </c>
      <c r="CX9" s="369">
        <v>39103102</v>
      </c>
      <c r="CY9" s="368">
        <v>116359605</v>
      </c>
      <c r="CZ9" s="366">
        <v>155462707</v>
      </c>
      <c r="DA9" s="367">
        <v>0</v>
      </c>
      <c r="DB9" s="368">
        <v>220481725</v>
      </c>
      <c r="DC9" s="368">
        <v>411025074</v>
      </c>
      <c r="DD9" s="368">
        <v>298121660</v>
      </c>
      <c r="DE9" s="368">
        <v>214857253</v>
      </c>
      <c r="DF9" s="368">
        <v>85427720</v>
      </c>
      <c r="DG9" s="366">
        <v>1229913432</v>
      </c>
      <c r="DH9" s="365">
        <v>1385376139</v>
      </c>
      <c r="DI9" s="369">
        <v>1837415</v>
      </c>
      <c r="DJ9" s="368">
        <v>10140702</v>
      </c>
      <c r="DK9" s="371">
        <v>11978117</v>
      </c>
      <c r="DL9" s="367">
        <v>0</v>
      </c>
      <c r="DM9" s="368">
        <v>139702378</v>
      </c>
      <c r="DN9" s="368">
        <v>294317070</v>
      </c>
      <c r="DO9" s="368">
        <v>528903920</v>
      </c>
      <c r="DP9" s="368">
        <v>463082890</v>
      </c>
      <c r="DQ9" s="368">
        <v>261473061</v>
      </c>
      <c r="DR9" s="374">
        <v>1687479319</v>
      </c>
      <c r="DS9" s="365">
        <v>1699457436</v>
      </c>
      <c r="DT9" s="369">
        <v>1762150</v>
      </c>
      <c r="DU9" s="368">
        <v>9290200</v>
      </c>
      <c r="DV9" s="366">
        <v>11052350</v>
      </c>
      <c r="DW9" s="367">
        <v>0</v>
      </c>
      <c r="DX9" s="368">
        <v>126163407</v>
      </c>
      <c r="DY9" s="368">
        <v>257725593</v>
      </c>
      <c r="DZ9" s="368">
        <v>482992374</v>
      </c>
      <c r="EA9" s="368">
        <v>406905388</v>
      </c>
      <c r="EB9" s="368">
        <v>226800825</v>
      </c>
      <c r="EC9" s="366">
        <v>1500587587</v>
      </c>
      <c r="ED9" s="365">
        <v>1511639937</v>
      </c>
      <c r="EE9" s="369">
        <v>75265</v>
      </c>
      <c r="EF9" s="364">
        <v>850502</v>
      </c>
      <c r="EG9" s="366">
        <v>925767</v>
      </c>
      <c r="EH9" s="370">
        <v>0</v>
      </c>
      <c r="EI9" s="368">
        <v>13538971</v>
      </c>
      <c r="EJ9" s="368">
        <v>36591477</v>
      </c>
      <c r="EK9" s="368">
        <v>45911546</v>
      </c>
      <c r="EL9" s="368">
        <v>56111593</v>
      </c>
      <c r="EM9" s="372">
        <v>34582875</v>
      </c>
      <c r="EN9" s="364">
        <v>186736462</v>
      </c>
      <c r="EO9" s="365">
        <v>187662229</v>
      </c>
      <c r="EP9" s="369">
        <v>0</v>
      </c>
      <c r="EQ9" s="368">
        <v>0</v>
      </c>
      <c r="ER9" s="364">
        <v>0</v>
      </c>
      <c r="ES9" s="367">
        <v>0</v>
      </c>
      <c r="ET9" s="368">
        <v>0</v>
      </c>
      <c r="EU9" s="368">
        <v>0</v>
      </c>
      <c r="EV9" s="368">
        <v>0</v>
      </c>
      <c r="EW9" s="368">
        <v>65909</v>
      </c>
      <c r="EX9" s="368">
        <v>89361</v>
      </c>
      <c r="EY9" s="373">
        <v>155270</v>
      </c>
      <c r="EZ9" s="365">
        <v>155270</v>
      </c>
      <c r="FA9" s="369">
        <v>0</v>
      </c>
      <c r="FB9" s="368">
        <v>0</v>
      </c>
      <c r="FC9" s="364">
        <v>0</v>
      </c>
      <c r="FD9" s="375"/>
      <c r="FE9" s="368">
        <v>0</v>
      </c>
      <c r="FF9" s="368">
        <v>0</v>
      </c>
      <c r="FG9" s="368">
        <v>0</v>
      </c>
      <c r="FH9" s="368">
        <v>0</v>
      </c>
      <c r="FI9" s="368">
        <v>0</v>
      </c>
      <c r="FJ9" s="373">
        <v>0</v>
      </c>
      <c r="FK9" s="365">
        <v>0</v>
      </c>
      <c r="FL9" s="369">
        <v>93408581</v>
      </c>
      <c r="FM9" s="368">
        <v>197004477</v>
      </c>
      <c r="FN9" s="366">
        <v>290413058</v>
      </c>
      <c r="FO9" s="367">
        <v>0</v>
      </c>
      <c r="FP9" s="368">
        <v>252244996</v>
      </c>
      <c r="FQ9" s="368">
        <v>661203815</v>
      </c>
      <c r="FR9" s="368">
        <v>464624863</v>
      </c>
      <c r="FS9" s="368">
        <v>422614473</v>
      </c>
      <c r="FT9" s="368">
        <v>309165618</v>
      </c>
      <c r="FU9" s="366">
        <v>2109853765</v>
      </c>
      <c r="FV9" s="365">
        <v>2400266823</v>
      </c>
      <c r="FW9" s="369">
        <v>55472729</v>
      </c>
      <c r="FX9" s="368">
        <v>151967562</v>
      </c>
      <c r="FY9" s="364">
        <v>207440291</v>
      </c>
      <c r="FZ9" s="370">
        <v>0</v>
      </c>
      <c r="GA9" s="368">
        <v>203548897</v>
      </c>
      <c r="GB9" s="376">
        <v>610213878</v>
      </c>
      <c r="GC9" s="368">
        <v>433700578</v>
      </c>
      <c r="GD9" s="376">
        <v>395607008</v>
      </c>
      <c r="GE9" s="368">
        <v>298351263</v>
      </c>
      <c r="GF9" s="373">
        <v>1941421624</v>
      </c>
      <c r="GG9" s="377">
        <v>2148861915</v>
      </c>
      <c r="GH9" s="378">
        <v>5160005</v>
      </c>
      <c r="GI9" s="368">
        <v>9956140</v>
      </c>
      <c r="GJ9" s="376">
        <v>15116145</v>
      </c>
      <c r="GK9" s="363">
        <v>0</v>
      </c>
      <c r="GL9" s="368">
        <v>11999438</v>
      </c>
      <c r="GM9" s="364">
        <v>16966706</v>
      </c>
      <c r="GN9" s="368">
        <v>12457691</v>
      </c>
      <c r="GO9" s="364">
        <v>10609568</v>
      </c>
      <c r="GP9" s="368">
        <v>5347261</v>
      </c>
      <c r="GQ9" s="374">
        <v>57380664</v>
      </c>
      <c r="GR9" s="365">
        <v>72496809</v>
      </c>
      <c r="GS9" s="364">
        <v>32775847</v>
      </c>
      <c r="GT9" s="368">
        <v>35080775</v>
      </c>
      <c r="GU9" s="366">
        <v>67856622</v>
      </c>
      <c r="GV9" s="364">
        <v>0</v>
      </c>
      <c r="GW9" s="368">
        <v>36696661</v>
      </c>
      <c r="GX9" s="364">
        <v>34023231</v>
      </c>
      <c r="GY9" s="368">
        <v>18466594</v>
      </c>
      <c r="GZ9" s="364">
        <v>16397897</v>
      </c>
      <c r="HA9" s="368">
        <v>5467094</v>
      </c>
      <c r="HB9" s="364">
        <v>111051477</v>
      </c>
      <c r="HC9" s="365">
        <v>178908099</v>
      </c>
      <c r="HD9" s="364">
        <v>95260463</v>
      </c>
      <c r="HE9" s="368">
        <v>121606978</v>
      </c>
      <c r="HF9" s="364">
        <v>216867441</v>
      </c>
      <c r="HG9" s="370">
        <v>0</v>
      </c>
      <c r="HH9" s="368">
        <v>1014140048</v>
      </c>
      <c r="HI9" s="376">
        <v>1040463226</v>
      </c>
      <c r="HJ9" s="368">
        <v>1020215602</v>
      </c>
      <c r="HK9" s="376">
        <v>1270838459</v>
      </c>
      <c r="HL9" s="368">
        <v>797401818</v>
      </c>
      <c r="HM9" s="373">
        <v>5143059153</v>
      </c>
      <c r="HN9" s="364">
        <v>5359926594</v>
      </c>
      <c r="HO9" s="378">
        <v>72887612</v>
      </c>
      <c r="HP9" s="368">
        <v>143437101</v>
      </c>
      <c r="HQ9" s="373">
        <v>216324713</v>
      </c>
      <c r="HR9" s="364">
        <v>0</v>
      </c>
      <c r="HS9" s="368">
        <v>853653316</v>
      </c>
      <c r="HT9" s="364">
        <v>925840806</v>
      </c>
      <c r="HU9" s="368">
        <v>593984660</v>
      </c>
      <c r="HV9" s="364">
        <v>413822216</v>
      </c>
      <c r="HW9" s="368">
        <v>251856066</v>
      </c>
      <c r="HX9" s="364">
        <v>3039157064</v>
      </c>
      <c r="HY9" s="365">
        <v>3255481777</v>
      </c>
      <c r="HZ9" s="379">
        <v>8865330</v>
      </c>
      <c r="IA9" s="380">
        <v>35353581</v>
      </c>
      <c r="IB9" s="381">
        <v>44218911</v>
      </c>
      <c r="IC9" s="382">
        <v>0</v>
      </c>
      <c r="ID9" s="380">
        <v>1593381255</v>
      </c>
      <c r="IE9" s="383">
        <v>2190811702</v>
      </c>
      <c r="IF9" s="384">
        <v>2322666855</v>
      </c>
      <c r="IG9" s="380">
        <v>1728673595</v>
      </c>
      <c r="IH9" s="384">
        <v>1272694410</v>
      </c>
      <c r="II9" s="385">
        <v>9108227817</v>
      </c>
      <c r="IJ9" s="386">
        <v>9152446728</v>
      </c>
      <c r="IK9" s="387">
        <v>0</v>
      </c>
      <c r="IL9" s="388">
        <v>0</v>
      </c>
      <c r="IM9" s="389">
        <v>0</v>
      </c>
      <c r="IN9" s="390"/>
      <c r="IO9" s="391">
        <v>25228217</v>
      </c>
      <c r="IP9" s="391">
        <v>52590584</v>
      </c>
      <c r="IQ9" s="391">
        <v>66702735</v>
      </c>
      <c r="IR9" s="391">
        <v>100639509</v>
      </c>
      <c r="IS9" s="391">
        <v>114042257</v>
      </c>
      <c r="IT9" s="392">
        <v>359203302</v>
      </c>
      <c r="IU9" s="393">
        <v>359203302</v>
      </c>
      <c r="IV9" s="394">
        <v>0</v>
      </c>
      <c r="IW9" s="391">
        <v>0</v>
      </c>
      <c r="IX9" s="395">
        <v>0</v>
      </c>
      <c r="IY9" s="396"/>
      <c r="IZ9" s="391">
        <v>3490104</v>
      </c>
      <c r="JA9" s="391">
        <v>11237552</v>
      </c>
      <c r="JB9" s="391">
        <v>11766983</v>
      </c>
      <c r="JC9" s="391">
        <v>14868569</v>
      </c>
      <c r="JD9" s="391">
        <v>16845012</v>
      </c>
      <c r="JE9" s="395">
        <v>58208220</v>
      </c>
      <c r="JF9" s="397">
        <v>58208220</v>
      </c>
      <c r="JG9" s="394">
        <v>0</v>
      </c>
      <c r="JH9" s="391">
        <v>0</v>
      </c>
      <c r="JI9" s="392">
        <v>0</v>
      </c>
      <c r="JJ9" s="398">
        <v>0</v>
      </c>
      <c r="JK9" s="391">
        <v>618108490</v>
      </c>
      <c r="JL9" s="391">
        <v>763515493</v>
      </c>
      <c r="JM9" s="391">
        <v>579926288</v>
      </c>
      <c r="JN9" s="391">
        <v>343497075</v>
      </c>
      <c r="JO9" s="391">
        <v>182952381</v>
      </c>
      <c r="JP9" s="395">
        <v>2487999727</v>
      </c>
      <c r="JQ9" s="393">
        <v>2487999727</v>
      </c>
      <c r="JR9" s="394">
        <v>235916</v>
      </c>
      <c r="JS9" s="391">
        <v>486558</v>
      </c>
      <c r="JT9" s="392">
        <v>722474</v>
      </c>
      <c r="JU9" s="398">
        <v>0</v>
      </c>
      <c r="JV9" s="391">
        <v>67744746</v>
      </c>
      <c r="JW9" s="391">
        <v>105921540</v>
      </c>
      <c r="JX9" s="391">
        <v>151030365</v>
      </c>
      <c r="JY9" s="391">
        <v>92738875</v>
      </c>
      <c r="JZ9" s="391">
        <v>70779121</v>
      </c>
      <c r="KA9" s="395">
        <v>488214647</v>
      </c>
      <c r="KB9" s="393">
        <v>488937121</v>
      </c>
      <c r="KC9" s="399">
        <v>8629414</v>
      </c>
      <c r="KD9" s="400">
        <v>25623372</v>
      </c>
      <c r="KE9" s="395">
        <v>34252786</v>
      </c>
      <c r="KF9" s="398">
        <v>0</v>
      </c>
      <c r="KG9" s="391">
        <v>201582135</v>
      </c>
      <c r="KH9" s="391">
        <v>301446556</v>
      </c>
      <c r="KI9" s="391">
        <v>370726050</v>
      </c>
      <c r="KJ9" s="391">
        <v>267028767</v>
      </c>
      <c r="KK9" s="391">
        <v>166755490</v>
      </c>
      <c r="KL9" s="395">
        <v>1307538998</v>
      </c>
      <c r="KM9" s="401">
        <v>1341791784</v>
      </c>
      <c r="KN9" s="387">
        <v>0</v>
      </c>
      <c r="KO9" s="388">
        <v>9243651</v>
      </c>
      <c r="KP9" s="389">
        <v>9243651</v>
      </c>
      <c r="KQ9" s="390"/>
      <c r="KR9" s="391">
        <v>635139286</v>
      </c>
      <c r="KS9" s="391">
        <v>870678999</v>
      </c>
      <c r="KT9" s="391">
        <v>986750429</v>
      </c>
      <c r="KU9" s="391">
        <v>673485452</v>
      </c>
      <c r="KV9" s="391">
        <v>470195027</v>
      </c>
      <c r="KW9" s="395">
        <v>3636249193</v>
      </c>
      <c r="KX9" s="393">
        <v>3645492844</v>
      </c>
      <c r="KY9" s="394">
        <v>0</v>
      </c>
      <c r="KZ9" s="391">
        <v>0</v>
      </c>
      <c r="LA9" s="395">
        <v>0</v>
      </c>
      <c r="LB9" s="402"/>
      <c r="LC9" s="391">
        <v>6818248</v>
      </c>
      <c r="LD9" s="391">
        <v>7455150</v>
      </c>
      <c r="LE9" s="391">
        <v>14425111</v>
      </c>
      <c r="LF9" s="391">
        <v>14405669</v>
      </c>
      <c r="LG9" s="391">
        <v>12866415</v>
      </c>
      <c r="LH9" s="395">
        <v>55970593</v>
      </c>
      <c r="LI9" s="397">
        <v>55970593</v>
      </c>
      <c r="LJ9" s="394">
        <v>0</v>
      </c>
      <c r="LK9" s="391">
        <v>0</v>
      </c>
      <c r="LL9" s="395">
        <v>0</v>
      </c>
      <c r="LM9" s="402"/>
      <c r="LN9" s="391">
        <v>2113673</v>
      </c>
      <c r="LO9" s="391">
        <v>6754628</v>
      </c>
      <c r="LP9" s="391">
        <v>58469630</v>
      </c>
      <c r="LQ9" s="391">
        <v>99011471</v>
      </c>
      <c r="LR9" s="391">
        <v>74090700</v>
      </c>
      <c r="LS9" s="395">
        <v>240440102</v>
      </c>
      <c r="LT9" s="393">
        <v>240440102</v>
      </c>
      <c r="LU9" s="394">
        <v>0</v>
      </c>
      <c r="LV9" s="391">
        <v>0</v>
      </c>
      <c r="LW9" s="395">
        <v>0</v>
      </c>
      <c r="LX9" s="402"/>
      <c r="LY9" s="391">
        <v>33156356</v>
      </c>
      <c r="LZ9" s="391">
        <v>71211200</v>
      </c>
      <c r="MA9" s="391">
        <v>82869264</v>
      </c>
      <c r="MB9" s="391">
        <v>122998208</v>
      </c>
      <c r="MC9" s="391">
        <v>164168007</v>
      </c>
      <c r="MD9" s="395">
        <v>474403035</v>
      </c>
      <c r="ME9" s="397">
        <v>474403035</v>
      </c>
      <c r="MF9" s="394">
        <v>0</v>
      </c>
      <c r="MG9" s="391">
        <v>0</v>
      </c>
      <c r="MH9" s="395">
        <v>0</v>
      </c>
      <c r="MI9" s="402"/>
      <c r="MJ9" s="391">
        <v>524941007</v>
      </c>
      <c r="MK9" s="391">
        <v>1370675417</v>
      </c>
      <c r="ML9" s="391">
        <v>4070909487</v>
      </c>
      <c r="MM9" s="391">
        <v>6153041924</v>
      </c>
      <c r="MN9" s="391">
        <v>4279140421</v>
      </c>
      <c r="MO9" s="395">
        <v>16398708256</v>
      </c>
      <c r="MP9" s="401">
        <v>16398708256</v>
      </c>
      <c r="MQ9" s="394">
        <v>0</v>
      </c>
      <c r="MR9" s="391">
        <v>0</v>
      </c>
      <c r="MS9" s="395">
        <v>0</v>
      </c>
      <c r="MT9" s="402"/>
      <c r="MU9" s="391">
        <v>101894320</v>
      </c>
      <c r="MV9" s="391">
        <v>390528096</v>
      </c>
      <c r="MW9" s="391">
        <v>2609166567</v>
      </c>
      <c r="MX9" s="391">
        <v>4160771720</v>
      </c>
      <c r="MY9" s="391">
        <v>3063108503</v>
      </c>
      <c r="MZ9" s="395">
        <v>10325469206</v>
      </c>
      <c r="NA9" s="401">
        <v>10325469206</v>
      </c>
      <c r="NB9" s="394">
        <v>0</v>
      </c>
      <c r="NC9" s="391">
        <v>0</v>
      </c>
      <c r="ND9" s="395">
        <v>0</v>
      </c>
      <c r="NE9" s="402"/>
      <c r="NF9" s="391">
        <v>419392429</v>
      </c>
      <c r="NG9" s="391">
        <v>971922525</v>
      </c>
      <c r="NH9" s="391">
        <v>1438213311</v>
      </c>
      <c r="NI9" s="391">
        <v>1823557286</v>
      </c>
      <c r="NJ9" s="391">
        <v>980348847</v>
      </c>
      <c r="NK9" s="395">
        <v>5633434398</v>
      </c>
      <c r="NL9" s="393">
        <v>5633434398</v>
      </c>
      <c r="NM9" s="394">
        <v>0</v>
      </c>
      <c r="NN9" s="391">
        <v>0</v>
      </c>
      <c r="NO9" s="395">
        <v>0</v>
      </c>
      <c r="NP9" s="402"/>
      <c r="NQ9" s="391">
        <v>0</v>
      </c>
      <c r="NR9" s="391">
        <v>0</v>
      </c>
      <c r="NS9" s="391">
        <v>2740731</v>
      </c>
      <c r="NT9" s="391">
        <v>36768012</v>
      </c>
      <c r="NU9" s="391">
        <v>49115914</v>
      </c>
      <c r="NV9" s="395">
        <v>88624657</v>
      </c>
      <c r="NW9" s="397">
        <v>88624657</v>
      </c>
      <c r="NX9" s="394">
        <v>0</v>
      </c>
      <c r="NY9" s="391">
        <v>0</v>
      </c>
      <c r="NZ9" s="395">
        <v>0</v>
      </c>
      <c r="OA9" s="402"/>
      <c r="OB9" s="391">
        <v>3654258</v>
      </c>
      <c r="OC9" s="391">
        <v>8224796</v>
      </c>
      <c r="OD9" s="391">
        <v>20788878</v>
      </c>
      <c r="OE9" s="391">
        <v>131944906</v>
      </c>
      <c r="OF9" s="391">
        <v>186567157</v>
      </c>
      <c r="OG9" s="395">
        <v>351179995</v>
      </c>
      <c r="OH9" s="397">
        <v>351179995</v>
      </c>
      <c r="OI9" s="394">
        <v>411463577</v>
      </c>
      <c r="OJ9" s="391">
        <v>875219727</v>
      </c>
      <c r="OK9" s="392">
        <v>1286683304</v>
      </c>
      <c r="OL9" s="398">
        <v>0</v>
      </c>
      <c r="OM9" s="391">
        <v>7292588533</v>
      </c>
      <c r="ON9" s="391">
        <v>10761751622</v>
      </c>
      <c r="OO9" s="391">
        <v>12369350645</v>
      </c>
      <c r="OP9" s="391">
        <v>13552298632</v>
      </c>
      <c r="OQ9" s="391">
        <v>9824799997</v>
      </c>
      <c r="OR9" s="395">
        <v>53800789429</v>
      </c>
      <c r="OS9" s="401">
        <v>55087472733</v>
      </c>
    </row>
    <row r="10" spans="1:409" s="403" customFormat="1" ht="21" customHeight="1" x14ac:dyDescent="0.2">
      <c r="A10" s="39"/>
      <c r="B10" s="471" t="s">
        <v>5</v>
      </c>
      <c r="C10" s="404">
        <v>162087968</v>
      </c>
      <c r="D10" s="405">
        <v>397504095</v>
      </c>
      <c r="E10" s="406">
        <v>559592063</v>
      </c>
      <c r="F10" s="407">
        <v>0</v>
      </c>
      <c r="G10" s="405">
        <v>1780702437</v>
      </c>
      <c r="H10" s="405">
        <v>3232480714</v>
      </c>
      <c r="I10" s="405">
        <v>2478212435</v>
      </c>
      <c r="J10" s="405">
        <v>2283545228</v>
      </c>
      <c r="K10" s="405">
        <v>1757999923</v>
      </c>
      <c r="L10" s="407">
        <v>11532940737</v>
      </c>
      <c r="M10" s="408">
        <v>12092532800</v>
      </c>
      <c r="N10" s="404">
        <v>44363413</v>
      </c>
      <c r="O10" s="405">
        <v>134776979</v>
      </c>
      <c r="P10" s="406">
        <v>179140392</v>
      </c>
      <c r="Q10" s="404">
        <v>0</v>
      </c>
      <c r="R10" s="405">
        <v>523356608</v>
      </c>
      <c r="S10" s="405">
        <v>1100656389</v>
      </c>
      <c r="T10" s="405">
        <v>851574744</v>
      </c>
      <c r="U10" s="405">
        <v>870994047</v>
      </c>
      <c r="V10" s="405">
        <v>908436597</v>
      </c>
      <c r="W10" s="406">
        <v>4255018385</v>
      </c>
      <c r="X10" s="408">
        <v>4434158777</v>
      </c>
      <c r="Y10" s="404">
        <v>0</v>
      </c>
      <c r="Z10" s="405">
        <v>0</v>
      </c>
      <c r="AA10" s="406">
        <v>0</v>
      </c>
      <c r="AB10" s="404">
        <v>0</v>
      </c>
      <c r="AC10" s="405">
        <v>239309807</v>
      </c>
      <c r="AD10" s="405">
        <v>517990590</v>
      </c>
      <c r="AE10" s="405">
        <v>438238188</v>
      </c>
      <c r="AF10" s="405">
        <v>473395611</v>
      </c>
      <c r="AG10" s="405">
        <v>499470398</v>
      </c>
      <c r="AH10" s="406">
        <v>2168404594</v>
      </c>
      <c r="AI10" s="408">
        <v>2168404594</v>
      </c>
      <c r="AJ10" s="404">
        <v>66231</v>
      </c>
      <c r="AK10" s="405">
        <v>155934</v>
      </c>
      <c r="AL10" s="406">
        <v>222165</v>
      </c>
      <c r="AM10" s="404">
        <v>0</v>
      </c>
      <c r="AN10" s="405">
        <v>1168966</v>
      </c>
      <c r="AO10" s="405">
        <v>8327234</v>
      </c>
      <c r="AP10" s="405">
        <v>18073382</v>
      </c>
      <c r="AQ10" s="405">
        <v>50800426</v>
      </c>
      <c r="AR10" s="405">
        <v>110489942</v>
      </c>
      <c r="AS10" s="406">
        <v>188859950</v>
      </c>
      <c r="AT10" s="408">
        <v>189082115</v>
      </c>
      <c r="AU10" s="404">
        <v>25413147</v>
      </c>
      <c r="AV10" s="405">
        <v>97073361</v>
      </c>
      <c r="AW10" s="406">
        <v>122486508</v>
      </c>
      <c r="AX10" s="404">
        <v>0</v>
      </c>
      <c r="AY10" s="405">
        <v>172666005</v>
      </c>
      <c r="AZ10" s="405">
        <v>402838166</v>
      </c>
      <c r="BA10" s="405">
        <v>250957241</v>
      </c>
      <c r="BB10" s="405">
        <v>207618714</v>
      </c>
      <c r="BC10" s="405">
        <v>193467132</v>
      </c>
      <c r="BD10" s="406">
        <v>1227547258</v>
      </c>
      <c r="BE10" s="408">
        <v>1350033766</v>
      </c>
      <c r="BF10" s="404">
        <v>2573497</v>
      </c>
      <c r="BG10" s="405">
        <v>14074662</v>
      </c>
      <c r="BH10" s="409">
        <v>16648159</v>
      </c>
      <c r="BI10" s="410">
        <v>0</v>
      </c>
      <c r="BJ10" s="405">
        <v>9249802</v>
      </c>
      <c r="BK10" s="405">
        <v>26059912</v>
      </c>
      <c r="BL10" s="405">
        <v>19074446</v>
      </c>
      <c r="BM10" s="405">
        <v>15530223</v>
      </c>
      <c r="BN10" s="405">
        <v>9211444</v>
      </c>
      <c r="BO10" s="406">
        <v>79125827</v>
      </c>
      <c r="BP10" s="408">
        <v>95773986</v>
      </c>
      <c r="BQ10" s="404">
        <v>16310538</v>
      </c>
      <c r="BR10" s="405">
        <v>23473022</v>
      </c>
      <c r="BS10" s="406">
        <v>39783560</v>
      </c>
      <c r="BT10" s="404">
        <v>0</v>
      </c>
      <c r="BU10" s="405">
        <v>100962028</v>
      </c>
      <c r="BV10" s="405">
        <v>145440487</v>
      </c>
      <c r="BW10" s="405">
        <v>125231487</v>
      </c>
      <c r="BX10" s="405">
        <v>123649073</v>
      </c>
      <c r="BY10" s="405">
        <v>95797681</v>
      </c>
      <c r="BZ10" s="406">
        <v>591080756</v>
      </c>
      <c r="CA10" s="408">
        <v>630864316</v>
      </c>
      <c r="CB10" s="404">
        <v>16822923</v>
      </c>
      <c r="CC10" s="405">
        <v>53510286</v>
      </c>
      <c r="CD10" s="406">
        <v>70333209</v>
      </c>
      <c r="CE10" s="404">
        <v>0</v>
      </c>
      <c r="CF10" s="405">
        <v>449782047</v>
      </c>
      <c r="CG10" s="405">
        <v>802508003</v>
      </c>
      <c r="CH10" s="405">
        <v>519271642</v>
      </c>
      <c r="CI10" s="405">
        <v>329150923</v>
      </c>
      <c r="CJ10" s="405">
        <v>164945124</v>
      </c>
      <c r="CK10" s="406">
        <v>2265657739</v>
      </c>
      <c r="CL10" s="408">
        <v>2335990948</v>
      </c>
      <c r="CM10" s="404">
        <v>0</v>
      </c>
      <c r="CN10" s="405">
        <v>0</v>
      </c>
      <c r="CO10" s="406">
        <v>0</v>
      </c>
      <c r="CP10" s="410">
        <v>0</v>
      </c>
      <c r="CQ10" s="405">
        <v>382655018</v>
      </c>
      <c r="CR10" s="405">
        <v>618937014</v>
      </c>
      <c r="CS10" s="405">
        <v>385177538</v>
      </c>
      <c r="CT10" s="405">
        <v>233656998</v>
      </c>
      <c r="CU10" s="405">
        <v>127839243</v>
      </c>
      <c r="CV10" s="406">
        <v>1748265811</v>
      </c>
      <c r="CW10" s="408">
        <v>1748265811</v>
      </c>
      <c r="CX10" s="404">
        <v>16822923</v>
      </c>
      <c r="CY10" s="405">
        <v>53510286</v>
      </c>
      <c r="CZ10" s="406">
        <v>70333209</v>
      </c>
      <c r="DA10" s="404">
        <v>0</v>
      </c>
      <c r="DB10" s="405">
        <v>67127029</v>
      </c>
      <c r="DC10" s="405">
        <v>183570989</v>
      </c>
      <c r="DD10" s="405">
        <v>134094104</v>
      </c>
      <c r="DE10" s="405">
        <v>95493925</v>
      </c>
      <c r="DF10" s="405">
        <v>37105881</v>
      </c>
      <c r="DG10" s="406">
        <v>517391928</v>
      </c>
      <c r="DH10" s="408">
        <v>587725137</v>
      </c>
      <c r="DI10" s="404">
        <v>689039</v>
      </c>
      <c r="DJ10" s="405">
        <v>4824565</v>
      </c>
      <c r="DK10" s="409">
        <v>5513604</v>
      </c>
      <c r="DL10" s="410">
        <v>0</v>
      </c>
      <c r="DM10" s="405">
        <v>43841995</v>
      </c>
      <c r="DN10" s="405">
        <v>120759980</v>
      </c>
      <c r="DO10" s="405">
        <v>212336522</v>
      </c>
      <c r="DP10" s="405">
        <v>174883420</v>
      </c>
      <c r="DQ10" s="405">
        <v>105580174</v>
      </c>
      <c r="DR10" s="406">
        <v>657402091</v>
      </c>
      <c r="DS10" s="408">
        <v>662915695</v>
      </c>
      <c r="DT10" s="404">
        <v>639087</v>
      </c>
      <c r="DU10" s="405">
        <v>4283721</v>
      </c>
      <c r="DV10" s="406">
        <v>4922808</v>
      </c>
      <c r="DW10" s="404">
        <v>0</v>
      </c>
      <c r="DX10" s="405">
        <v>37401524</v>
      </c>
      <c r="DY10" s="405">
        <v>98227127</v>
      </c>
      <c r="DZ10" s="405">
        <v>186147446</v>
      </c>
      <c r="EA10" s="405">
        <v>142447304</v>
      </c>
      <c r="EB10" s="405">
        <v>84220618</v>
      </c>
      <c r="EC10" s="406">
        <v>548444019</v>
      </c>
      <c r="ED10" s="408">
        <v>553366827</v>
      </c>
      <c r="EE10" s="404">
        <v>49952</v>
      </c>
      <c r="EF10" s="409">
        <v>540844</v>
      </c>
      <c r="EG10" s="406">
        <v>590796</v>
      </c>
      <c r="EH10" s="404">
        <v>0</v>
      </c>
      <c r="EI10" s="405">
        <v>6440471</v>
      </c>
      <c r="EJ10" s="405">
        <v>22532853</v>
      </c>
      <c r="EK10" s="405">
        <v>26189076</v>
      </c>
      <c r="EL10" s="405">
        <v>32436116</v>
      </c>
      <c r="EM10" s="405">
        <v>21270195</v>
      </c>
      <c r="EN10" s="409">
        <v>108868711</v>
      </c>
      <c r="EO10" s="408">
        <v>109459507</v>
      </c>
      <c r="EP10" s="404">
        <v>0</v>
      </c>
      <c r="EQ10" s="405">
        <v>0</v>
      </c>
      <c r="ER10" s="409">
        <v>0</v>
      </c>
      <c r="ES10" s="410">
        <v>0</v>
      </c>
      <c r="ET10" s="405">
        <v>0</v>
      </c>
      <c r="EU10" s="405">
        <v>0</v>
      </c>
      <c r="EV10" s="405">
        <v>0</v>
      </c>
      <c r="EW10" s="405">
        <v>0</v>
      </c>
      <c r="EX10" s="405">
        <v>89361</v>
      </c>
      <c r="EY10" s="406">
        <v>89361</v>
      </c>
      <c r="EZ10" s="408">
        <v>89361</v>
      </c>
      <c r="FA10" s="404">
        <v>0</v>
      </c>
      <c r="FB10" s="405">
        <v>0</v>
      </c>
      <c r="FC10" s="409">
        <v>0</v>
      </c>
      <c r="FD10" s="411"/>
      <c r="FE10" s="405">
        <v>0</v>
      </c>
      <c r="FF10" s="405">
        <v>0</v>
      </c>
      <c r="FG10" s="405">
        <v>0</v>
      </c>
      <c r="FH10" s="405">
        <v>0</v>
      </c>
      <c r="FI10" s="405">
        <v>0</v>
      </c>
      <c r="FJ10" s="406">
        <v>0</v>
      </c>
      <c r="FK10" s="408">
        <v>0</v>
      </c>
      <c r="FL10" s="404">
        <v>32518162</v>
      </c>
      <c r="FM10" s="405">
        <v>83904381</v>
      </c>
      <c r="FN10" s="406">
        <v>116422543</v>
      </c>
      <c r="FO10" s="404">
        <v>0</v>
      </c>
      <c r="FP10" s="405">
        <v>67440464</v>
      </c>
      <c r="FQ10" s="405">
        <v>287858255</v>
      </c>
      <c r="FR10" s="405">
        <v>189148267</v>
      </c>
      <c r="FS10" s="405">
        <v>164656629</v>
      </c>
      <c r="FT10" s="405">
        <v>125154876</v>
      </c>
      <c r="FU10" s="406">
        <v>834258491</v>
      </c>
      <c r="FV10" s="408">
        <v>950681034</v>
      </c>
      <c r="FW10" s="412">
        <v>17532500</v>
      </c>
      <c r="FX10" s="405">
        <v>63669072</v>
      </c>
      <c r="FY10" s="409">
        <v>81201572</v>
      </c>
      <c r="FZ10" s="410">
        <v>0</v>
      </c>
      <c r="GA10" s="405">
        <v>52677010</v>
      </c>
      <c r="GB10" s="405">
        <v>264029402</v>
      </c>
      <c r="GC10" s="405">
        <v>177269233</v>
      </c>
      <c r="GD10" s="405">
        <v>153923199</v>
      </c>
      <c r="GE10" s="405">
        <v>119699434</v>
      </c>
      <c r="GF10" s="406">
        <v>767598278</v>
      </c>
      <c r="GG10" s="413">
        <v>848799850</v>
      </c>
      <c r="GH10" s="412">
        <v>1825547</v>
      </c>
      <c r="GI10" s="405">
        <v>4495005</v>
      </c>
      <c r="GJ10" s="409">
        <v>6320552</v>
      </c>
      <c r="GK10" s="410">
        <v>0</v>
      </c>
      <c r="GL10" s="405">
        <v>3717672</v>
      </c>
      <c r="GM10" s="405">
        <v>7827194</v>
      </c>
      <c r="GN10" s="405">
        <v>4953076</v>
      </c>
      <c r="GO10" s="405">
        <v>3984941</v>
      </c>
      <c r="GP10" s="405">
        <v>2430987</v>
      </c>
      <c r="GQ10" s="406">
        <v>22913870</v>
      </c>
      <c r="GR10" s="408">
        <v>29234422</v>
      </c>
      <c r="GS10" s="404">
        <v>13160115</v>
      </c>
      <c r="GT10" s="405">
        <v>15740304</v>
      </c>
      <c r="GU10" s="406">
        <v>28900419</v>
      </c>
      <c r="GV10" s="404">
        <v>0</v>
      </c>
      <c r="GW10" s="405">
        <v>11045782</v>
      </c>
      <c r="GX10" s="405">
        <v>16001659</v>
      </c>
      <c r="GY10" s="405">
        <v>6925958</v>
      </c>
      <c r="GZ10" s="405">
        <v>6748489</v>
      </c>
      <c r="HA10" s="405">
        <v>3024455</v>
      </c>
      <c r="HB10" s="409">
        <v>43746343</v>
      </c>
      <c r="HC10" s="408">
        <v>72646762</v>
      </c>
      <c r="HD10" s="404">
        <v>40519139</v>
      </c>
      <c r="HE10" s="405">
        <v>55204732</v>
      </c>
      <c r="HF10" s="409">
        <v>95723871</v>
      </c>
      <c r="HG10" s="410">
        <v>0</v>
      </c>
      <c r="HH10" s="405">
        <v>410322268</v>
      </c>
      <c r="HI10" s="405">
        <v>489819613</v>
      </c>
      <c r="HJ10" s="405">
        <v>449010456</v>
      </c>
      <c r="HK10" s="405">
        <v>571588712</v>
      </c>
      <c r="HL10" s="405">
        <v>347762197</v>
      </c>
      <c r="HM10" s="406">
        <v>2268503246</v>
      </c>
      <c r="HN10" s="407">
        <v>2364227117</v>
      </c>
      <c r="HO10" s="412">
        <v>27175292</v>
      </c>
      <c r="HP10" s="405">
        <v>65283152</v>
      </c>
      <c r="HQ10" s="406">
        <v>92458444</v>
      </c>
      <c r="HR10" s="404">
        <v>0</v>
      </c>
      <c r="HS10" s="405">
        <v>285959055</v>
      </c>
      <c r="HT10" s="405">
        <v>430878474</v>
      </c>
      <c r="HU10" s="405">
        <v>256870804</v>
      </c>
      <c r="HV10" s="405">
        <v>172271497</v>
      </c>
      <c r="HW10" s="405">
        <v>106120955</v>
      </c>
      <c r="HX10" s="409">
        <v>1252100785</v>
      </c>
      <c r="HY10" s="408">
        <v>1344559229</v>
      </c>
      <c r="HZ10" s="414">
        <v>3687793</v>
      </c>
      <c r="IA10" s="415">
        <v>13503788</v>
      </c>
      <c r="IB10" s="416">
        <v>17191581</v>
      </c>
      <c r="IC10" s="417">
        <v>0</v>
      </c>
      <c r="ID10" s="418">
        <v>630900188</v>
      </c>
      <c r="IE10" s="419">
        <v>991431395</v>
      </c>
      <c r="IF10" s="420">
        <v>1005528975</v>
      </c>
      <c r="IG10" s="418">
        <v>733962538</v>
      </c>
      <c r="IH10" s="420">
        <v>565053601</v>
      </c>
      <c r="II10" s="421">
        <v>3926876697</v>
      </c>
      <c r="IJ10" s="422">
        <v>3944068278</v>
      </c>
      <c r="IK10" s="423">
        <v>0</v>
      </c>
      <c r="IL10" s="424">
        <v>0</v>
      </c>
      <c r="IM10" s="425">
        <v>0</v>
      </c>
      <c r="IN10" s="426"/>
      <c r="IO10" s="427">
        <v>10446889</v>
      </c>
      <c r="IP10" s="427">
        <v>24905628</v>
      </c>
      <c r="IQ10" s="427">
        <v>34995200</v>
      </c>
      <c r="IR10" s="427">
        <v>47152495</v>
      </c>
      <c r="IS10" s="427">
        <v>54398289</v>
      </c>
      <c r="IT10" s="428">
        <v>171898501</v>
      </c>
      <c r="IU10" s="429">
        <v>171898501</v>
      </c>
      <c r="IV10" s="430">
        <v>0</v>
      </c>
      <c r="IW10" s="427">
        <v>0</v>
      </c>
      <c r="IX10" s="431">
        <v>0</v>
      </c>
      <c r="IY10" s="432"/>
      <c r="IZ10" s="427">
        <v>1686005</v>
      </c>
      <c r="JA10" s="427">
        <v>8155504</v>
      </c>
      <c r="JB10" s="427">
        <v>8347208</v>
      </c>
      <c r="JC10" s="427">
        <v>11272913</v>
      </c>
      <c r="JD10" s="427">
        <v>13343931</v>
      </c>
      <c r="JE10" s="431">
        <v>42805561</v>
      </c>
      <c r="JF10" s="433">
        <v>42805561</v>
      </c>
      <c r="JG10" s="430">
        <v>0</v>
      </c>
      <c r="JH10" s="427">
        <v>0</v>
      </c>
      <c r="JI10" s="428">
        <v>0</v>
      </c>
      <c r="JJ10" s="434">
        <v>0</v>
      </c>
      <c r="JK10" s="427">
        <v>218097859</v>
      </c>
      <c r="JL10" s="427">
        <v>362201983</v>
      </c>
      <c r="JM10" s="427">
        <v>270600611</v>
      </c>
      <c r="JN10" s="427">
        <v>162249407</v>
      </c>
      <c r="JO10" s="427">
        <v>83964399</v>
      </c>
      <c r="JP10" s="431">
        <v>1097114259</v>
      </c>
      <c r="JQ10" s="429">
        <v>1097114259</v>
      </c>
      <c r="JR10" s="430">
        <v>126421</v>
      </c>
      <c r="JS10" s="427">
        <v>178790</v>
      </c>
      <c r="JT10" s="428">
        <v>305211</v>
      </c>
      <c r="JU10" s="434">
        <v>0</v>
      </c>
      <c r="JV10" s="427">
        <v>35023935</v>
      </c>
      <c r="JW10" s="427">
        <v>55523549</v>
      </c>
      <c r="JX10" s="427">
        <v>78946635</v>
      </c>
      <c r="JY10" s="427">
        <v>53401725</v>
      </c>
      <c r="JZ10" s="427">
        <v>39504218</v>
      </c>
      <c r="KA10" s="431">
        <v>262400062</v>
      </c>
      <c r="KB10" s="429">
        <v>262705273</v>
      </c>
      <c r="KC10" s="435">
        <v>3561372</v>
      </c>
      <c r="KD10" s="436">
        <v>10145118</v>
      </c>
      <c r="KE10" s="431">
        <v>13706490</v>
      </c>
      <c r="KF10" s="434">
        <v>0</v>
      </c>
      <c r="KG10" s="427">
        <v>76603406</v>
      </c>
      <c r="KH10" s="427">
        <v>138366132</v>
      </c>
      <c r="KI10" s="427">
        <v>154701048</v>
      </c>
      <c r="KJ10" s="427">
        <v>123353754</v>
      </c>
      <c r="KK10" s="427">
        <v>84571771</v>
      </c>
      <c r="KL10" s="431">
        <v>577596111</v>
      </c>
      <c r="KM10" s="437">
        <v>591302601</v>
      </c>
      <c r="KN10" s="423">
        <v>0</v>
      </c>
      <c r="KO10" s="424">
        <v>3179880</v>
      </c>
      <c r="KP10" s="425">
        <v>3179880</v>
      </c>
      <c r="KQ10" s="426"/>
      <c r="KR10" s="427">
        <v>283351539</v>
      </c>
      <c r="KS10" s="427">
        <v>383539524</v>
      </c>
      <c r="KT10" s="427">
        <v>428521929</v>
      </c>
      <c r="KU10" s="427">
        <v>292500121</v>
      </c>
      <c r="KV10" s="427">
        <v>213791530</v>
      </c>
      <c r="KW10" s="431">
        <v>1601704643</v>
      </c>
      <c r="KX10" s="429">
        <v>1604884523</v>
      </c>
      <c r="KY10" s="430">
        <v>0</v>
      </c>
      <c r="KZ10" s="427">
        <v>0</v>
      </c>
      <c r="LA10" s="431">
        <v>0</v>
      </c>
      <c r="LB10" s="438"/>
      <c r="LC10" s="427">
        <v>0</v>
      </c>
      <c r="LD10" s="427">
        <v>381440</v>
      </c>
      <c r="LE10" s="427">
        <v>1063205</v>
      </c>
      <c r="LF10" s="427">
        <v>232999</v>
      </c>
      <c r="LG10" s="427">
        <v>1281540</v>
      </c>
      <c r="LH10" s="431">
        <v>2959184</v>
      </c>
      <c r="LI10" s="433">
        <v>2959184</v>
      </c>
      <c r="LJ10" s="430">
        <v>0</v>
      </c>
      <c r="LK10" s="427">
        <v>0</v>
      </c>
      <c r="LL10" s="431">
        <v>0</v>
      </c>
      <c r="LM10" s="438"/>
      <c r="LN10" s="427">
        <v>1019616</v>
      </c>
      <c r="LO10" s="427">
        <v>2678248</v>
      </c>
      <c r="LP10" s="427">
        <v>8194832</v>
      </c>
      <c r="LQ10" s="427">
        <v>11542914</v>
      </c>
      <c r="LR10" s="427">
        <v>11942276</v>
      </c>
      <c r="LS10" s="431">
        <v>35377886</v>
      </c>
      <c r="LT10" s="429">
        <v>35377886</v>
      </c>
      <c r="LU10" s="430">
        <v>0</v>
      </c>
      <c r="LV10" s="427">
        <v>0</v>
      </c>
      <c r="LW10" s="431">
        <v>0</v>
      </c>
      <c r="LX10" s="438"/>
      <c r="LY10" s="427">
        <v>4670939</v>
      </c>
      <c r="LZ10" s="427">
        <v>15679387</v>
      </c>
      <c r="MA10" s="427">
        <v>20158307</v>
      </c>
      <c r="MB10" s="427">
        <v>32256210</v>
      </c>
      <c r="MC10" s="427">
        <v>62255647</v>
      </c>
      <c r="MD10" s="431">
        <v>135020490</v>
      </c>
      <c r="ME10" s="433">
        <v>135020490</v>
      </c>
      <c r="MF10" s="430">
        <v>0</v>
      </c>
      <c r="MG10" s="427">
        <v>0</v>
      </c>
      <c r="MH10" s="431">
        <v>0</v>
      </c>
      <c r="MI10" s="438"/>
      <c r="MJ10" s="427">
        <v>217771547</v>
      </c>
      <c r="MK10" s="427">
        <v>712603738</v>
      </c>
      <c r="ML10" s="427">
        <v>1782780827</v>
      </c>
      <c r="MM10" s="427">
        <v>2634023345</v>
      </c>
      <c r="MN10" s="427">
        <v>1827968427</v>
      </c>
      <c r="MO10" s="431">
        <v>7175147884</v>
      </c>
      <c r="MP10" s="437">
        <v>7175147884</v>
      </c>
      <c r="MQ10" s="430">
        <v>0</v>
      </c>
      <c r="MR10" s="427">
        <v>0</v>
      </c>
      <c r="MS10" s="431">
        <v>0</v>
      </c>
      <c r="MT10" s="438"/>
      <c r="MU10" s="427">
        <v>59953977</v>
      </c>
      <c r="MV10" s="427">
        <v>259179189</v>
      </c>
      <c r="MW10" s="427">
        <v>1164135697</v>
      </c>
      <c r="MX10" s="427">
        <v>1742477126</v>
      </c>
      <c r="MY10" s="427">
        <v>1299074816</v>
      </c>
      <c r="MZ10" s="431">
        <v>4524820805</v>
      </c>
      <c r="NA10" s="437">
        <v>4524820805</v>
      </c>
      <c r="NB10" s="430">
        <v>0</v>
      </c>
      <c r="NC10" s="427">
        <v>0</v>
      </c>
      <c r="ND10" s="431">
        <v>0</v>
      </c>
      <c r="NE10" s="438"/>
      <c r="NF10" s="427">
        <v>157572383</v>
      </c>
      <c r="NG10" s="427">
        <v>451804166</v>
      </c>
      <c r="NH10" s="427">
        <v>614448488</v>
      </c>
      <c r="NI10" s="427">
        <v>840402955</v>
      </c>
      <c r="NJ10" s="427">
        <v>465915435</v>
      </c>
      <c r="NK10" s="431">
        <v>2530143427</v>
      </c>
      <c r="NL10" s="429">
        <v>2530143427</v>
      </c>
      <c r="NM10" s="430">
        <v>0</v>
      </c>
      <c r="NN10" s="427">
        <v>0</v>
      </c>
      <c r="NO10" s="431">
        <v>0</v>
      </c>
      <c r="NP10" s="438"/>
      <c r="NQ10" s="427">
        <v>0</v>
      </c>
      <c r="NR10" s="427">
        <v>0</v>
      </c>
      <c r="NS10" s="427">
        <v>681210</v>
      </c>
      <c r="NT10" s="427">
        <v>11623800</v>
      </c>
      <c r="NU10" s="427">
        <v>14514542</v>
      </c>
      <c r="NV10" s="431">
        <v>26819552</v>
      </c>
      <c r="NW10" s="433">
        <v>26819552</v>
      </c>
      <c r="NX10" s="430">
        <v>0</v>
      </c>
      <c r="NY10" s="427">
        <v>0</v>
      </c>
      <c r="NZ10" s="431">
        <v>0</v>
      </c>
      <c r="OA10" s="438"/>
      <c r="OB10" s="427">
        <v>245187</v>
      </c>
      <c r="OC10" s="427">
        <v>1620383</v>
      </c>
      <c r="OD10" s="427">
        <v>3515432</v>
      </c>
      <c r="OE10" s="427">
        <v>39519464</v>
      </c>
      <c r="OF10" s="427">
        <v>48463634</v>
      </c>
      <c r="OG10" s="431">
        <v>93364100</v>
      </c>
      <c r="OH10" s="433">
        <v>93364100</v>
      </c>
      <c r="OI10" s="430">
        <v>165775761</v>
      </c>
      <c r="OJ10" s="427">
        <v>411007883</v>
      </c>
      <c r="OK10" s="428">
        <v>576783644</v>
      </c>
      <c r="OL10" s="434">
        <v>0</v>
      </c>
      <c r="OM10" s="427">
        <v>2629374172</v>
      </c>
      <c r="ON10" s="427">
        <v>4936515847</v>
      </c>
      <c r="OO10" s="427">
        <v>5266522237</v>
      </c>
      <c r="OP10" s="427">
        <v>5651531111</v>
      </c>
      <c r="OQ10" s="427">
        <v>4151021951</v>
      </c>
      <c r="OR10" s="431">
        <v>22634965318</v>
      </c>
      <c r="OS10" s="437">
        <v>23211748962</v>
      </c>
    </row>
    <row r="11" spans="1:409" ht="21" customHeight="1" x14ac:dyDescent="0.2">
      <c r="B11" s="472" t="s">
        <v>6</v>
      </c>
      <c r="C11" s="100">
        <v>54541824</v>
      </c>
      <c r="D11" s="104">
        <v>97733227</v>
      </c>
      <c r="E11" s="103">
        <v>152275051</v>
      </c>
      <c r="F11" s="99">
        <v>0</v>
      </c>
      <c r="G11" s="104">
        <v>869050381</v>
      </c>
      <c r="H11" s="104">
        <v>960904223</v>
      </c>
      <c r="I11" s="104">
        <v>836345165</v>
      </c>
      <c r="J11" s="104">
        <v>826891699</v>
      </c>
      <c r="K11" s="104">
        <v>679061623</v>
      </c>
      <c r="L11" s="99">
        <v>4172253091</v>
      </c>
      <c r="M11" s="106">
        <v>4324528142</v>
      </c>
      <c r="N11" s="100">
        <v>15108621</v>
      </c>
      <c r="O11" s="104">
        <v>31490669</v>
      </c>
      <c r="P11" s="103">
        <v>46599290</v>
      </c>
      <c r="Q11" s="100">
        <v>0</v>
      </c>
      <c r="R11" s="104">
        <v>279471692</v>
      </c>
      <c r="S11" s="104">
        <v>343815875</v>
      </c>
      <c r="T11" s="104">
        <v>294964260</v>
      </c>
      <c r="U11" s="104">
        <v>327723837</v>
      </c>
      <c r="V11" s="104">
        <v>359990699</v>
      </c>
      <c r="W11" s="103">
        <v>1605966363</v>
      </c>
      <c r="X11" s="106">
        <v>1652565653</v>
      </c>
      <c r="Y11" s="100">
        <v>0</v>
      </c>
      <c r="Z11" s="104">
        <v>0</v>
      </c>
      <c r="AA11" s="103">
        <v>0</v>
      </c>
      <c r="AB11" s="100">
        <v>0</v>
      </c>
      <c r="AC11" s="104">
        <v>134800304</v>
      </c>
      <c r="AD11" s="104">
        <v>174630663</v>
      </c>
      <c r="AE11" s="104">
        <v>169085127</v>
      </c>
      <c r="AF11" s="104">
        <v>197882944</v>
      </c>
      <c r="AG11" s="104">
        <v>217411137</v>
      </c>
      <c r="AH11" s="103">
        <v>893810175</v>
      </c>
      <c r="AI11" s="106">
        <v>893810175</v>
      </c>
      <c r="AJ11" s="100">
        <v>18494</v>
      </c>
      <c r="AK11" s="104">
        <v>46216</v>
      </c>
      <c r="AL11" s="103">
        <v>64710</v>
      </c>
      <c r="AM11" s="100">
        <v>0</v>
      </c>
      <c r="AN11" s="104">
        <v>1039230</v>
      </c>
      <c r="AO11" s="104">
        <v>3239609</v>
      </c>
      <c r="AP11" s="104">
        <v>6762109</v>
      </c>
      <c r="AQ11" s="104">
        <v>15961082</v>
      </c>
      <c r="AR11" s="104">
        <v>36889399</v>
      </c>
      <c r="AS11" s="103">
        <v>63891429</v>
      </c>
      <c r="AT11" s="106">
        <v>63956139</v>
      </c>
      <c r="AU11" s="100">
        <v>8460950</v>
      </c>
      <c r="AV11" s="104">
        <v>23091495</v>
      </c>
      <c r="AW11" s="103">
        <v>31552445</v>
      </c>
      <c r="AX11" s="100">
        <v>0</v>
      </c>
      <c r="AY11" s="104">
        <v>89363038</v>
      </c>
      <c r="AZ11" s="104">
        <v>104567737</v>
      </c>
      <c r="BA11" s="104">
        <v>67147202</v>
      </c>
      <c r="BB11" s="104">
        <v>61842069</v>
      </c>
      <c r="BC11" s="104">
        <v>63123862</v>
      </c>
      <c r="BD11" s="103">
        <v>386043908</v>
      </c>
      <c r="BE11" s="106">
        <v>417596353</v>
      </c>
      <c r="BF11" s="100">
        <v>597233</v>
      </c>
      <c r="BG11" s="104">
        <v>1871764</v>
      </c>
      <c r="BH11" s="102">
        <v>2468997</v>
      </c>
      <c r="BI11" s="101">
        <v>0</v>
      </c>
      <c r="BJ11" s="104">
        <v>6670357</v>
      </c>
      <c r="BK11" s="104">
        <v>8479759</v>
      </c>
      <c r="BL11" s="104">
        <v>4644600</v>
      </c>
      <c r="BM11" s="104">
        <v>4938196</v>
      </c>
      <c r="BN11" s="104">
        <v>2752196</v>
      </c>
      <c r="BO11" s="103">
        <v>27485108</v>
      </c>
      <c r="BP11" s="106">
        <v>29954105</v>
      </c>
      <c r="BQ11" s="100">
        <v>6031944</v>
      </c>
      <c r="BR11" s="104">
        <v>6481194</v>
      </c>
      <c r="BS11" s="103">
        <v>12513138</v>
      </c>
      <c r="BT11" s="100">
        <v>0</v>
      </c>
      <c r="BU11" s="104">
        <v>47598763</v>
      </c>
      <c r="BV11" s="104">
        <v>52898107</v>
      </c>
      <c r="BW11" s="104">
        <v>47325222</v>
      </c>
      <c r="BX11" s="104">
        <v>47099546</v>
      </c>
      <c r="BY11" s="104">
        <v>39814105</v>
      </c>
      <c r="BZ11" s="103">
        <v>234735743</v>
      </c>
      <c r="CA11" s="106">
        <v>247248881</v>
      </c>
      <c r="CB11" s="100">
        <v>3204185</v>
      </c>
      <c r="CC11" s="104">
        <v>9430506</v>
      </c>
      <c r="CD11" s="103">
        <v>12634691</v>
      </c>
      <c r="CE11" s="100">
        <v>0</v>
      </c>
      <c r="CF11" s="104">
        <v>230595108</v>
      </c>
      <c r="CG11" s="104">
        <v>253755238</v>
      </c>
      <c r="CH11" s="104">
        <v>187683466</v>
      </c>
      <c r="CI11" s="104">
        <v>133626911</v>
      </c>
      <c r="CJ11" s="104">
        <v>71062793</v>
      </c>
      <c r="CK11" s="103">
        <v>876723516</v>
      </c>
      <c r="CL11" s="106">
        <v>889358207</v>
      </c>
      <c r="CM11" s="100">
        <v>0</v>
      </c>
      <c r="CN11" s="104">
        <v>0</v>
      </c>
      <c r="CO11" s="103">
        <v>0</v>
      </c>
      <c r="CP11" s="101">
        <v>0</v>
      </c>
      <c r="CQ11" s="104">
        <v>197589643</v>
      </c>
      <c r="CR11" s="104">
        <v>205734714</v>
      </c>
      <c r="CS11" s="104">
        <v>148317392</v>
      </c>
      <c r="CT11" s="104">
        <v>103707860</v>
      </c>
      <c r="CU11" s="104">
        <v>58731411</v>
      </c>
      <c r="CV11" s="103">
        <v>714081020</v>
      </c>
      <c r="CW11" s="106">
        <v>714081020</v>
      </c>
      <c r="CX11" s="100">
        <v>3204185</v>
      </c>
      <c r="CY11" s="104">
        <v>9430506</v>
      </c>
      <c r="CZ11" s="103">
        <v>12634691</v>
      </c>
      <c r="DA11" s="100">
        <v>0</v>
      </c>
      <c r="DB11" s="104">
        <v>33005465</v>
      </c>
      <c r="DC11" s="104">
        <v>48020524</v>
      </c>
      <c r="DD11" s="104">
        <v>39366074</v>
      </c>
      <c r="DE11" s="104">
        <v>29919051</v>
      </c>
      <c r="DF11" s="104">
        <v>12331382</v>
      </c>
      <c r="DG11" s="103">
        <v>162642496</v>
      </c>
      <c r="DH11" s="106">
        <v>175277187</v>
      </c>
      <c r="DI11" s="100">
        <v>73947</v>
      </c>
      <c r="DJ11" s="104">
        <v>960552</v>
      </c>
      <c r="DK11" s="102">
        <v>1034499</v>
      </c>
      <c r="DL11" s="101">
        <v>0</v>
      </c>
      <c r="DM11" s="104">
        <v>18128193</v>
      </c>
      <c r="DN11" s="104">
        <v>29496595</v>
      </c>
      <c r="DO11" s="104">
        <v>59100753</v>
      </c>
      <c r="DP11" s="104">
        <v>57101578</v>
      </c>
      <c r="DQ11" s="104">
        <v>31451826</v>
      </c>
      <c r="DR11" s="103">
        <v>195278945</v>
      </c>
      <c r="DS11" s="106">
        <v>196313444</v>
      </c>
      <c r="DT11" s="100">
        <v>73947</v>
      </c>
      <c r="DU11" s="104">
        <v>883504</v>
      </c>
      <c r="DV11" s="103">
        <v>957451</v>
      </c>
      <c r="DW11" s="100">
        <v>0</v>
      </c>
      <c r="DX11" s="104">
        <v>16373135</v>
      </c>
      <c r="DY11" s="104">
        <v>26022164</v>
      </c>
      <c r="DZ11" s="104">
        <v>53659547</v>
      </c>
      <c r="EA11" s="104">
        <v>48542339</v>
      </c>
      <c r="EB11" s="104">
        <v>27037488</v>
      </c>
      <c r="EC11" s="103">
        <v>171634673</v>
      </c>
      <c r="ED11" s="106">
        <v>172592124</v>
      </c>
      <c r="EE11" s="100">
        <v>0</v>
      </c>
      <c r="EF11" s="102">
        <v>77048</v>
      </c>
      <c r="EG11" s="103">
        <v>77048</v>
      </c>
      <c r="EH11" s="100">
        <v>0</v>
      </c>
      <c r="EI11" s="104">
        <v>1755058</v>
      </c>
      <c r="EJ11" s="104">
        <v>3474431</v>
      </c>
      <c r="EK11" s="104">
        <v>5441206</v>
      </c>
      <c r="EL11" s="104">
        <v>8559239</v>
      </c>
      <c r="EM11" s="104">
        <v>4414338</v>
      </c>
      <c r="EN11" s="102">
        <v>23644272</v>
      </c>
      <c r="EO11" s="106">
        <v>23721320</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11844354</v>
      </c>
      <c r="FM11" s="104">
        <v>22850928</v>
      </c>
      <c r="FN11" s="103">
        <v>34695282</v>
      </c>
      <c r="FO11" s="100">
        <v>0</v>
      </c>
      <c r="FP11" s="104">
        <v>47098437</v>
      </c>
      <c r="FQ11" s="104">
        <v>86306901</v>
      </c>
      <c r="FR11" s="104">
        <v>66073920</v>
      </c>
      <c r="FS11" s="104">
        <v>63417028</v>
      </c>
      <c r="FT11" s="104">
        <v>48843754</v>
      </c>
      <c r="FU11" s="103">
        <v>311740040</v>
      </c>
      <c r="FV11" s="106">
        <v>346435322</v>
      </c>
      <c r="FW11" s="105">
        <v>8402524</v>
      </c>
      <c r="FX11" s="104">
        <v>18777690</v>
      </c>
      <c r="FY11" s="102">
        <v>27180214</v>
      </c>
      <c r="FZ11" s="101">
        <v>0</v>
      </c>
      <c r="GA11" s="104">
        <v>40315401</v>
      </c>
      <c r="GB11" s="104">
        <v>80366114</v>
      </c>
      <c r="GC11" s="104">
        <v>61776521</v>
      </c>
      <c r="GD11" s="104">
        <v>60173865</v>
      </c>
      <c r="GE11" s="104">
        <v>47550808</v>
      </c>
      <c r="GF11" s="103">
        <v>290182709</v>
      </c>
      <c r="GG11" s="296">
        <v>317362923</v>
      </c>
      <c r="GH11" s="105">
        <v>807730</v>
      </c>
      <c r="GI11" s="104">
        <v>1246594</v>
      </c>
      <c r="GJ11" s="102">
        <v>2054324</v>
      </c>
      <c r="GK11" s="101">
        <v>0</v>
      </c>
      <c r="GL11" s="104">
        <v>2129923</v>
      </c>
      <c r="GM11" s="104">
        <v>2132594</v>
      </c>
      <c r="GN11" s="104">
        <v>2363086</v>
      </c>
      <c r="GO11" s="104">
        <v>1668568</v>
      </c>
      <c r="GP11" s="104">
        <v>731624</v>
      </c>
      <c r="GQ11" s="103">
        <v>9025795</v>
      </c>
      <c r="GR11" s="106">
        <v>11080119</v>
      </c>
      <c r="GS11" s="100">
        <v>2634100</v>
      </c>
      <c r="GT11" s="104">
        <v>2826644</v>
      </c>
      <c r="GU11" s="103">
        <v>5460744</v>
      </c>
      <c r="GV11" s="100">
        <v>0</v>
      </c>
      <c r="GW11" s="104">
        <v>4653113</v>
      </c>
      <c r="GX11" s="104">
        <v>3808193</v>
      </c>
      <c r="GY11" s="104">
        <v>1934313</v>
      </c>
      <c r="GZ11" s="104">
        <v>1574595</v>
      </c>
      <c r="HA11" s="104">
        <v>561322</v>
      </c>
      <c r="HB11" s="102">
        <v>12531536</v>
      </c>
      <c r="HC11" s="106">
        <v>17992280</v>
      </c>
      <c r="HD11" s="100">
        <v>13701597</v>
      </c>
      <c r="HE11" s="104">
        <v>15268787</v>
      </c>
      <c r="HF11" s="102">
        <v>28970384</v>
      </c>
      <c r="HG11" s="101">
        <v>0</v>
      </c>
      <c r="HH11" s="104">
        <v>153313564</v>
      </c>
      <c r="HI11" s="104">
        <v>132244923</v>
      </c>
      <c r="HJ11" s="104">
        <v>147175566</v>
      </c>
      <c r="HK11" s="104">
        <v>185024207</v>
      </c>
      <c r="HL11" s="104">
        <v>127777652</v>
      </c>
      <c r="HM11" s="103">
        <v>745535912</v>
      </c>
      <c r="HN11" s="99">
        <v>774506296</v>
      </c>
      <c r="HO11" s="105">
        <v>10609120</v>
      </c>
      <c r="HP11" s="104">
        <v>17731785</v>
      </c>
      <c r="HQ11" s="103">
        <v>28340905</v>
      </c>
      <c r="HR11" s="100">
        <v>0</v>
      </c>
      <c r="HS11" s="104">
        <v>140443387</v>
      </c>
      <c r="HT11" s="104">
        <v>115284691</v>
      </c>
      <c r="HU11" s="104">
        <v>81347200</v>
      </c>
      <c r="HV11" s="104">
        <v>59998138</v>
      </c>
      <c r="HW11" s="104">
        <v>39934899</v>
      </c>
      <c r="HX11" s="102">
        <v>437008315</v>
      </c>
      <c r="HY11" s="106">
        <v>465349220</v>
      </c>
      <c r="HZ11" s="118">
        <v>1460484</v>
      </c>
      <c r="IA11" s="119">
        <v>4315789</v>
      </c>
      <c r="IB11" s="120">
        <v>5776273</v>
      </c>
      <c r="IC11" s="133">
        <v>0</v>
      </c>
      <c r="ID11" s="119">
        <v>271779100</v>
      </c>
      <c r="IE11" s="134">
        <v>330812551</v>
      </c>
      <c r="IF11" s="120">
        <v>361550753</v>
      </c>
      <c r="IG11" s="119">
        <v>298199743</v>
      </c>
      <c r="IH11" s="120">
        <v>234125248</v>
      </c>
      <c r="II11" s="135">
        <v>1496467395</v>
      </c>
      <c r="IJ11" s="126">
        <v>1502243668</v>
      </c>
      <c r="IK11" s="219">
        <v>0</v>
      </c>
      <c r="IL11" s="223">
        <v>0</v>
      </c>
      <c r="IM11" s="224">
        <v>0</v>
      </c>
      <c r="IN11" s="127"/>
      <c r="IO11" s="109">
        <v>5318603</v>
      </c>
      <c r="IP11" s="109">
        <v>8783335</v>
      </c>
      <c r="IQ11" s="109">
        <v>12414854</v>
      </c>
      <c r="IR11" s="109">
        <v>25511148</v>
      </c>
      <c r="IS11" s="109">
        <v>33237381</v>
      </c>
      <c r="IT11" s="128">
        <v>85265321</v>
      </c>
      <c r="IU11" s="298">
        <v>85265321</v>
      </c>
      <c r="IV11" s="129">
        <v>0</v>
      </c>
      <c r="IW11" s="109">
        <v>0</v>
      </c>
      <c r="IX11" s="110">
        <v>0</v>
      </c>
      <c r="IY11" s="131"/>
      <c r="IZ11" s="109">
        <v>1187458</v>
      </c>
      <c r="JA11" s="109">
        <v>2601872</v>
      </c>
      <c r="JB11" s="109">
        <v>2981174</v>
      </c>
      <c r="JC11" s="109">
        <v>2803328</v>
      </c>
      <c r="JD11" s="109">
        <v>2905143</v>
      </c>
      <c r="JE11" s="110">
        <v>12478975</v>
      </c>
      <c r="JF11" s="111">
        <v>12478975</v>
      </c>
      <c r="JG11" s="129">
        <v>0</v>
      </c>
      <c r="JH11" s="109">
        <v>0</v>
      </c>
      <c r="JI11" s="128">
        <v>0</v>
      </c>
      <c r="JJ11" s="108">
        <v>0</v>
      </c>
      <c r="JK11" s="109">
        <v>85933613</v>
      </c>
      <c r="JL11" s="109">
        <v>83518695</v>
      </c>
      <c r="JM11" s="109">
        <v>74519992</v>
      </c>
      <c r="JN11" s="109">
        <v>47935731</v>
      </c>
      <c r="JO11" s="109">
        <v>26626933</v>
      </c>
      <c r="JP11" s="110">
        <v>318534964</v>
      </c>
      <c r="JQ11" s="298">
        <v>318534964</v>
      </c>
      <c r="JR11" s="129">
        <v>75965</v>
      </c>
      <c r="JS11" s="109">
        <v>83396</v>
      </c>
      <c r="JT11" s="128">
        <v>159361</v>
      </c>
      <c r="JU11" s="108">
        <v>0</v>
      </c>
      <c r="JV11" s="109">
        <v>15583772</v>
      </c>
      <c r="JW11" s="109">
        <v>22744458</v>
      </c>
      <c r="JX11" s="109">
        <v>33079557</v>
      </c>
      <c r="JY11" s="109">
        <v>19493609</v>
      </c>
      <c r="JZ11" s="109">
        <v>14984962</v>
      </c>
      <c r="KA11" s="110">
        <v>105886358</v>
      </c>
      <c r="KB11" s="298">
        <v>106045719</v>
      </c>
      <c r="KC11" s="221">
        <v>1384519</v>
      </c>
      <c r="KD11" s="217">
        <v>2739584</v>
      </c>
      <c r="KE11" s="110">
        <v>4124103</v>
      </c>
      <c r="KF11" s="108">
        <v>0</v>
      </c>
      <c r="KG11" s="109">
        <v>32647675</v>
      </c>
      <c r="KH11" s="109">
        <v>40650287</v>
      </c>
      <c r="KI11" s="109">
        <v>48780153</v>
      </c>
      <c r="KJ11" s="109">
        <v>36392202</v>
      </c>
      <c r="KK11" s="109">
        <v>22371782</v>
      </c>
      <c r="KL11" s="110">
        <v>180842099</v>
      </c>
      <c r="KM11" s="130">
        <v>184966202</v>
      </c>
      <c r="KN11" s="219">
        <v>0</v>
      </c>
      <c r="KO11" s="223">
        <v>1492809</v>
      </c>
      <c r="KP11" s="224">
        <v>1492809</v>
      </c>
      <c r="KQ11" s="127"/>
      <c r="KR11" s="109">
        <v>118548678</v>
      </c>
      <c r="KS11" s="109">
        <v>150298646</v>
      </c>
      <c r="KT11" s="109">
        <v>151919496</v>
      </c>
      <c r="KU11" s="109">
        <v>104552558</v>
      </c>
      <c r="KV11" s="109">
        <v>77593526</v>
      </c>
      <c r="KW11" s="110">
        <v>602912904</v>
      </c>
      <c r="KX11" s="298">
        <v>604405713</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682803</v>
      </c>
      <c r="LO11" s="109">
        <v>1291527</v>
      </c>
      <c r="LP11" s="109">
        <v>19739999</v>
      </c>
      <c r="LQ11" s="109">
        <v>29429363</v>
      </c>
      <c r="LR11" s="109">
        <v>21602252</v>
      </c>
      <c r="LS11" s="110">
        <v>72745944</v>
      </c>
      <c r="LT11" s="298">
        <v>72745944</v>
      </c>
      <c r="LU11" s="129">
        <v>0</v>
      </c>
      <c r="LV11" s="109">
        <v>0</v>
      </c>
      <c r="LW11" s="110">
        <v>0</v>
      </c>
      <c r="LX11" s="132"/>
      <c r="LY11" s="109">
        <v>11876498</v>
      </c>
      <c r="LZ11" s="109">
        <v>20923731</v>
      </c>
      <c r="MA11" s="109">
        <v>18115528</v>
      </c>
      <c r="MB11" s="109">
        <v>32081804</v>
      </c>
      <c r="MC11" s="109">
        <v>34803269</v>
      </c>
      <c r="MD11" s="110">
        <v>117800830</v>
      </c>
      <c r="ME11" s="111">
        <v>117800830</v>
      </c>
      <c r="MF11" s="129">
        <v>0</v>
      </c>
      <c r="MG11" s="109">
        <v>0</v>
      </c>
      <c r="MH11" s="110">
        <v>0</v>
      </c>
      <c r="MI11" s="132"/>
      <c r="MJ11" s="109">
        <v>72390579</v>
      </c>
      <c r="MK11" s="109">
        <v>136094700</v>
      </c>
      <c r="ML11" s="109">
        <v>479023671</v>
      </c>
      <c r="MM11" s="109">
        <v>748163808</v>
      </c>
      <c r="MN11" s="109">
        <v>559443836</v>
      </c>
      <c r="MO11" s="110">
        <v>1995116594</v>
      </c>
      <c r="MP11" s="130">
        <v>1995116594</v>
      </c>
      <c r="MQ11" s="129">
        <v>0</v>
      </c>
      <c r="MR11" s="109">
        <v>0</v>
      </c>
      <c r="MS11" s="110">
        <v>0</v>
      </c>
      <c r="MT11" s="132"/>
      <c r="MU11" s="109">
        <v>18011109</v>
      </c>
      <c r="MV11" s="109">
        <v>43754707</v>
      </c>
      <c r="MW11" s="109">
        <v>312881765</v>
      </c>
      <c r="MX11" s="109">
        <v>503743032</v>
      </c>
      <c r="MY11" s="109">
        <v>403268671</v>
      </c>
      <c r="MZ11" s="110">
        <v>1281659284</v>
      </c>
      <c r="NA11" s="130">
        <v>1281659284</v>
      </c>
      <c r="NB11" s="129">
        <v>0</v>
      </c>
      <c r="NC11" s="109">
        <v>0</v>
      </c>
      <c r="ND11" s="110">
        <v>0</v>
      </c>
      <c r="NE11" s="132"/>
      <c r="NF11" s="109">
        <v>54307542</v>
      </c>
      <c r="NG11" s="109">
        <v>92339993</v>
      </c>
      <c r="NH11" s="109">
        <v>163204248</v>
      </c>
      <c r="NI11" s="109">
        <v>212954141</v>
      </c>
      <c r="NJ11" s="109">
        <v>112265718</v>
      </c>
      <c r="NK11" s="110">
        <v>635071642</v>
      </c>
      <c r="NL11" s="298">
        <v>635071642</v>
      </c>
      <c r="NM11" s="129">
        <v>0</v>
      </c>
      <c r="NN11" s="109">
        <v>0</v>
      </c>
      <c r="NO11" s="110">
        <v>0</v>
      </c>
      <c r="NP11" s="132"/>
      <c r="NQ11" s="109">
        <v>0</v>
      </c>
      <c r="NR11" s="109">
        <v>0</v>
      </c>
      <c r="NS11" s="109">
        <v>1427420</v>
      </c>
      <c r="NT11" s="109">
        <v>15057728</v>
      </c>
      <c r="NU11" s="109">
        <v>22910764</v>
      </c>
      <c r="NV11" s="110">
        <v>39395912</v>
      </c>
      <c r="NW11" s="111">
        <v>39395912</v>
      </c>
      <c r="NX11" s="129">
        <v>0</v>
      </c>
      <c r="NY11" s="109">
        <v>0</v>
      </c>
      <c r="NZ11" s="110">
        <v>0</v>
      </c>
      <c r="OA11" s="132"/>
      <c r="OB11" s="109">
        <v>71928</v>
      </c>
      <c r="OC11" s="109">
        <v>0</v>
      </c>
      <c r="OD11" s="109">
        <v>1510238</v>
      </c>
      <c r="OE11" s="109">
        <v>16408907</v>
      </c>
      <c r="OF11" s="109">
        <v>20998683</v>
      </c>
      <c r="OG11" s="110">
        <v>38989756</v>
      </c>
      <c r="OH11" s="111">
        <v>38989756</v>
      </c>
      <c r="OI11" s="129">
        <v>56002308</v>
      </c>
      <c r="OJ11" s="109">
        <v>102049016</v>
      </c>
      <c r="OK11" s="128">
        <v>158051324</v>
      </c>
      <c r="OL11" s="108">
        <v>0</v>
      </c>
      <c r="OM11" s="109">
        <v>1213220060</v>
      </c>
      <c r="ON11" s="109">
        <v>1427811474</v>
      </c>
      <c r="OO11" s="109">
        <v>1676919589</v>
      </c>
      <c r="OP11" s="109">
        <v>1873255250</v>
      </c>
      <c r="OQ11" s="109">
        <v>1472630707</v>
      </c>
      <c r="OR11" s="110">
        <v>7663837080</v>
      </c>
      <c r="OS11" s="130">
        <v>7821888404</v>
      </c>
    </row>
    <row r="12" spans="1:409" ht="21" customHeight="1" x14ac:dyDescent="0.2">
      <c r="B12" s="472" t="s">
        <v>14</v>
      </c>
      <c r="C12" s="100">
        <v>26596239</v>
      </c>
      <c r="D12" s="104">
        <v>70117651</v>
      </c>
      <c r="E12" s="103">
        <v>96713890</v>
      </c>
      <c r="F12" s="99">
        <v>0</v>
      </c>
      <c r="G12" s="104">
        <v>333062161</v>
      </c>
      <c r="H12" s="104">
        <v>535395229</v>
      </c>
      <c r="I12" s="104">
        <v>498577677</v>
      </c>
      <c r="J12" s="104">
        <v>437849129</v>
      </c>
      <c r="K12" s="104">
        <v>290421484</v>
      </c>
      <c r="L12" s="102">
        <v>2095305680</v>
      </c>
      <c r="M12" s="106">
        <v>2192019570</v>
      </c>
      <c r="N12" s="100">
        <v>5177045</v>
      </c>
      <c r="O12" s="104">
        <v>17535100</v>
      </c>
      <c r="P12" s="103">
        <v>22712145</v>
      </c>
      <c r="Q12" s="100">
        <v>0</v>
      </c>
      <c r="R12" s="104">
        <v>91980669</v>
      </c>
      <c r="S12" s="104">
        <v>172679966</v>
      </c>
      <c r="T12" s="104">
        <v>166996912</v>
      </c>
      <c r="U12" s="104">
        <v>169517948</v>
      </c>
      <c r="V12" s="104">
        <v>147244972</v>
      </c>
      <c r="W12" s="103">
        <v>748420467</v>
      </c>
      <c r="X12" s="106">
        <v>771132612</v>
      </c>
      <c r="Y12" s="100">
        <v>0</v>
      </c>
      <c r="Z12" s="104">
        <v>0</v>
      </c>
      <c r="AA12" s="103">
        <v>0</v>
      </c>
      <c r="AB12" s="100">
        <v>0</v>
      </c>
      <c r="AC12" s="104">
        <v>46979814</v>
      </c>
      <c r="AD12" s="104">
        <v>90270020</v>
      </c>
      <c r="AE12" s="104">
        <v>97895228</v>
      </c>
      <c r="AF12" s="104">
        <v>102100062</v>
      </c>
      <c r="AG12" s="104">
        <v>85677690</v>
      </c>
      <c r="AH12" s="103">
        <v>422922814</v>
      </c>
      <c r="AI12" s="106">
        <v>422922814</v>
      </c>
      <c r="AJ12" s="100">
        <v>0</v>
      </c>
      <c r="AK12" s="104">
        <v>36037</v>
      </c>
      <c r="AL12" s="103">
        <v>36037</v>
      </c>
      <c r="AM12" s="100">
        <v>0</v>
      </c>
      <c r="AN12" s="104">
        <v>0</v>
      </c>
      <c r="AO12" s="104">
        <v>1163204</v>
      </c>
      <c r="AP12" s="104">
        <v>3427714</v>
      </c>
      <c r="AQ12" s="104">
        <v>9141739</v>
      </c>
      <c r="AR12" s="104">
        <v>14422652</v>
      </c>
      <c r="AS12" s="103">
        <v>28155309</v>
      </c>
      <c r="AT12" s="106">
        <v>28191346</v>
      </c>
      <c r="AU12" s="100">
        <v>2474309</v>
      </c>
      <c r="AV12" s="104">
        <v>12197497</v>
      </c>
      <c r="AW12" s="103">
        <v>14671806</v>
      </c>
      <c r="AX12" s="100">
        <v>0</v>
      </c>
      <c r="AY12" s="104">
        <v>25625366</v>
      </c>
      <c r="AZ12" s="104">
        <v>52328427</v>
      </c>
      <c r="BA12" s="104">
        <v>36820144</v>
      </c>
      <c r="BB12" s="104">
        <v>34056708</v>
      </c>
      <c r="BC12" s="104">
        <v>29258689</v>
      </c>
      <c r="BD12" s="103">
        <v>178089334</v>
      </c>
      <c r="BE12" s="106">
        <v>192761140</v>
      </c>
      <c r="BF12" s="100">
        <v>165123</v>
      </c>
      <c r="BG12" s="104">
        <v>1446746</v>
      </c>
      <c r="BH12" s="102">
        <v>1611869</v>
      </c>
      <c r="BI12" s="101">
        <v>0</v>
      </c>
      <c r="BJ12" s="104">
        <v>1089871</v>
      </c>
      <c r="BK12" s="104">
        <v>3321272</v>
      </c>
      <c r="BL12" s="104">
        <v>1917922</v>
      </c>
      <c r="BM12" s="104">
        <v>1421217</v>
      </c>
      <c r="BN12" s="104">
        <v>850386</v>
      </c>
      <c r="BO12" s="103">
        <v>8600668</v>
      </c>
      <c r="BP12" s="106">
        <v>10212537</v>
      </c>
      <c r="BQ12" s="100">
        <v>2537613</v>
      </c>
      <c r="BR12" s="104">
        <v>3854820</v>
      </c>
      <c r="BS12" s="103">
        <v>6392433</v>
      </c>
      <c r="BT12" s="100">
        <v>0</v>
      </c>
      <c r="BU12" s="104">
        <v>18285618</v>
      </c>
      <c r="BV12" s="104">
        <v>25597043</v>
      </c>
      <c r="BW12" s="104">
        <v>26935904</v>
      </c>
      <c r="BX12" s="104">
        <v>22798222</v>
      </c>
      <c r="BY12" s="104">
        <v>17035555</v>
      </c>
      <c r="BZ12" s="103">
        <v>110652342</v>
      </c>
      <c r="CA12" s="106">
        <v>117044775</v>
      </c>
      <c r="CB12" s="100">
        <v>1949571</v>
      </c>
      <c r="CC12" s="104">
        <v>6965870</v>
      </c>
      <c r="CD12" s="103">
        <v>8915441</v>
      </c>
      <c r="CE12" s="100">
        <v>0</v>
      </c>
      <c r="CF12" s="104">
        <v>101032907</v>
      </c>
      <c r="CG12" s="104">
        <v>161933703</v>
      </c>
      <c r="CH12" s="104">
        <v>134383258</v>
      </c>
      <c r="CI12" s="104">
        <v>81055725</v>
      </c>
      <c r="CJ12" s="104">
        <v>41245987</v>
      </c>
      <c r="CK12" s="103">
        <v>519651580</v>
      </c>
      <c r="CL12" s="106">
        <v>528567021</v>
      </c>
      <c r="CM12" s="100">
        <v>0</v>
      </c>
      <c r="CN12" s="104">
        <v>0</v>
      </c>
      <c r="CO12" s="103">
        <v>0</v>
      </c>
      <c r="CP12" s="101">
        <v>0</v>
      </c>
      <c r="CQ12" s="104">
        <v>94025927</v>
      </c>
      <c r="CR12" s="104">
        <v>136837796</v>
      </c>
      <c r="CS12" s="104">
        <v>115831222</v>
      </c>
      <c r="CT12" s="104">
        <v>66701801</v>
      </c>
      <c r="CU12" s="104">
        <v>36274835</v>
      </c>
      <c r="CV12" s="103">
        <v>449671581</v>
      </c>
      <c r="CW12" s="106">
        <v>449671581</v>
      </c>
      <c r="CX12" s="100">
        <v>1949571</v>
      </c>
      <c r="CY12" s="104">
        <v>6965870</v>
      </c>
      <c r="CZ12" s="103">
        <v>8915441</v>
      </c>
      <c r="DA12" s="100">
        <v>0</v>
      </c>
      <c r="DB12" s="104">
        <v>7006980</v>
      </c>
      <c r="DC12" s="104">
        <v>25095907</v>
      </c>
      <c r="DD12" s="104">
        <v>18552036</v>
      </c>
      <c r="DE12" s="104">
        <v>14353924</v>
      </c>
      <c r="DF12" s="104">
        <v>4971152</v>
      </c>
      <c r="DG12" s="103">
        <v>69979999</v>
      </c>
      <c r="DH12" s="106">
        <v>78895440</v>
      </c>
      <c r="DI12" s="100">
        <v>42738</v>
      </c>
      <c r="DJ12" s="104">
        <v>420488</v>
      </c>
      <c r="DK12" s="102">
        <v>463226</v>
      </c>
      <c r="DL12" s="101">
        <v>0</v>
      </c>
      <c r="DM12" s="104">
        <v>7115309</v>
      </c>
      <c r="DN12" s="104">
        <v>18503929</v>
      </c>
      <c r="DO12" s="104">
        <v>46236571</v>
      </c>
      <c r="DP12" s="104">
        <v>42762996</v>
      </c>
      <c r="DQ12" s="104">
        <v>20141156</v>
      </c>
      <c r="DR12" s="103">
        <v>134759961</v>
      </c>
      <c r="DS12" s="106">
        <v>135223187</v>
      </c>
      <c r="DT12" s="100">
        <v>42738</v>
      </c>
      <c r="DU12" s="104">
        <v>420488</v>
      </c>
      <c r="DV12" s="103">
        <v>463226</v>
      </c>
      <c r="DW12" s="100">
        <v>0</v>
      </c>
      <c r="DX12" s="104">
        <v>7115309</v>
      </c>
      <c r="DY12" s="104">
        <v>17877205</v>
      </c>
      <c r="DZ12" s="104">
        <v>45177175</v>
      </c>
      <c r="EA12" s="104">
        <v>41557139</v>
      </c>
      <c r="EB12" s="104">
        <v>19616911</v>
      </c>
      <c r="EC12" s="103">
        <v>131343739</v>
      </c>
      <c r="ED12" s="106">
        <v>131806965</v>
      </c>
      <c r="EE12" s="100">
        <v>0</v>
      </c>
      <c r="EF12" s="102">
        <v>0</v>
      </c>
      <c r="EG12" s="103">
        <v>0</v>
      </c>
      <c r="EH12" s="100">
        <v>0</v>
      </c>
      <c r="EI12" s="104">
        <v>0</v>
      </c>
      <c r="EJ12" s="104">
        <v>626724</v>
      </c>
      <c r="EK12" s="104">
        <v>1059396</v>
      </c>
      <c r="EL12" s="104">
        <v>1139948</v>
      </c>
      <c r="EM12" s="104">
        <v>524245</v>
      </c>
      <c r="EN12" s="102">
        <v>3350313</v>
      </c>
      <c r="EO12" s="106">
        <v>3350313</v>
      </c>
      <c r="EP12" s="100">
        <v>0</v>
      </c>
      <c r="EQ12" s="104">
        <v>0</v>
      </c>
      <c r="ER12" s="102">
        <v>0</v>
      </c>
      <c r="ES12" s="101">
        <v>0</v>
      </c>
      <c r="ET12" s="104">
        <v>0</v>
      </c>
      <c r="EU12" s="104">
        <v>0</v>
      </c>
      <c r="EV12" s="104">
        <v>0</v>
      </c>
      <c r="EW12" s="104">
        <v>65909</v>
      </c>
      <c r="EX12" s="104">
        <v>0</v>
      </c>
      <c r="EY12" s="103">
        <v>65909</v>
      </c>
      <c r="EZ12" s="106">
        <v>65909</v>
      </c>
      <c r="FA12" s="100">
        <v>0</v>
      </c>
      <c r="FB12" s="104">
        <v>0</v>
      </c>
      <c r="FC12" s="102">
        <v>0</v>
      </c>
      <c r="FD12" s="324"/>
      <c r="FE12" s="104">
        <v>0</v>
      </c>
      <c r="FF12" s="104">
        <v>0</v>
      </c>
      <c r="FG12" s="104">
        <v>0</v>
      </c>
      <c r="FH12" s="104">
        <v>0</v>
      </c>
      <c r="FI12" s="104">
        <v>0</v>
      </c>
      <c r="FJ12" s="103">
        <v>0</v>
      </c>
      <c r="FK12" s="106">
        <v>0</v>
      </c>
      <c r="FL12" s="100">
        <v>7877942</v>
      </c>
      <c r="FM12" s="104">
        <v>22018338</v>
      </c>
      <c r="FN12" s="103">
        <v>29896280</v>
      </c>
      <c r="FO12" s="100">
        <v>0</v>
      </c>
      <c r="FP12" s="104">
        <v>18837424</v>
      </c>
      <c r="FQ12" s="104">
        <v>56613309</v>
      </c>
      <c r="FR12" s="104">
        <v>42141860</v>
      </c>
      <c r="FS12" s="104">
        <v>37817181</v>
      </c>
      <c r="FT12" s="104">
        <v>23907016</v>
      </c>
      <c r="FU12" s="103">
        <v>179316790</v>
      </c>
      <c r="FV12" s="106">
        <v>209213070</v>
      </c>
      <c r="FW12" s="105">
        <v>4923124</v>
      </c>
      <c r="FX12" s="104">
        <v>17541075</v>
      </c>
      <c r="FY12" s="102">
        <v>22464199</v>
      </c>
      <c r="FZ12" s="101">
        <v>0</v>
      </c>
      <c r="GA12" s="104">
        <v>15366273</v>
      </c>
      <c r="GB12" s="104">
        <v>52160820</v>
      </c>
      <c r="GC12" s="104">
        <v>39007198</v>
      </c>
      <c r="GD12" s="104">
        <v>33947006</v>
      </c>
      <c r="GE12" s="104">
        <v>22874915</v>
      </c>
      <c r="GF12" s="103">
        <v>163356212</v>
      </c>
      <c r="GG12" s="296">
        <v>185820411</v>
      </c>
      <c r="GH12" s="105">
        <v>381077</v>
      </c>
      <c r="GI12" s="104">
        <v>951591</v>
      </c>
      <c r="GJ12" s="102">
        <v>1332668</v>
      </c>
      <c r="GK12" s="101">
        <v>0</v>
      </c>
      <c r="GL12" s="104">
        <v>920929</v>
      </c>
      <c r="GM12" s="104">
        <v>1516374</v>
      </c>
      <c r="GN12" s="104">
        <v>963526</v>
      </c>
      <c r="GO12" s="104">
        <v>1320514</v>
      </c>
      <c r="GP12" s="104">
        <v>367274</v>
      </c>
      <c r="GQ12" s="103">
        <v>5088617</v>
      </c>
      <c r="GR12" s="106">
        <v>6421285</v>
      </c>
      <c r="GS12" s="100">
        <v>2573741</v>
      </c>
      <c r="GT12" s="104">
        <v>3525672</v>
      </c>
      <c r="GU12" s="103">
        <v>6099413</v>
      </c>
      <c r="GV12" s="100">
        <v>0</v>
      </c>
      <c r="GW12" s="104">
        <v>2550222</v>
      </c>
      <c r="GX12" s="104">
        <v>2936115</v>
      </c>
      <c r="GY12" s="104">
        <v>2171136</v>
      </c>
      <c r="GZ12" s="104">
        <v>2549661</v>
      </c>
      <c r="HA12" s="104">
        <v>664827</v>
      </c>
      <c r="HB12" s="102">
        <v>10871961</v>
      </c>
      <c r="HC12" s="106">
        <v>16971374</v>
      </c>
      <c r="HD12" s="100">
        <v>6685948</v>
      </c>
      <c r="HE12" s="104">
        <v>10478136</v>
      </c>
      <c r="HF12" s="102">
        <v>17164084</v>
      </c>
      <c r="HG12" s="101">
        <v>0</v>
      </c>
      <c r="HH12" s="104">
        <v>57090008</v>
      </c>
      <c r="HI12" s="104">
        <v>51755663</v>
      </c>
      <c r="HJ12" s="104">
        <v>58352861</v>
      </c>
      <c r="HK12" s="104">
        <v>73097167</v>
      </c>
      <c r="HL12" s="104">
        <v>39785442</v>
      </c>
      <c r="HM12" s="103">
        <v>280081141</v>
      </c>
      <c r="HN12" s="99">
        <v>297245225</v>
      </c>
      <c r="HO12" s="105">
        <v>4862995</v>
      </c>
      <c r="HP12" s="104">
        <v>12699719</v>
      </c>
      <c r="HQ12" s="103">
        <v>17562714</v>
      </c>
      <c r="HR12" s="100">
        <v>0</v>
      </c>
      <c r="HS12" s="104">
        <v>57005844</v>
      </c>
      <c r="HT12" s="104">
        <v>73908659</v>
      </c>
      <c r="HU12" s="104">
        <v>50466215</v>
      </c>
      <c r="HV12" s="104">
        <v>33598112</v>
      </c>
      <c r="HW12" s="104">
        <v>18096911</v>
      </c>
      <c r="HX12" s="102">
        <v>233075741</v>
      </c>
      <c r="HY12" s="106">
        <v>250638455</v>
      </c>
      <c r="HZ12" s="118">
        <v>945507</v>
      </c>
      <c r="IA12" s="119">
        <v>3595444</v>
      </c>
      <c r="IB12" s="120">
        <v>4540951</v>
      </c>
      <c r="IC12" s="121">
        <v>0</v>
      </c>
      <c r="ID12" s="122">
        <v>117971910</v>
      </c>
      <c r="IE12" s="123">
        <v>180959806</v>
      </c>
      <c r="IF12" s="124">
        <v>207572116</v>
      </c>
      <c r="IG12" s="122">
        <v>138939216</v>
      </c>
      <c r="IH12" s="124">
        <v>93026116</v>
      </c>
      <c r="II12" s="125">
        <v>738469164</v>
      </c>
      <c r="IJ12" s="126">
        <v>743010115</v>
      </c>
      <c r="IK12" s="219">
        <v>0</v>
      </c>
      <c r="IL12" s="223">
        <v>0</v>
      </c>
      <c r="IM12" s="224">
        <v>0</v>
      </c>
      <c r="IN12" s="127"/>
      <c r="IO12" s="109">
        <v>2292427</v>
      </c>
      <c r="IP12" s="109">
        <v>4558060</v>
      </c>
      <c r="IQ12" s="109">
        <v>5065028</v>
      </c>
      <c r="IR12" s="109">
        <v>6111485</v>
      </c>
      <c r="IS12" s="109">
        <v>8588190</v>
      </c>
      <c r="IT12" s="128">
        <v>26615190</v>
      </c>
      <c r="IU12" s="298">
        <v>26615190</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44293871</v>
      </c>
      <c r="JL12" s="109">
        <v>65230591</v>
      </c>
      <c r="JM12" s="109">
        <v>48777782</v>
      </c>
      <c r="JN12" s="109">
        <v>29525999</v>
      </c>
      <c r="JO12" s="109">
        <v>16415300</v>
      </c>
      <c r="JP12" s="110">
        <v>204243543</v>
      </c>
      <c r="JQ12" s="298">
        <v>204243543</v>
      </c>
      <c r="JR12" s="129">
        <v>0</v>
      </c>
      <c r="JS12" s="109">
        <v>0</v>
      </c>
      <c r="JT12" s="128">
        <v>0</v>
      </c>
      <c r="JU12" s="108">
        <v>0</v>
      </c>
      <c r="JV12" s="109">
        <v>1229370</v>
      </c>
      <c r="JW12" s="109">
        <v>2555868</v>
      </c>
      <c r="JX12" s="109">
        <v>7159723</v>
      </c>
      <c r="JY12" s="109">
        <v>3515111</v>
      </c>
      <c r="JZ12" s="109">
        <v>3193308</v>
      </c>
      <c r="KA12" s="110">
        <v>17653380</v>
      </c>
      <c r="KB12" s="298">
        <v>17653380</v>
      </c>
      <c r="KC12" s="221">
        <v>945507</v>
      </c>
      <c r="KD12" s="217">
        <v>3187396</v>
      </c>
      <c r="KE12" s="110">
        <v>4132903</v>
      </c>
      <c r="KF12" s="108">
        <v>0</v>
      </c>
      <c r="KG12" s="109">
        <v>15340719</v>
      </c>
      <c r="KH12" s="109">
        <v>27394019</v>
      </c>
      <c r="KI12" s="109">
        <v>31431699</v>
      </c>
      <c r="KJ12" s="109">
        <v>20995548</v>
      </c>
      <c r="KK12" s="109">
        <v>7689687</v>
      </c>
      <c r="KL12" s="110">
        <v>102851672</v>
      </c>
      <c r="KM12" s="130">
        <v>106984575</v>
      </c>
      <c r="KN12" s="219">
        <v>0</v>
      </c>
      <c r="KO12" s="223">
        <v>408048</v>
      </c>
      <c r="KP12" s="224">
        <v>408048</v>
      </c>
      <c r="KQ12" s="127"/>
      <c r="KR12" s="109">
        <v>53707451</v>
      </c>
      <c r="KS12" s="109">
        <v>76410848</v>
      </c>
      <c r="KT12" s="109">
        <v>104611678</v>
      </c>
      <c r="KU12" s="109">
        <v>56603905</v>
      </c>
      <c r="KV12" s="109">
        <v>40530461</v>
      </c>
      <c r="KW12" s="110">
        <v>331864343</v>
      </c>
      <c r="KX12" s="298">
        <v>332272391</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395160</v>
      </c>
      <c r="LP12" s="109">
        <v>3002919</v>
      </c>
      <c r="LQ12" s="109">
        <v>8445726</v>
      </c>
      <c r="LR12" s="109">
        <v>4142234</v>
      </c>
      <c r="LS12" s="110">
        <v>15986039</v>
      </c>
      <c r="LT12" s="298">
        <v>15986039</v>
      </c>
      <c r="LU12" s="129">
        <v>0</v>
      </c>
      <c r="LV12" s="109">
        <v>0</v>
      </c>
      <c r="LW12" s="110">
        <v>0</v>
      </c>
      <c r="LX12" s="132"/>
      <c r="LY12" s="109">
        <v>1108072</v>
      </c>
      <c r="LZ12" s="109">
        <v>4415260</v>
      </c>
      <c r="MA12" s="109">
        <v>7523287</v>
      </c>
      <c r="MB12" s="109">
        <v>13741442</v>
      </c>
      <c r="MC12" s="109">
        <v>12466936</v>
      </c>
      <c r="MD12" s="110">
        <v>39254997</v>
      </c>
      <c r="ME12" s="111">
        <v>39254997</v>
      </c>
      <c r="MF12" s="129">
        <v>0</v>
      </c>
      <c r="MG12" s="109">
        <v>0</v>
      </c>
      <c r="MH12" s="110">
        <v>0</v>
      </c>
      <c r="MI12" s="132"/>
      <c r="MJ12" s="109">
        <v>19611642</v>
      </c>
      <c r="MK12" s="109">
        <v>65787347</v>
      </c>
      <c r="ML12" s="109">
        <v>307404097</v>
      </c>
      <c r="MM12" s="109">
        <v>525970458</v>
      </c>
      <c r="MN12" s="109">
        <v>344615052</v>
      </c>
      <c r="MO12" s="110">
        <v>1263388596</v>
      </c>
      <c r="MP12" s="130">
        <v>1263388596</v>
      </c>
      <c r="MQ12" s="129">
        <v>0</v>
      </c>
      <c r="MR12" s="109">
        <v>0</v>
      </c>
      <c r="MS12" s="110">
        <v>0</v>
      </c>
      <c r="MT12" s="132"/>
      <c r="MU12" s="109">
        <v>2496784</v>
      </c>
      <c r="MV12" s="109">
        <v>10538752</v>
      </c>
      <c r="MW12" s="109">
        <v>216881680</v>
      </c>
      <c r="MX12" s="109">
        <v>365995672</v>
      </c>
      <c r="MY12" s="109">
        <v>238705785</v>
      </c>
      <c r="MZ12" s="110">
        <v>834618673</v>
      </c>
      <c r="NA12" s="130">
        <v>834618673</v>
      </c>
      <c r="NB12" s="129">
        <v>0</v>
      </c>
      <c r="NC12" s="109">
        <v>0</v>
      </c>
      <c r="ND12" s="110">
        <v>0</v>
      </c>
      <c r="NE12" s="132"/>
      <c r="NF12" s="109">
        <v>17114858</v>
      </c>
      <c r="NG12" s="109">
        <v>55248595</v>
      </c>
      <c r="NH12" s="109">
        <v>87830148</v>
      </c>
      <c r="NI12" s="109">
        <v>123119415</v>
      </c>
      <c r="NJ12" s="109">
        <v>67058078</v>
      </c>
      <c r="NK12" s="110">
        <v>350371094</v>
      </c>
      <c r="NL12" s="298">
        <v>350371094</v>
      </c>
      <c r="NM12" s="129">
        <v>0</v>
      </c>
      <c r="NN12" s="109">
        <v>0</v>
      </c>
      <c r="NO12" s="110">
        <v>0</v>
      </c>
      <c r="NP12" s="132"/>
      <c r="NQ12" s="109">
        <v>0</v>
      </c>
      <c r="NR12" s="109">
        <v>0</v>
      </c>
      <c r="NS12" s="109">
        <v>632101</v>
      </c>
      <c r="NT12" s="109">
        <v>6984201</v>
      </c>
      <c r="NU12" s="109">
        <v>4652113</v>
      </c>
      <c r="NV12" s="110">
        <v>12268415</v>
      </c>
      <c r="NW12" s="111">
        <v>12268415</v>
      </c>
      <c r="NX12" s="129">
        <v>0</v>
      </c>
      <c r="NY12" s="109">
        <v>0</v>
      </c>
      <c r="NZ12" s="110">
        <v>0</v>
      </c>
      <c r="OA12" s="132"/>
      <c r="OB12" s="109">
        <v>0</v>
      </c>
      <c r="OC12" s="109">
        <v>0</v>
      </c>
      <c r="OD12" s="109">
        <v>2060168</v>
      </c>
      <c r="OE12" s="109">
        <v>29871170</v>
      </c>
      <c r="OF12" s="109">
        <v>34199076</v>
      </c>
      <c r="OG12" s="110">
        <v>66130414</v>
      </c>
      <c r="OH12" s="111">
        <v>66130414</v>
      </c>
      <c r="OI12" s="129">
        <v>27541746</v>
      </c>
      <c r="OJ12" s="109">
        <v>73713095</v>
      </c>
      <c r="OK12" s="128">
        <v>101254841</v>
      </c>
      <c r="OL12" s="108">
        <v>0</v>
      </c>
      <c r="OM12" s="109">
        <v>470645713</v>
      </c>
      <c r="ON12" s="109">
        <v>782142382</v>
      </c>
      <c r="OO12" s="109">
        <v>1013553890</v>
      </c>
      <c r="OP12" s="109">
        <v>1102758803</v>
      </c>
      <c r="OQ12" s="109">
        <v>728062652</v>
      </c>
      <c r="OR12" s="110">
        <v>4097163440</v>
      </c>
      <c r="OS12" s="130">
        <v>4198418281</v>
      </c>
    </row>
    <row r="13" spans="1:409" ht="21" customHeight="1" x14ac:dyDescent="0.2">
      <c r="B13" s="472" t="s">
        <v>7</v>
      </c>
      <c r="C13" s="100">
        <v>14199623</v>
      </c>
      <c r="D13" s="104">
        <v>19816728</v>
      </c>
      <c r="E13" s="103">
        <v>34016351</v>
      </c>
      <c r="F13" s="99">
        <v>0</v>
      </c>
      <c r="G13" s="104">
        <v>360658869</v>
      </c>
      <c r="H13" s="104">
        <v>343534296</v>
      </c>
      <c r="I13" s="104">
        <v>271578040</v>
      </c>
      <c r="J13" s="104">
        <v>285368017</v>
      </c>
      <c r="K13" s="104">
        <v>197098288</v>
      </c>
      <c r="L13" s="99">
        <v>1458237510</v>
      </c>
      <c r="M13" s="106">
        <v>1492253861</v>
      </c>
      <c r="N13" s="100">
        <v>2258185</v>
      </c>
      <c r="O13" s="104">
        <v>2366574</v>
      </c>
      <c r="P13" s="103">
        <v>4624759</v>
      </c>
      <c r="Q13" s="100">
        <v>0</v>
      </c>
      <c r="R13" s="104">
        <v>85588197</v>
      </c>
      <c r="S13" s="104">
        <v>96672532</v>
      </c>
      <c r="T13" s="104">
        <v>88935981</v>
      </c>
      <c r="U13" s="104">
        <v>124535863</v>
      </c>
      <c r="V13" s="104">
        <v>104430680</v>
      </c>
      <c r="W13" s="103">
        <v>500163253</v>
      </c>
      <c r="X13" s="106">
        <v>504788012</v>
      </c>
      <c r="Y13" s="100">
        <v>0</v>
      </c>
      <c r="Z13" s="104">
        <v>0</v>
      </c>
      <c r="AA13" s="103">
        <v>0</v>
      </c>
      <c r="AB13" s="100">
        <v>0</v>
      </c>
      <c r="AC13" s="104">
        <v>48611891</v>
      </c>
      <c r="AD13" s="104">
        <v>54734911</v>
      </c>
      <c r="AE13" s="104">
        <v>56080970</v>
      </c>
      <c r="AF13" s="104">
        <v>81107757</v>
      </c>
      <c r="AG13" s="104">
        <v>65560198</v>
      </c>
      <c r="AH13" s="103">
        <v>306095727</v>
      </c>
      <c r="AI13" s="106">
        <v>306095727</v>
      </c>
      <c r="AJ13" s="100">
        <v>0</v>
      </c>
      <c r="AK13" s="104">
        <v>0</v>
      </c>
      <c r="AL13" s="103">
        <v>0</v>
      </c>
      <c r="AM13" s="100">
        <v>0</v>
      </c>
      <c r="AN13" s="104">
        <v>504124</v>
      </c>
      <c r="AO13" s="104">
        <v>2500008</v>
      </c>
      <c r="AP13" s="104">
        <v>3442997</v>
      </c>
      <c r="AQ13" s="104">
        <v>8620173</v>
      </c>
      <c r="AR13" s="104">
        <v>12270015</v>
      </c>
      <c r="AS13" s="103">
        <v>27337317</v>
      </c>
      <c r="AT13" s="106">
        <v>27337317</v>
      </c>
      <c r="AU13" s="100">
        <v>405630</v>
      </c>
      <c r="AV13" s="104">
        <v>939253</v>
      </c>
      <c r="AW13" s="103">
        <v>1344883</v>
      </c>
      <c r="AX13" s="100">
        <v>0</v>
      </c>
      <c r="AY13" s="104">
        <v>17958314</v>
      </c>
      <c r="AZ13" s="104">
        <v>21444548</v>
      </c>
      <c r="BA13" s="104">
        <v>13874081</v>
      </c>
      <c r="BB13" s="104">
        <v>18176136</v>
      </c>
      <c r="BC13" s="104">
        <v>15869841</v>
      </c>
      <c r="BD13" s="103">
        <v>87322920</v>
      </c>
      <c r="BE13" s="106">
        <v>88667803</v>
      </c>
      <c r="BF13" s="100">
        <v>118063</v>
      </c>
      <c r="BG13" s="104">
        <v>309445</v>
      </c>
      <c r="BH13" s="102">
        <v>427508</v>
      </c>
      <c r="BI13" s="101">
        <v>0</v>
      </c>
      <c r="BJ13" s="104">
        <v>2427422</v>
      </c>
      <c r="BK13" s="104">
        <v>2953367</v>
      </c>
      <c r="BL13" s="104">
        <v>1912075</v>
      </c>
      <c r="BM13" s="104">
        <v>2230345</v>
      </c>
      <c r="BN13" s="104">
        <v>828347</v>
      </c>
      <c r="BO13" s="103">
        <v>10351556</v>
      </c>
      <c r="BP13" s="106">
        <v>10779064</v>
      </c>
      <c r="BQ13" s="100">
        <v>1734492</v>
      </c>
      <c r="BR13" s="104">
        <v>1117876</v>
      </c>
      <c r="BS13" s="103">
        <v>2852368</v>
      </c>
      <c r="BT13" s="100">
        <v>0</v>
      </c>
      <c r="BU13" s="104">
        <v>16086446</v>
      </c>
      <c r="BV13" s="104">
        <v>15039698</v>
      </c>
      <c r="BW13" s="104">
        <v>13625858</v>
      </c>
      <c r="BX13" s="104">
        <v>14401452</v>
      </c>
      <c r="BY13" s="104">
        <v>9902279</v>
      </c>
      <c r="BZ13" s="103">
        <v>69055733</v>
      </c>
      <c r="CA13" s="106">
        <v>71908101</v>
      </c>
      <c r="CB13" s="100">
        <v>1059578</v>
      </c>
      <c r="CC13" s="104">
        <v>2560322</v>
      </c>
      <c r="CD13" s="103">
        <v>3619900</v>
      </c>
      <c r="CE13" s="100">
        <v>0</v>
      </c>
      <c r="CF13" s="104">
        <v>101260172</v>
      </c>
      <c r="CG13" s="104">
        <v>87186192</v>
      </c>
      <c r="CH13" s="104">
        <v>53440575</v>
      </c>
      <c r="CI13" s="104">
        <v>37571653</v>
      </c>
      <c r="CJ13" s="104">
        <v>16535748</v>
      </c>
      <c r="CK13" s="103">
        <v>295994340</v>
      </c>
      <c r="CL13" s="106">
        <v>299614240</v>
      </c>
      <c r="CM13" s="100">
        <v>0</v>
      </c>
      <c r="CN13" s="104">
        <v>0</v>
      </c>
      <c r="CO13" s="103">
        <v>0</v>
      </c>
      <c r="CP13" s="101">
        <v>0</v>
      </c>
      <c r="CQ13" s="104">
        <v>87115161</v>
      </c>
      <c r="CR13" s="104">
        <v>72627026</v>
      </c>
      <c r="CS13" s="104">
        <v>41876803</v>
      </c>
      <c r="CT13" s="104">
        <v>30646350</v>
      </c>
      <c r="CU13" s="104">
        <v>14234001</v>
      </c>
      <c r="CV13" s="103">
        <v>246499341</v>
      </c>
      <c r="CW13" s="106">
        <v>246499341</v>
      </c>
      <c r="CX13" s="100">
        <v>1059578</v>
      </c>
      <c r="CY13" s="104">
        <v>2560322</v>
      </c>
      <c r="CZ13" s="103">
        <v>3619900</v>
      </c>
      <c r="DA13" s="100">
        <v>0</v>
      </c>
      <c r="DB13" s="104">
        <v>14145011</v>
      </c>
      <c r="DC13" s="104">
        <v>14559166</v>
      </c>
      <c r="DD13" s="104">
        <v>11563772</v>
      </c>
      <c r="DE13" s="104">
        <v>6925303</v>
      </c>
      <c r="DF13" s="104">
        <v>2301747</v>
      </c>
      <c r="DG13" s="103">
        <v>49494999</v>
      </c>
      <c r="DH13" s="106">
        <v>53114899</v>
      </c>
      <c r="DI13" s="100">
        <v>33070</v>
      </c>
      <c r="DJ13" s="104">
        <v>234179</v>
      </c>
      <c r="DK13" s="102">
        <v>267249</v>
      </c>
      <c r="DL13" s="101">
        <v>0</v>
      </c>
      <c r="DM13" s="104">
        <v>14340964</v>
      </c>
      <c r="DN13" s="104">
        <v>23035452</v>
      </c>
      <c r="DO13" s="104">
        <v>27396283</v>
      </c>
      <c r="DP13" s="104">
        <v>21091266</v>
      </c>
      <c r="DQ13" s="104">
        <v>13050409</v>
      </c>
      <c r="DR13" s="103">
        <v>98914374</v>
      </c>
      <c r="DS13" s="106">
        <v>99181623</v>
      </c>
      <c r="DT13" s="100">
        <v>33070</v>
      </c>
      <c r="DU13" s="104">
        <v>234179</v>
      </c>
      <c r="DV13" s="103">
        <v>267249</v>
      </c>
      <c r="DW13" s="100">
        <v>0</v>
      </c>
      <c r="DX13" s="104">
        <v>13996860</v>
      </c>
      <c r="DY13" s="104">
        <v>22034077</v>
      </c>
      <c r="DZ13" s="104">
        <v>26631430</v>
      </c>
      <c r="EA13" s="104">
        <v>20234735</v>
      </c>
      <c r="EB13" s="104">
        <v>11909885</v>
      </c>
      <c r="EC13" s="103">
        <v>94806987</v>
      </c>
      <c r="ED13" s="106">
        <v>95074236</v>
      </c>
      <c r="EE13" s="100">
        <v>0</v>
      </c>
      <c r="EF13" s="102">
        <v>0</v>
      </c>
      <c r="EG13" s="103">
        <v>0</v>
      </c>
      <c r="EH13" s="100">
        <v>0</v>
      </c>
      <c r="EI13" s="104">
        <v>344104</v>
      </c>
      <c r="EJ13" s="104">
        <v>1001375</v>
      </c>
      <c r="EK13" s="104">
        <v>764853</v>
      </c>
      <c r="EL13" s="104">
        <v>856531</v>
      </c>
      <c r="EM13" s="104">
        <v>1140524</v>
      </c>
      <c r="EN13" s="102">
        <v>4107387</v>
      </c>
      <c r="EO13" s="106">
        <v>4107387</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3382800</v>
      </c>
      <c r="FM13" s="104">
        <v>6332668</v>
      </c>
      <c r="FN13" s="103">
        <v>9715468</v>
      </c>
      <c r="FO13" s="100">
        <v>0</v>
      </c>
      <c r="FP13" s="104">
        <v>15693762</v>
      </c>
      <c r="FQ13" s="104">
        <v>32863257</v>
      </c>
      <c r="FR13" s="104">
        <v>21059858</v>
      </c>
      <c r="FS13" s="104">
        <v>19764079</v>
      </c>
      <c r="FT13" s="104">
        <v>13498011</v>
      </c>
      <c r="FU13" s="103">
        <v>102878967</v>
      </c>
      <c r="FV13" s="106">
        <v>112594435</v>
      </c>
      <c r="FW13" s="105">
        <v>1539041</v>
      </c>
      <c r="FX13" s="104">
        <v>3535642</v>
      </c>
      <c r="FY13" s="102">
        <v>5074683</v>
      </c>
      <c r="FZ13" s="101">
        <v>0</v>
      </c>
      <c r="GA13" s="104">
        <v>12352867</v>
      </c>
      <c r="GB13" s="104">
        <v>29579524</v>
      </c>
      <c r="GC13" s="104">
        <v>19327507</v>
      </c>
      <c r="GD13" s="104">
        <v>18654024</v>
      </c>
      <c r="GE13" s="104">
        <v>13152928</v>
      </c>
      <c r="GF13" s="103">
        <v>93066850</v>
      </c>
      <c r="GG13" s="296">
        <v>98141533</v>
      </c>
      <c r="GH13" s="105">
        <v>238830</v>
      </c>
      <c r="GI13" s="104">
        <v>357882</v>
      </c>
      <c r="GJ13" s="102">
        <v>596712</v>
      </c>
      <c r="GK13" s="101">
        <v>0</v>
      </c>
      <c r="GL13" s="104">
        <v>877303</v>
      </c>
      <c r="GM13" s="104">
        <v>1043564</v>
      </c>
      <c r="GN13" s="104">
        <v>785203</v>
      </c>
      <c r="GO13" s="104">
        <v>521055</v>
      </c>
      <c r="GP13" s="104">
        <v>170563</v>
      </c>
      <c r="GQ13" s="103">
        <v>3397688</v>
      </c>
      <c r="GR13" s="106">
        <v>3994400</v>
      </c>
      <c r="GS13" s="100">
        <v>1604929</v>
      </c>
      <c r="GT13" s="104">
        <v>2439144</v>
      </c>
      <c r="GU13" s="103">
        <v>4044073</v>
      </c>
      <c r="GV13" s="100">
        <v>0</v>
      </c>
      <c r="GW13" s="104">
        <v>2463592</v>
      </c>
      <c r="GX13" s="104">
        <v>2240169</v>
      </c>
      <c r="GY13" s="104">
        <v>947148</v>
      </c>
      <c r="GZ13" s="104">
        <v>589000</v>
      </c>
      <c r="HA13" s="104">
        <v>174520</v>
      </c>
      <c r="HB13" s="102">
        <v>6414429</v>
      </c>
      <c r="HC13" s="106">
        <v>10458502</v>
      </c>
      <c r="HD13" s="100">
        <v>5330942</v>
      </c>
      <c r="HE13" s="104">
        <v>4370856</v>
      </c>
      <c r="HF13" s="102">
        <v>9701798</v>
      </c>
      <c r="HG13" s="101">
        <v>0</v>
      </c>
      <c r="HH13" s="104">
        <v>76850673</v>
      </c>
      <c r="HI13" s="104">
        <v>56547675</v>
      </c>
      <c r="HJ13" s="104">
        <v>53303564</v>
      </c>
      <c r="HK13" s="104">
        <v>61647312</v>
      </c>
      <c r="HL13" s="104">
        <v>37418215</v>
      </c>
      <c r="HM13" s="103">
        <v>285767439</v>
      </c>
      <c r="HN13" s="99">
        <v>295469237</v>
      </c>
      <c r="HO13" s="105">
        <v>2135048</v>
      </c>
      <c r="HP13" s="104">
        <v>3952129</v>
      </c>
      <c r="HQ13" s="103">
        <v>6087177</v>
      </c>
      <c r="HR13" s="100">
        <v>0</v>
      </c>
      <c r="HS13" s="104">
        <v>66925101</v>
      </c>
      <c r="HT13" s="104">
        <v>47229188</v>
      </c>
      <c r="HU13" s="104">
        <v>27441779</v>
      </c>
      <c r="HV13" s="104">
        <v>20757844</v>
      </c>
      <c r="HW13" s="104">
        <v>12165225</v>
      </c>
      <c r="HX13" s="102">
        <v>174519137</v>
      </c>
      <c r="HY13" s="106">
        <v>180606314</v>
      </c>
      <c r="HZ13" s="118">
        <v>79270</v>
      </c>
      <c r="IA13" s="119">
        <v>506689</v>
      </c>
      <c r="IB13" s="120">
        <v>585959</v>
      </c>
      <c r="IC13" s="133">
        <v>0</v>
      </c>
      <c r="ID13" s="119">
        <v>95223483</v>
      </c>
      <c r="IE13" s="134">
        <v>102070983</v>
      </c>
      <c r="IF13" s="120">
        <v>91884138</v>
      </c>
      <c r="IG13" s="119">
        <v>67547164</v>
      </c>
      <c r="IH13" s="120">
        <v>43178891</v>
      </c>
      <c r="II13" s="135">
        <v>399904659</v>
      </c>
      <c r="IJ13" s="126">
        <v>400490618</v>
      </c>
      <c r="IK13" s="219">
        <v>0</v>
      </c>
      <c r="IL13" s="223">
        <v>0</v>
      </c>
      <c r="IM13" s="224">
        <v>0</v>
      </c>
      <c r="IN13" s="127"/>
      <c r="IO13" s="109">
        <v>909729</v>
      </c>
      <c r="IP13" s="109">
        <v>1297691</v>
      </c>
      <c r="IQ13" s="109">
        <v>1086250</v>
      </c>
      <c r="IR13" s="109">
        <v>2859829</v>
      </c>
      <c r="IS13" s="109">
        <v>1081099</v>
      </c>
      <c r="IT13" s="128">
        <v>7234598</v>
      </c>
      <c r="IU13" s="298">
        <v>7234598</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50235453</v>
      </c>
      <c r="JL13" s="109">
        <v>40738490</v>
      </c>
      <c r="JM13" s="109">
        <v>23811188</v>
      </c>
      <c r="JN13" s="109">
        <v>10537944</v>
      </c>
      <c r="JO13" s="109">
        <v>6614491</v>
      </c>
      <c r="JP13" s="110">
        <v>131937566</v>
      </c>
      <c r="JQ13" s="298">
        <v>131937566</v>
      </c>
      <c r="JR13" s="129">
        <v>0</v>
      </c>
      <c r="JS13" s="109">
        <v>0</v>
      </c>
      <c r="JT13" s="128">
        <v>0</v>
      </c>
      <c r="JU13" s="108">
        <v>0</v>
      </c>
      <c r="JV13" s="109">
        <v>7122391</v>
      </c>
      <c r="JW13" s="109">
        <v>11687563</v>
      </c>
      <c r="JX13" s="109">
        <v>13263717</v>
      </c>
      <c r="JY13" s="109">
        <v>6564666</v>
      </c>
      <c r="JZ13" s="109">
        <v>2297389</v>
      </c>
      <c r="KA13" s="110">
        <v>40935726</v>
      </c>
      <c r="KB13" s="298">
        <v>40935726</v>
      </c>
      <c r="KC13" s="221">
        <v>79270</v>
      </c>
      <c r="KD13" s="217">
        <v>251833</v>
      </c>
      <c r="KE13" s="110">
        <v>331103</v>
      </c>
      <c r="KF13" s="108">
        <v>0</v>
      </c>
      <c r="KG13" s="109">
        <v>5333724</v>
      </c>
      <c r="KH13" s="109">
        <v>6301103</v>
      </c>
      <c r="KI13" s="109">
        <v>9181872</v>
      </c>
      <c r="KJ13" s="109">
        <v>4186112</v>
      </c>
      <c r="KK13" s="109">
        <v>3395524</v>
      </c>
      <c r="KL13" s="110">
        <v>28398335</v>
      </c>
      <c r="KM13" s="130">
        <v>28729438</v>
      </c>
      <c r="KN13" s="219">
        <v>0</v>
      </c>
      <c r="KO13" s="223">
        <v>254856</v>
      </c>
      <c r="KP13" s="224">
        <v>254856</v>
      </c>
      <c r="KQ13" s="127"/>
      <c r="KR13" s="109">
        <v>29787699</v>
      </c>
      <c r="KS13" s="109">
        <v>39291422</v>
      </c>
      <c r="KT13" s="109">
        <v>41451433</v>
      </c>
      <c r="KU13" s="109">
        <v>39958907</v>
      </c>
      <c r="KV13" s="109">
        <v>21197208</v>
      </c>
      <c r="KW13" s="110">
        <v>171686669</v>
      </c>
      <c r="KX13" s="298">
        <v>171941525</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1834487</v>
      </c>
      <c r="LZ13" s="109">
        <v>2754714</v>
      </c>
      <c r="MA13" s="109">
        <v>3089678</v>
      </c>
      <c r="MB13" s="109">
        <v>3439706</v>
      </c>
      <c r="MC13" s="109">
        <v>8593180</v>
      </c>
      <c r="MD13" s="110">
        <v>19711765</v>
      </c>
      <c r="ME13" s="111">
        <v>19711765</v>
      </c>
      <c r="MF13" s="129">
        <v>0</v>
      </c>
      <c r="MG13" s="109">
        <v>0</v>
      </c>
      <c r="MH13" s="110">
        <v>0</v>
      </c>
      <c r="MI13" s="132"/>
      <c r="MJ13" s="109">
        <v>42467675</v>
      </c>
      <c r="MK13" s="109">
        <v>69067342</v>
      </c>
      <c r="ML13" s="109">
        <v>238267882</v>
      </c>
      <c r="MM13" s="109">
        <v>342499557</v>
      </c>
      <c r="MN13" s="109">
        <v>205829032</v>
      </c>
      <c r="MO13" s="110">
        <v>898131488</v>
      </c>
      <c r="MP13" s="130">
        <v>898131488</v>
      </c>
      <c r="MQ13" s="129">
        <v>0</v>
      </c>
      <c r="MR13" s="109">
        <v>0</v>
      </c>
      <c r="MS13" s="110">
        <v>0</v>
      </c>
      <c r="MT13" s="132"/>
      <c r="MU13" s="109">
        <v>4504804</v>
      </c>
      <c r="MV13" s="109">
        <v>10916260</v>
      </c>
      <c r="MW13" s="109">
        <v>153617493</v>
      </c>
      <c r="MX13" s="109">
        <v>253134924</v>
      </c>
      <c r="MY13" s="109">
        <v>169255667</v>
      </c>
      <c r="MZ13" s="110">
        <v>591429148</v>
      </c>
      <c r="NA13" s="130">
        <v>591429148</v>
      </c>
      <c r="NB13" s="129">
        <v>0</v>
      </c>
      <c r="NC13" s="109">
        <v>0</v>
      </c>
      <c r="ND13" s="110">
        <v>0</v>
      </c>
      <c r="NE13" s="132"/>
      <c r="NF13" s="109">
        <v>37962871</v>
      </c>
      <c r="NG13" s="109">
        <v>58151082</v>
      </c>
      <c r="NH13" s="109">
        <v>84000038</v>
      </c>
      <c r="NI13" s="109">
        <v>88270613</v>
      </c>
      <c r="NJ13" s="109">
        <v>36218909</v>
      </c>
      <c r="NK13" s="110">
        <v>304603513</v>
      </c>
      <c r="NL13" s="298">
        <v>304603513</v>
      </c>
      <c r="NM13" s="129">
        <v>0</v>
      </c>
      <c r="NN13" s="109">
        <v>0</v>
      </c>
      <c r="NO13" s="110">
        <v>0</v>
      </c>
      <c r="NP13" s="132"/>
      <c r="NQ13" s="109">
        <v>0</v>
      </c>
      <c r="NR13" s="109">
        <v>0</v>
      </c>
      <c r="NS13" s="109">
        <v>0</v>
      </c>
      <c r="NT13" s="109">
        <v>333675</v>
      </c>
      <c r="NU13" s="109">
        <v>354456</v>
      </c>
      <c r="NV13" s="110">
        <v>688131</v>
      </c>
      <c r="NW13" s="111">
        <v>688131</v>
      </c>
      <c r="NX13" s="129">
        <v>0</v>
      </c>
      <c r="NY13" s="109">
        <v>0</v>
      </c>
      <c r="NZ13" s="110">
        <v>0</v>
      </c>
      <c r="OA13" s="132"/>
      <c r="OB13" s="109">
        <v>0</v>
      </c>
      <c r="OC13" s="109">
        <v>0</v>
      </c>
      <c r="OD13" s="109">
        <v>650351</v>
      </c>
      <c r="OE13" s="109">
        <v>760345</v>
      </c>
      <c r="OF13" s="109">
        <v>0</v>
      </c>
      <c r="OG13" s="110">
        <v>1410696</v>
      </c>
      <c r="OH13" s="111">
        <v>1410696</v>
      </c>
      <c r="OI13" s="129">
        <v>14278893</v>
      </c>
      <c r="OJ13" s="109">
        <v>20323417</v>
      </c>
      <c r="OK13" s="128">
        <v>34602310</v>
      </c>
      <c r="OL13" s="108">
        <v>0</v>
      </c>
      <c r="OM13" s="109">
        <v>498350027</v>
      </c>
      <c r="ON13" s="109">
        <v>514672621</v>
      </c>
      <c r="OO13" s="109">
        <v>601730060</v>
      </c>
      <c r="OP13" s="109">
        <v>695414738</v>
      </c>
      <c r="OQ13" s="109">
        <v>446106211</v>
      </c>
      <c r="OR13" s="110">
        <v>2756273657</v>
      </c>
      <c r="OS13" s="130">
        <v>2790875967</v>
      </c>
    </row>
    <row r="14" spans="1:409" ht="21" customHeight="1" x14ac:dyDescent="0.2">
      <c r="B14" s="472" t="s">
        <v>8</v>
      </c>
      <c r="C14" s="100">
        <v>12604154</v>
      </c>
      <c r="D14" s="104">
        <v>15504517</v>
      </c>
      <c r="E14" s="103">
        <v>28108671</v>
      </c>
      <c r="F14" s="99">
        <v>0</v>
      </c>
      <c r="G14" s="104">
        <v>150475175</v>
      </c>
      <c r="H14" s="104">
        <v>211933607</v>
      </c>
      <c r="I14" s="104">
        <v>181364405</v>
      </c>
      <c r="J14" s="104">
        <v>179035700</v>
      </c>
      <c r="K14" s="104">
        <v>128549463</v>
      </c>
      <c r="L14" s="99">
        <v>851358350</v>
      </c>
      <c r="M14" s="106">
        <v>879467021</v>
      </c>
      <c r="N14" s="100">
        <v>2388128</v>
      </c>
      <c r="O14" s="104">
        <v>2943183</v>
      </c>
      <c r="P14" s="103">
        <v>5331311</v>
      </c>
      <c r="Q14" s="100">
        <v>0</v>
      </c>
      <c r="R14" s="104">
        <v>41104724</v>
      </c>
      <c r="S14" s="104">
        <v>66995393</v>
      </c>
      <c r="T14" s="104">
        <v>60375337</v>
      </c>
      <c r="U14" s="104">
        <v>72593378</v>
      </c>
      <c r="V14" s="104">
        <v>68060733</v>
      </c>
      <c r="W14" s="103">
        <v>309129565</v>
      </c>
      <c r="X14" s="106">
        <v>314460876</v>
      </c>
      <c r="Y14" s="100">
        <v>0</v>
      </c>
      <c r="Z14" s="104">
        <v>0</v>
      </c>
      <c r="AA14" s="103">
        <v>0</v>
      </c>
      <c r="AB14" s="100">
        <v>0</v>
      </c>
      <c r="AC14" s="104">
        <v>21373777</v>
      </c>
      <c r="AD14" s="104">
        <v>38658660</v>
      </c>
      <c r="AE14" s="104">
        <v>39062113</v>
      </c>
      <c r="AF14" s="104">
        <v>48575739</v>
      </c>
      <c r="AG14" s="104">
        <v>43774264</v>
      </c>
      <c r="AH14" s="103">
        <v>191444553</v>
      </c>
      <c r="AI14" s="106">
        <v>191444553</v>
      </c>
      <c r="AJ14" s="100">
        <v>0</v>
      </c>
      <c r="AK14" s="104">
        <v>0</v>
      </c>
      <c r="AL14" s="103">
        <v>0</v>
      </c>
      <c r="AM14" s="100">
        <v>0</v>
      </c>
      <c r="AN14" s="104">
        <v>187070</v>
      </c>
      <c r="AO14" s="104">
        <v>1199619</v>
      </c>
      <c r="AP14" s="104">
        <v>1332769</v>
      </c>
      <c r="AQ14" s="104">
        <v>3823908</v>
      </c>
      <c r="AR14" s="104">
        <v>6681019</v>
      </c>
      <c r="AS14" s="103">
        <v>13224385</v>
      </c>
      <c r="AT14" s="106">
        <v>13224385</v>
      </c>
      <c r="AU14" s="100">
        <v>1291759</v>
      </c>
      <c r="AV14" s="104">
        <v>1862114</v>
      </c>
      <c r="AW14" s="103">
        <v>3153873</v>
      </c>
      <c r="AX14" s="100">
        <v>0</v>
      </c>
      <c r="AY14" s="104">
        <v>10669850</v>
      </c>
      <c r="AZ14" s="104">
        <v>16177104</v>
      </c>
      <c r="BA14" s="104">
        <v>11118942</v>
      </c>
      <c r="BB14" s="104">
        <v>10720472</v>
      </c>
      <c r="BC14" s="104">
        <v>11307608</v>
      </c>
      <c r="BD14" s="103">
        <v>59993976</v>
      </c>
      <c r="BE14" s="106">
        <v>63147849</v>
      </c>
      <c r="BF14" s="100">
        <v>244163</v>
      </c>
      <c r="BG14" s="104">
        <v>504608</v>
      </c>
      <c r="BH14" s="102">
        <v>748771</v>
      </c>
      <c r="BI14" s="101">
        <v>0</v>
      </c>
      <c r="BJ14" s="104">
        <v>2846007</v>
      </c>
      <c r="BK14" s="104">
        <v>3363307</v>
      </c>
      <c r="BL14" s="104">
        <v>1564888</v>
      </c>
      <c r="BM14" s="104">
        <v>1691619</v>
      </c>
      <c r="BN14" s="104">
        <v>823336</v>
      </c>
      <c r="BO14" s="103">
        <v>10289157</v>
      </c>
      <c r="BP14" s="106">
        <v>11037928</v>
      </c>
      <c r="BQ14" s="100">
        <v>852206</v>
      </c>
      <c r="BR14" s="104">
        <v>576461</v>
      </c>
      <c r="BS14" s="103">
        <v>1428667</v>
      </c>
      <c r="BT14" s="100">
        <v>0</v>
      </c>
      <c r="BU14" s="104">
        <v>6028020</v>
      </c>
      <c r="BV14" s="104">
        <v>7596703</v>
      </c>
      <c r="BW14" s="104">
        <v>7296625</v>
      </c>
      <c r="BX14" s="104">
        <v>7781640</v>
      </c>
      <c r="BY14" s="104">
        <v>5474506</v>
      </c>
      <c r="BZ14" s="103">
        <v>34177494</v>
      </c>
      <c r="CA14" s="106">
        <v>35606161</v>
      </c>
      <c r="CB14" s="100">
        <v>1280862</v>
      </c>
      <c r="CC14" s="104">
        <v>2703100</v>
      </c>
      <c r="CD14" s="103">
        <v>3983962</v>
      </c>
      <c r="CE14" s="100">
        <v>0</v>
      </c>
      <c r="CF14" s="104">
        <v>40631319</v>
      </c>
      <c r="CG14" s="104">
        <v>57854710</v>
      </c>
      <c r="CH14" s="104">
        <v>43359754</v>
      </c>
      <c r="CI14" s="104">
        <v>30928391</v>
      </c>
      <c r="CJ14" s="104">
        <v>17670764</v>
      </c>
      <c r="CK14" s="103">
        <v>190444938</v>
      </c>
      <c r="CL14" s="106">
        <v>194428900</v>
      </c>
      <c r="CM14" s="100">
        <v>0</v>
      </c>
      <c r="CN14" s="104">
        <v>0</v>
      </c>
      <c r="CO14" s="103">
        <v>0</v>
      </c>
      <c r="CP14" s="101">
        <v>0</v>
      </c>
      <c r="CQ14" s="104">
        <v>34238948</v>
      </c>
      <c r="CR14" s="104">
        <v>47820715</v>
      </c>
      <c r="CS14" s="104">
        <v>35746530</v>
      </c>
      <c r="CT14" s="104">
        <v>25265145</v>
      </c>
      <c r="CU14" s="104">
        <v>15516710</v>
      </c>
      <c r="CV14" s="103">
        <v>158588048</v>
      </c>
      <c r="CW14" s="106">
        <v>158588048</v>
      </c>
      <c r="CX14" s="100">
        <v>1280862</v>
      </c>
      <c r="CY14" s="104">
        <v>2703100</v>
      </c>
      <c r="CZ14" s="103">
        <v>3983962</v>
      </c>
      <c r="DA14" s="100">
        <v>0</v>
      </c>
      <c r="DB14" s="104">
        <v>6392371</v>
      </c>
      <c r="DC14" s="104">
        <v>10033995</v>
      </c>
      <c r="DD14" s="104">
        <v>7613224</v>
      </c>
      <c r="DE14" s="104">
        <v>5663246</v>
      </c>
      <c r="DF14" s="104">
        <v>2154054</v>
      </c>
      <c r="DG14" s="103">
        <v>31856890</v>
      </c>
      <c r="DH14" s="106">
        <v>35840852</v>
      </c>
      <c r="DI14" s="100">
        <v>114338</v>
      </c>
      <c r="DJ14" s="104">
        <v>296669</v>
      </c>
      <c r="DK14" s="102">
        <v>411007</v>
      </c>
      <c r="DL14" s="101">
        <v>0</v>
      </c>
      <c r="DM14" s="104">
        <v>4557767</v>
      </c>
      <c r="DN14" s="104">
        <v>12973882</v>
      </c>
      <c r="DO14" s="104">
        <v>22201262</v>
      </c>
      <c r="DP14" s="104">
        <v>18355381</v>
      </c>
      <c r="DQ14" s="104">
        <v>7316090</v>
      </c>
      <c r="DR14" s="103">
        <v>65404382</v>
      </c>
      <c r="DS14" s="106">
        <v>65815389</v>
      </c>
      <c r="DT14" s="100">
        <v>114338</v>
      </c>
      <c r="DU14" s="104">
        <v>296669</v>
      </c>
      <c r="DV14" s="103">
        <v>411007</v>
      </c>
      <c r="DW14" s="100">
        <v>0</v>
      </c>
      <c r="DX14" s="104">
        <v>4110885</v>
      </c>
      <c r="DY14" s="104">
        <v>12495685</v>
      </c>
      <c r="DZ14" s="104">
        <v>21748049</v>
      </c>
      <c r="EA14" s="104">
        <v>18166454</v>
      </c>
      <c r="EB14" s="104">
        <v>7258382</v>
      </c>
      <c r="EC14" s="103">
        <v>63779455</v>
      </c>
      <c r="ED14" s="106">
        <v>64190462</v>
      </c>
      <c r="EE14" s="100">
        <v>0</v>
      </c>
      <c r="EF14" s="102">
        <v>0</v>
      </c>
      <c r="EG14" s="103">
        <v>0</v>
      </c>
      <c r="EH14" s="100">
        <v>0</v>
      </c>
      <c r="EI14" s="104">
        <v>446882</v>
      </c>
      <c r="EJ14" s="104">
        <v>478197</v>
      </c>
      <c r="EK14" s="104">
        <v>453213</v>
      </c>
      <c r="EL14" s="104">
        <v>188927</v>
      </c>
      <c r="EM14" s="104">
        <v>57708</v>
      </c>
      <c r="EN14" s="102">
        <v>1624927</v>
      </c>
      <c r="EO14" s="106">
        <v>1624927</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3119339</v>
      </c>
      <c r="FM14" s="104">
        <v>4453878</v>
      </c>
      <c r="FN14" s="103">
        <v>7573217</v>
      </c>
      <c r="FO14" s="100">
        <v>0</v>
      </c>
      <c r="FP14" s="104">
        <v>9645180</v>
      </c>
      <c r="FQ14" s="104">
        <v>21268856</v>
      </c>
      <c r="FR14" s="104">
        <v>15507346</v>
      </c>
      <c r="FS14" s="104">
        <v>13095475</v>
      </c>
      <c r="FT14" s="104">
        <v>9355426</v>
      </c>
      <c r="FU14" s="103">
        <v>68872283</v>
      </c>
      <c r="FV14" s="106">
        <v>76445500</v>
      </c>
      <c r="FW14" s="105">
        <v>2303588</v>
      </c>
      <c r="FX14" s="104">
        <v>3784231</v>
      </c>
      <c r="FY14" s="102">
        <v>6087819</v>
      </c>
      <c r="FZ14" s="101">
        <v>0</v>
      </c>
      <c r="GA14" s="104">
        <v>7873999</v>
      </c>
      <c r="GB14" s="104">
        <v>20641733</v>
      </c>
      <c r="GC14" s="104">
        <v>14638493</v>
      </c>
      <c r="GD14" s="104">
        <v>12273670</v>
      </c>
      <c r="GE14" s="104">
        <v>8958455</v>
      </c>
      <c r="GF14" s="103">
        <v>64386350</v>
      </c>
      <c r="GG14" s="296">
        <v>70474169</v>
      </c>
      <c r="GH14" s="105">
        <v>83574</v>
      </c>
      <c r="GI14" s="104">
        <v>99729</v>
      </c>
      <c r="GJ14" s="102">
        <v>183303</v>
      </c>
      <c r="GK14" s="101">
        <v>0</v>
      </c>
      <c r="GL14" s="104">
        <v>329006</v>
      </c>
      <c r="GM14" s="104">
        <v>196542</v>
      </c>
      <c r="GN14" s="104">
        <v>228496</v>
      </c>
      <c r="GO14" s="104">
        <v>533592</v>
      </c>
      <c r="GP14" s="104">
        <v>209691</v>
      </c>
      <c r="GQ14" s="103">
        <v>1497327</v>
      </c>
      <c r="GR14" s="106">
        <v>1680630</v>
      </c>
      <c r="GS14" s="100">
        <v>732177</v>
      </c>
      <c r="GT14" s="104">
        <v>569918</v>
      </c>
      <c r="GU14" s="103">
        <v>1302095</v>
      </c>
      <c r="GV14" s="100">
        <v>0</v>
      </c>
      <c r="GW14" s="104">
        <v>1442175</v>
      </c>
      <c r="GX14" s="104">
        <v>430581</v>
      </c>
      <c r="GY14" s="104">
        <v>640357</v>
      </c>
      <c r="GZ14" s="104">
        <v>288213</v>
      </c>
      <c r="HA14" s="104">
        <v>187280</v>
      </c>
      <c r="HB14" s="102">
        <v>2988606</v>
      </c>
      <c r="HC14" s="106">
        <v>4290701</v>
      </c>
      <c r="HD14" s="100">
        <v>3127831</v>
      </c>
      <c r="HE14" s="104">
        <v>1863569</v>
      </c>
      <c r="HF14" s="102">
        <v>4991400</v>
      </c>
      <c r="HG14" s="101">
        <v>0</v>
      </c>
      <c r="HH14" s="104">
        <v>26099681</v>
      </c>
      <c r="HI14" s="104">
        <v>23923821</v>
      </c>
      <c r="HJ14" s="104">
        <v>20996265</v>
      </c>
      <c r="HK14" s="104">
        <v>31417512</v>
      </c>
      <c r="HL14" s="104">
        <v>18906345</v>
      </c>
      <c r="HM14" s="103">
        <v>121343624</v>
      </c>
      <c r="HN14" s="99">
        <v>126335024</v>
      </c>
      <c r="HO14" s="105">
        <v>2573656</v>
      </c>
      <c r="HP14" s="104">
        <v>3244118</v>
      </c>
      <c r="HQ14" s="103">
        <v>5817774</v>
      </c>
      <c r="HR14" s="100">
        <v>0</v>
      </c>
      <c r="HS14" s="104">
        <v>28436504</v>
      </c>
      <c r="HT14" s="104">
        <v>28916945</v>
      </c>
      <c r="HU14" s="104">
        <v>18924441</v>
      </c>
      <c r="HV14" s="104">
        <v>12645563</v>
      </c>
      <c r="HW14" s="104">
        <v>7240105</v>
      </c>
      <c r="HX14" s="102">
        <v>96163558</v>
      </c>
      <c r="HY14" s="106">
        <v>101981332</v>
      </c>
      <c r="HZ14" s="118">
        <v>507110</v>
      </c>
      <c r="IA14" s="119">
        <v>1442820</v>
      </c>
      <c r="IB14" s="120">
        <v>1949930</v>
      </c>
      <c r="IC14" s="121">
        <v>0</v>
      </c>
      <c r="ID14" s="122">
        <v>57093353</v>
      </c>
      <c r="IE14" s="123">
        <v>66010013</v>
      </c>
      <c r="IF14" s="124">
        <v>68150080</v>
      </c>
      <c r="IG14" s="122">
        <v>55356290</v>
      </c>
      <c r="IH14" s="124">
        <v>26078366</v>
      </c>
      <c r="II14" s="125">
        <v>272688102</v>
      </c>
      <c r="IJ14" s="126">
        <v>274638032</v>
      </c>
      <c r="IK14" s="219">
        <v>0</v>
      </c>
      <c r="IL14" s="223">
        <v>0</v>
      </c>
      <c r="IM14" s="224">
        <v>0</v>
      </c>
      <c r="IN14" s="127"/>
      <c r="IO14" s="109">
        <v>458471</v>
      </c>
      <c r="IP14" s="109">
        <v>609960</v>
      </c>
      <c r="IQ14" s="109">
        <v>227094</v>
      </c>
      <c r="IR14" s="109">
        <v>1497956</v>
      </c>
      <c r="IS14" s="109">
        <v>307822</v>
      </c>
      <c r="IT14" s="128">
        <v>3101303</v>
      </c>
      <c r="IU14" s="298">
        <v>3101303</v>
      </c>
      <c r="IV14" s="129">
        <v>0</v>
      </c>
      <c r="IW14" s="109">
        <v>0</v>
      </c>
      <c r="IX14" s="110">
        <v>0</v>
      </c>
      <c r="IY14" s="131"/>
      <c r="IZ14" s="109">
        <v>38538</v>
      </c>
      <c r="JA14" s="109">
        <v>84269</v>
      </c>
      <c r="JB14" s="109">
        <v>0</v>
      </c>
      <c r="JC14" s="109">
        <v>19269</v>
      </c>
      <c r="JD14" s="109">
        <v>88874</v>
      </c>
      <c r="JE14" s="110">
        <v>230950</v>
      </c>
      <c r="JF14" s="111">
        <v>230950</v>
      </c>
      <c r="JG14" s="129">
        <v>0</v>
      </c>
      <c r="JH14" s="109">
        <v>0</v>
      </c>
      <c r="JI14" s="128">
        <v>0</v>
      </c>
      <c r="JJ14" s="108">
        <v>0</v>
      </c>
      <c r="JK14" s="109">
        <v>28802900</v>
      </c>
      <c r="JL14" s="109">
        <v>34090874</v>
      </c>
      <c r="JM14" s="109">
        <v>22088199</v>
      </c>
      <c r="JN14" s="109">
        <v>12033257</v>
      </c>
      <c r="JO14" s="109">
        <v>6357764</v>
      </c>
      <c r="JP14" s="110">
        <v>103372994</v>
      </c>
      <c r="JQ14" s="298">
        <v>103372994</v>
      </c>
      <c r="JR14" s="129">
        <v>0</v>
      </c>
      <c r="JS14" s="109">
        <v>0</v>
      </c>
      <c r="JT14" s="128">
        <v>0</v>
      </c>
      <c r="JU14" s="108">
        <v>0</v>
      </c>
      <c r="JV14" s="109">
        <v>666592</v>
      </c>
      <c r="JW14" s="109">
        <v>993453</v>
      </c>
      <c r="JX14" s="109">
        <v>1058932</v>
      </c>
      <c r="JY14" s="109">
        <v>1450149</v>
      </c>
      <c r="JZ14" s="109">
        <v>1208773</v>
      </c>
      <c r="KA14" s="110">
        <v>5377899</v>
      </c>
      <c r="KB14" s="298">
        <v>5377899</v>
      </c>
      <c r="KC14" s="221">
        <v>507110</v>
      </c>
      <c r="KD14" s="217">
        <v>1442820</v>
      </c>
      <c r="KE14" s="110">
        <v>1949930</v>
      </c>
      <c r="KF14" s="108">
        <v>0</v>
      </c>
      <c r="KG14" s="109">
        <v>9464169</v>
      </c>
      <c r="KH14" s="109">
        <v>8620729</v>
      </c>
      <c r="KI14" s="109">
        <v>12261998</v>
      </c>
      <c r="KJ14" s="109">
        <v>7424277</v>
      </c>
      <c r="KK14" s="109">
        <v>3265960</v>
      </c>
      <c r="KL14" s="110">
        <v>41037133</v>
      </c>
      <c r="KM14" s="130">
        <v>42987063</v>
      </c>
      <c r="KN14" s="219">
        <v>0</v>
      </c>
      <c r="KO14" s="223">
        <v>0</v>
      </c>
      <c r="KP14" s="224">
        <v>0</v>
      </c>
      <c r="KQ14" s="127"/>
      <c r="KR14" s="109">
        <v>15356729</v>
      </c>
      <c r="KS14" s="109">
        <v>17477371</v>
      </c>
      <c r="KT14" s="109">
        <v>22142029</v>
      </c>
      <c r="KU14" s="109">
        <v>19616891</v>
      </c>
      <c r="KV14" s="109">
        <v>9032578</v>
      </c>
      <c r="KW14" s="110">
        <v>83625598</v>
      </c>
      <c r="KX14" s="298">
        <v>83625598</v>
      </c>
      <c r="KY14" s="129">
        <v>0</v>
      </c>
      <c r="KZ14" s="109">
        <v>0</v>
      </c>
      <c r="LA14" s="110">
        <v>0</v>
      </c>
      <c r="LB14" s="132"/>
      <c r="LC14" s="109">
        <v>342322</v>
      </c>
      <c r="LD14" s="109">
        <v>1196018</v>
      </c>
      <c r="LE14" s="109">
        <v>2747666</v>
      </c>
      <c r="LF14" s="109">
        <v>3736704</v>
      </c>
      <c r="LG14" s="109">
        <v>1469861</v>
      </c>
      <c r="LH14" s="110">
        <v>9492571</v>
      </c>
      <c r="LI14" s="111">
        <v>9492571</v>
      </c>
      <c r="LJ14" s="129">
        <v>0</v>
      </c>
      <c r="LK14" s="109">
        <v>0</v>
      </c>
      <c r="LL14" s="110">
        <v>0</v>
      </c>
      <c r="LM14" s="132"/>
      <c r="LN14" s="109">
        <v>0</v>
      </c>
      <c r="LO14" s="109">
        <v>226359</v>
      </c>
      <c r="LP14" s="109">
        <v>2621913</v>
      </c>
      <c r="LQ14" s="109">
        <v>5964612</v>
      </c>
      <c r="LR14" s="109">
        <v>3079021</v>
      </c>
      <c r="LS14" s="110">
        <v>11891905</v>
      </c>
      <c r="LT14" s="298">
        <v>11891905</v>
      </c>
      <c r="LU14" s="129">
        <v>0</v>
      </c>
      <c r="LV14" s="109">
        <v>0</v>
      </c>
      <c r="LW14" s="110">
        <v>0</v>
      </c>
      <c r="LX14" s="132"/>
      <c r="LY14" s="109">
        <v>1963632</v>
      </c>
      <c r="LZ14" s="109">
        <v>2710980</v>
      </c>
      <c r="MA14" s="109">
        <v>5002249</v>
      </c>
      <c r="MB14" s="109">
        <v>3613175</v>
      </c>
      <c r="MC14" s="109">
        <v>1267713</v>
      </c>
      <c r="MD14" s="110">
        <v>14557749</v>
      </c>
      <c r="ME14" s="111">
        <v>14557749</v>
      </c>
      <c r="MF14" s="129">
        <v>0</v>
      </c>
      <c r="MG14" s="109">
        <v>0</v>
      </c>
      <c r="MH14" s="110">
        <v>0</v>
      </c>
      <c r="MI14" s="132"/>
      <c r="MJ14" s="109">
        <v>15261958</v>
      </c>
      <c r="MK14" s="109">
        <v>42975966</v>
      </c>
      <c r="ML14" s="109">
        <v>147523288</v>
      </c>
      <c r="MM14" s="109">
        <v>161243189</v>
      </c>
      <c r="MN14" s="109">
        <v>95995697</v>
      </c>
      <c r="MO14" s="110">
        <v>463000098</v>
      </c>
      <c r="MP14" s="130">
        <v>463000098</v>
      </c>
      <c r="MQ14" s="129">
        <v>0</v>
      </c>
      <c r="MR14" s="109">
        <v>0</v>
      </c>
      <c r="MS14" s="110">
        <v>0</v>
      </c>
      <c r="MT14" s="132"/>
      <c r="MU14" s="109">
        <v>3351789</v>
      </c>
      <c r="MV14" s="109">
        <v>14834520</v>
      </c>
      <c r="MW14" s="109">
        <v>98563252</v>
      </c>
      <c r="MX14" s="109">
        <v>114119058</v>
      </c>
      <c r="MY14" s="109">
        <v>70329670</v>
      </c>
      <c r="MZ14" s="110">
        <v>301198289</v>
      </c>
      <c r="NA14" s="130">
        <v>301198289</v>
      </c>
      <c r="NB14" s="129">
        <v>0</v>
      </c>
      <c r="NC14" s="109">
        <v>0</v>
      </c>
      <c r="ND14" s="110">
        <v>0</v>
      </c>
      <c r="NE14" s="132"/>
      <c r="NF14" s="109">
        <v>11692009</v>
      </c>
      <c r="NG14" s="109">
        <v>27911224</v>
      </c>
      <c r="NH14" s="109">
        <v>47834820</v>
      </c>
      <c r="NI14" s="109">
        <v>43460545</v>
      </c>
      <c r="NJ14" s="109">
        <v>22723564</v>
      </c>
      <c r="NK14" s="110">
        <v>153622162</v>
      </c>
      <c r="NL14" s="298">
        <v>153622162</v>
      </c>
      <c r="NM14" s="129">
        <v>0</v>
      </c>
      <c r="NN14" s="109">
        <v>0</v>
      </c>
      <c r="NO14" s="110">
        <v>0</v>
      </c>
      <c r="NP14" s="132"/>
      <c r="NQ14" s="109">
        <v>0</v>
      </c>
      <c r="NR14" s="109">
        <v>0</v>
      </c>
      <c r="NS14" s="109">
        <v>0</v>
      </c>
      <c r="NT14" s="109">
        <v>340711</v>
      </c>
      <c r="NU14" s="109">
        <v>0</v>
      </c>
      <c r="NV14" s="110">
        <v>340711</v>
      </c>
      <c r="NW14" s="111">
        <v>340711</v>
      </c>
      <c r="NX14" s="129">
        <v>0</v>
      </c>
      <c r="NY14" s="109">
        <v>0</v>
      </c>
      <c r="NZ14" s="110">
        <v>0</v>
      </c>
      <c r="OA14" s="132"/>
      <c r="OB14" s="109">
        <v>218160</v>
      </c>
      <c r="OC14" s="109">
        <v>230222</v>
      </c>
      <c r="OD14" s="109">
        <v>1125216</v>
      </c>
      <c r="OE14" s="109">
        <v>3322875</v>
      </c>
      <c r="OF14" s="109">
        <v>2942463</v>
      </c>
      <c r="OG14" s="110">
        <v>7838936</v>
      </c>
      <c r="OH14" s="111">
        <v>7838936</v>
      </c>
      <c r="OI14" s="129">
        <v>13111264</v>
      </c>
      <c r="OJ14" s="109">
        <v>16947337</v>
      </c>
      <c r="OK14" s="128">
        <v>30058601</v>
      </c>
      <c r="OL14" s="108">
        <v>0</v>
      </c>
      <c r="OM14" s="109">
        <v>222830486</v>
      </c>
      <c r="ON14" s="109">
        <v>320919586</v>
      </c>
      <c r="OO14" s="109">
        <v>397037773</v>
      </c>
      <c r="OP14" s="109">
        <v>395635179</v>
      </c>
      <c r="OQ14" s="109">
        <v>250623526</v>
      </c>
      <c r="OR14" s="110">
        <v>1587046550</v>
      </c>
      <c r="OS14" s="130">
        <v>1617105151</v>
      </c>
    </row>
    <row r="15" spans="1:409" ht="21" customHeight="1" x14ac:dyDescent="0.2">
      <c r="B15" s="472" t="s">
        <v>9</v>
      </c>
      <c r="C15" s="100">
        <v>11317001</v>
      </c>
      <c r="D15" s="104">
        <v>16013786</v>
      </c>
      <c r="E15" s="103">
        <v>27330787</v>
      </c>
      <c r="F15" s="101">
        <v>0</v>
      </c>
      <c r="G15" s="104">
        <v>153720216</v>
      </c>
      <c r="H15" s="104">
        <v>154275793</v>
      </c>
      <c r="I15" s="104">
        <v>154969898</v>
      </c>
      <c r="J15" s="104">
        <v>166113601</v>
      </c>
      <c r="K15" s="104">
        <v>127542795</v>
      </c>
      <c r="L15" s="99">
        <v>756622303</v>
      </c>
      <c r="M15" s="106">
        <v>783953090</v>
      </c>
      <c r="N15" s="100">
        <v>2237900</v>
      </c>
      <c r="O15" s="104">
        <v>3578306</v>
      </c>
      <c r="P15" s="103">
        <v>5816206</v>
      </c>
      <c r="Q15" s="100">
        <v>0</v>
      </c>
      <c r="R15" s="104">
        <v>46070385</v>
      </c>
      <c r="S15" s="104">
        <v>49520309</v>
      </c>
      <c r="T15" s="104">
        <v>54294046</v>
      </c>
      <c r="U15" s="104">
        <v>70334704</v>
      </c>
      <c r="V15" s="104">
        <v>67710653</v>
      </c>
      <c r="W15" s="103">
        <v>287930097</v>
      </c>
      <c r="X15" s="106">
        <v>293746303</v>
      </c>
      <c r="Y15" s="100">
        <v>0</v>
      </c>
      <c r="Z15" s="104">
        <v>0</v>
      </c>
      <c r="AA15" s="103">
        <v>0</v>
      </c>
      <c r="AB15" s="100">
        <v>0</v>
      </c>
      <c r="AC15" s="104">
        <v>22685108</v>
      </c>
      <c r="AD15" s="104">
        <v>25989071</v>
      </c>
      <c r="AE15" s="104">
        <v>32449596</v>
      </c>
      <c r="AF15" s="104">
        <v>45280086</v>
      </c>
      <c r="AG15" s="104">
        <v>43503806</v>
      </c>
      <c r="AH15" s="103">
        <v>169907667</v>
      </c>
      <c r="AI15" s="106">
        <v>169907667</v>
      </c>
      <c r="AJ15" s="100">
        <v>0</v>
      </c>
      <c r="AK15" s="104">
        <v>0</v>
      </c>
      <c r="AL15" s="103">
        <v>0</v>
      </c>
      <c r="AM15" s="100">
        <v>0</v>
      </c>
      <c r="AN15" s="104">
        <v>69425</v>
      </c>
      <c r="AO15" s="104">
        <v>346795</v>
      </c>
      <c r="AP15" s="104">
        <v>906709</v>
      </c>
      <c r="AQ15" s="104">
        <v>3748146</v>
      </c>
      <c r="AR15" s="104">
        <v>5877698</v>
      </c>
      <c r="AS15" s="103">
        <v>10948773</v>
      </c>
      <c r="AT15" s="106">
        <v>10948773</v>
      </c>
      <c r="AU15" s="100">
        <v>1268982</v>
      </c>
      <c r="AV15" s="104">
        <v>2514635</v>
      </c>
      <c r="AW15" s="103">
        <v>3783617</v>
      </c>
      <c r="AX15" s="100">
        <v>0</v>
      </c>
      <c r="AY15" s="104">
        <v>14483726</v>
      </c>
      <c r="AZ15" s="104">
        <v>13925683</v>
      </c>
      <c r="BA15" s="104">
        <v>11378641</v>
      </c>
      <c r="BB15" s="104">
        <v>11398748</v>
      </c>
      <c r="BC15" s="104">
        <v>11076249</v>
      </c>
      <c r="BD15" s="103">
        <v>62263047</v>
      </c>
      <c r="BE15" s="106">
        <v>66046664</v>
      </c>
      <c r="BF15" s="100">
        <v>97124</v>
      </c>
      <c r="BG15" s="104">
        <v>348671</v>
      </c>
      <c r="BH15" s="102">
        <v>445795</v>
      </c>
      <c r="BI15" s="101">
        <v>0</v>
      </c>
      <c r="BJ15" s="104">
        <v>1407672</v>
      </c>
      <c r="BK15" s="104">
        <v>1637391</v>
      </c>
      <c r="BL15" s="104">
        <v>1301215</v>
      </c>
      <c r="BM15" s="104">
        <v>1128062</v>
      </c>
      <c r="BN15" s="104">
        <v>834975</v>
      </c>
      <c r="BO15" s="103">
        <v>6309315</v>
      </c>
      <c r="BP15" s="106">
        <v>6755110</v>
      </c>
      <c r="BQ15" s="100">
        <v>871794</v>
      </c>
      <c r="BR15" s="104">
        <v>715000</v>
      </c>
      <c r="BS15" s="103">
        <v>1586794</v>
      </c>
      <c r="BT15" s="100">
        <v>0</v>
      </c>
      <c r="BU15" s="104">
        <v>7424454</v>
      </c>
      <c r="BV15" s="104">
        <v>7621369</v>
      </c>
      <c r="BW15" s="104">
        <v>8257885</v>
      </c>
      <c r="BX15" s="104">
        <v>8779662</v>
      </c>
      <c r="BY15" s="104">
        <v>6417925</v>
      </c>
      <c r="BZ15" s="103">
        <v>38501295</v>
      </c>
      <c r="CA15" s="106">
        <v>40088089</v>
      </c>
      <c r="CB15" s="100">
        <v>1192448</v>
      </c>
      <c r="CC15" s="104">
        <v>3266604</v>
      </c>
      <c r="CD15" s="103">
        <v>4459052</v>
      </c>
      <c r="CE15" s="100">
        <v>0</v>
      </c>
      <c r="CF15" s="104">
        <v>36228206</v>
      </c>
      <c r="CG15" s="104">
        <v>34327950</v>
      </c>
      <c r="CH15" s="104">
        <v>27733476</v>
      </c>
      <c r="CI15" s="104">
        <v>21286956</v>
      </c>
      <c r="CJ15" s="104">
        <v>6662690</v>
      </c>
      <c r="CK15" s="103">
        <v>126239278</v>
      </c>
      <c r="CL15" s="106">
        <v>130698330</v>
      </c>
      <c r="CM15" s="100">
        <v>0</v>
      </c>
      <c r="CN15" s="104">
        <v>0</v>
      </c>
      <c r="CO15" s="103">
        <v>0</v>
      </c>
      <c r="CP15" s="101">
        <v>0</v>
      </c>
      <c r="CQ15" s="104">
        <v>30900351</v>
      </c>
      <c r="CR15" s="104">
        <v>25430803</v>
      </c>
      <c r="CS15" s="104">
        <v>22311066</v>
      </c>
      <c r="CT15" s="104">
        <v>15860893</v>
      </c>
      <c r="CU15" s="104">
        <v>4905626</v>
      </c>
      <c r="CV15" s="103">
        <v>99408739</v>
      </c>
      <c r="CW15" s="106">
        <v>99408739</v>
      </c>
      <c r="CX15" s="100">
        <v>1192448</v>
      </c>
      <c r="CY15" s="104">
        <v>3266604</v>
      </c>
      <c r="CZ15" s="103">
        <v>4459052</v>
      </c>
      <c r="DA15" s="100">
        <v>0</v>
      </c>
      <c r="DB15" s="104">
        <v>5327855</v>
      </c>
      <c r="DC15" s="104">
        <v>8897147</v>
      </c>
      <c r="DD15" s="104">
        <v>5422410</v>
      </c>
      <c r="DE15" s="104">
        <v>5426063</v>
      </c>
      <c r="DF15" s="104">
        <v>1757064</v>
      </c>
      <c r="DG15" s="103">
        <v>26830539</v>
      </c>
      <c r="DH15" s="106">
        <v>31289591</v>
      </c>
      <c r="DI15" s="100">
        <v>50799</v>
      </c>
      <c r="DJ15" s="104">
        <v>215140</v>
      </c>
      <c r="DK15" s="102">
        <v>265939</v>
      </c>
      <c r="DL15" s="101">
        <v>0</v>
      </c>
      <c r="DM15" s="104">
        <v>4548908</v>
      </c>
      <c r="DN15" s="104">
        <v>8476343</v>
      </c>
      <c r="DO15" s="104">
        <v>16170749</v>
      </c>
      <c r="DP15" s="104">
        <v>15104450</v>
      </c>
      <c r="DQ15" s="104">
        <v>8438895</v>
      </c>
      <c r="DR15" s="103">
        <v>52739345</v>
      </c>
      <c r="DS15" s="106">
        <v>53005284</v>
      </c>
      <c r="DT15" s="100">
        <v>50799</v>
      </c>
      <c r="DU15" s="104">
        <v>118395</v>
      </c>
      <c r="DV15" s="103">
        <v>169194</v>
      </c>
      <c r="DW15" s="100">
        <v>0</v>
      </c>
      <c r="DX15" s="104">
        <v>3724953</v>
      </c>
      <c r="DY15" s="104">
        <v>7484950</v>
      </c>
      <c r="DZ15" s="104">
        <v>14310716</v>
      </c>
      <c r="EA15" s="104">
        <v>12422417</v>
      </c>
      <c r="EB15" s="104">
        <v>6800535</v>
      </c>
      <c r="EC15" s="103">
        <v>44743571</v>
      </c>
      <c r="ED15" s="106">
        <v>44912765</v>
      </c>
      <c r="EE15" s="100">
        <v>0</v>
      </c>
      <c r="EF15" s="102">
        <v>96745</v>
      </c>
      <c r="EG15" s="103">
        <v>96745</v>
      </c>
      <c r="EH15" s="100">
        <v>0</v>
      </c>
      <c r="EI15" s="104">
        <v>823955</v>
      </c>
      <c r="EJ15" s="104">
        <v>991393</v>
      </c>
      <c r="EK15" s="104">
        <v>1860033</v>
      </c>
      <c r="EL15" s="104">
        <v>2682033</v>
      </c>
      <c r="EM15" s="104">
        <v>1638360</v>
      </c>
      <c r="EN15" s="102">
        <v>7995774</v>
      </c>
      <c r="EO15" s="106">
        <v>8092519</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2890099</v>
      </c>
      <c r="FM15" s="104">
        <v>3854216</v>
      </c>
      <c r="FN15" s="103">
        <v>6744315</v>
      </c>
      <c r="FO15" s="100">
        <v>0</v>
      </c>
      <c r="FP15" s="104">
        <v>9870189</v>
      </c>
      <c r="FQ15" s="104">
        <v>13113384</v>
      </c>
      <c r="FR15" s="104">
        <v>11358275</v>
      </c>
      <c r="FS15" s="104">
        <v>11269059</v>
      </c>
      <c r="FT15" s="104">
        <v>8422808</v>
      </c>
      <c r="FU15" s="103">
        <v>54033715</v>
      </c>
      <c r="FV15" s="106">
        <v>60778030</v>
      </c>
      <c r="FW15" s="105">
        <v>1754278</v>
      </c>
      <c r="FX15" s="104">
        <v>2765431</v>
      </c>
      <c r="FY15" s="102">
        <v>4519709</v>
      </c>
      <c r="FZ15" s="101">
        <v>0</v>
      </c>
      <c r="GA15" s="104">
        <v>7787873</v>
      </c>
      <c r="GB15" s="104">
        <v>12690266</v>
      </c>
      <c r="GC15" s="104">
        <v>10562234</v>
      </c>
      <c r="GD15" s="104">
        <v>10751217</v>
      </c>
      <c r="GE15" s="104">
        <v>8118262</v>
      </c>
      <c r="GF15" s="103">
        <v>49909852</v>
      </c>
      <c r="GG15" s="296">
        <v>54429561</v>
      </c>
      <c r="GH15" s="105">
        <v>236796</v>
      </c>
      <c r="GI15" s="104">
        <v>133770</v>
      </c>
      <c r="GJ15" s="102">
        <v>370566</v>
      </c>
      <c r="GK15" s="101">
        <v>0</v>
      </c>
      <c r="GL15" s="104">
        <v>255365</v>
      </c>
      <c r="GM15" s="104">
        <v>301279</v>
      </c>
      <c r="GN15" s="104">
        <v>243823</v>
      </c>
      <c r="GO15" s="104">
        <v>118242</v>
      </c>
      <c r="GP15" s="104">
        <v>185926</v>
      </c>
      <c r="GQ15" s="103">
        <v>1104635</v>
      </c>
      <c r="GR15" s="106">
        <v>1475201</v>
      </c>
      <c r="GS15" s="100">
        <v>899025</v>
      </c>
      <c r="GT15" s="104">
        <v>955015</v>
      </c>
      <c r="GU15" s="103">
        <v>1854040</v>
      </c>
      <c r="GV15" s="100">
        <v>0</v>
      </c>
      <c r="GW15" s="104">
        <v>1826951</v>
      </c>
      <c r="GX15" s="104">
        <v>121839</v>
      </c>
      <c r="GY15" s="104">
        <v>552218</v>
      </c>
      <c r="GZ15" s="104">
        <v>399600</v>
      </c>
      <c r="HA15" s="104">
        <v>118620</v>
      </c>
      <c r="HB15" s="102">
        <v>3019228</v>
      </c>
      <c r="HC15" s="106">
        <v>4873268</v>
      </c>
      <c r="HD15" s="100">
        <v>2805016</v>
      </c>
      <c r="HE15" s="104">
        <v>2287342</v>
      </c>
      <c r="HF15" s="102">
        <v>5092358</v>
      </c>
      <c r="HG15" s="101">
        <v>0</v>
      </c>
      <c r="HH15" s="104">
        <v>30275620</v>
      </c>
      <c r="HI15" s="104">
        <v>29792180</v>
      </c>
      <c r="HJ15" s="104">
        <v>32022190</v>
      </c>
      <c r="HK15" s="104">
        <v>37083394</v>
      </c>
      <c r="HL15" s="104">
        <v>29741816</v>
      </c>
      <c r="HM15" s="103">
        <v>158915200</v>
      </c>
      <c r="HN15" s="99">
        <v>164007558</v>
      </c>
      <c r="HO15" s="105">
        <v>2140739</v>
      </c>
      <c r="HP15" s="104">
        <v>2812178</v>
      </c>
      <c r="HQ15" s="103">
        <v>4952917</v>
      </c>
      <c r="HR15" s="100">
        <v>0</v>
      </c>
      <c r="HS15" s="104">
        <v>26726908</v>
      </c>
      <c r="HT15" s="104">
        <v>19045627</v>
      </c>
      <c r="HU15" s="104">
        <v>13391162</v>
      </c>
      <c r="HV15" s="104">
        <v>11035038</v>
      </c>
      <c r="HW15" s="104">
        <v>6565933</v>
      </c>
      <c r="HX15" s="102">
        <v>76764668</v>
      </c>
      <c r="HY15" s="106">
        <v>81717585</v>
      </c>
      <c r="HZ15" s="115">
        <v>188084</v>
      </c>
      <c r="IA15" s="136">
        <v>1064521</v>
      </c>
      <c r="IB15" s="116">
        <v>1252605</v>
      </c>
      <c r="IC15" s="133">
        <v>0</v>
      </c>
      <c r="ID15" s="119">
        <v>33950450</v>
      </c>
      <c r="IE15" s="134">
        <v>43136723</v>
      </c>
      <c r="IF15" s="120">
        <v>51555854</v>
      </c>
      <c r="IG15" s="119">
        <v>38829106</v>
      </c>
      <c r="IH15" s="120">
        <v>23770757</v>
      </c>
      <c r="II15" s="135">
        <v>191242890</v>
      </c>
      <c r="IJ15" s="117">
        <v>192495495</v>
      </c>
      <c r="IK15" s="219">
        <v>0</v>
      </c>
      <c r="IL15" s="223">
        <v>0</v>
      </c>
      <c r="IM15" s="224">
        <v>0</v>
      </c>
      <c r="IN15" s="127"/>
      <c r="IO15" s="109">
        <v>0</v>
      </c>
      <c r="IP15" s="109">
        <v>731184</v>
      </c>
      <c r="IQ15" s="109">
        <v>1061672</v>
      </c>
      <c r="IR15" s="109">
        <v>2841137</v>
      </c>
      <c r="IS15" s="109">
        <v>1016935</v>
      </c>
      <c r="IT15" s="128">
        <v>5650928</v>
      </c>
      <c r="IU15" s="298">
        <v>5650928</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9347609</v>
      </c>
      <c r="JL15" s="109">
        <v>14261420</v>
      </c>
      <c r="JM15" s="109">
        <v>16367948</v>
      </c>
      <c r="JN15" s="109">
        <v>8849493</v>
      </c>
      <c r="JO15" s="109">
        <v>4316164</v>
      </c>
      <c r="JP15" s="110">
        <v>63142634</v>
      </c>
      <c r="JQ15" s="298">
        <v>63142634</v>
      </c>
      <c r="JR15" s="129">
        <v>0</v>
      </c>
      <c r="JS15" s="109">
        <v>0</v>
      </c>
      <c r="JT15" s="128">
        <v>0</v>
      </c>
      <c r="JU15" s="108">
        <v>0</v>
      </c>
      <c r="JV15" s="109">
        <v>348502</v>
      </c>
      <c r="JW15" s="109">
        <v>525911</v>
      </c>
      <c r="JX15" s="109">
        <v>678444</v>
      </c>
      <c r="JY15" s="109">
        <v>46259</v>
      </c>
      <c r="JZ15" s="109">
        <v>925703</v>
      </c>
      <c r="KA15" s="110">
        <v>2524819</v>
      </c>
      <c r="KB15" s="298">
        <v>2524819</v>
      </c>
      <c r="KC15" s="221">
        <v>188084</v>
      </c>
      <c r="KD15" s="217">
        <v>814177</v>
      </c>
      <c r="KE15" s="110">
        <v>1002261</v>
      </c>
      <c r="KF15" s="108">
        <v>0</v>
      </c>
      <c r="KG15" s="109">
        <v>4715984</v>
      </c>
      <c r="KH15" s="109">
        <v>8089689</v>
      </c>
      <c r="KI15" s="109">
        <v>6145519</v>
      </c>
      <c r="KJ15" s="109">
        <v>5716106</v>
      </c>
      <c r="KK15" s="109">
        <v>2986709</v>
      </c>
      <c r="KL15" s="110">
        <v>27654007</v>
      </c>
      <c r="KM15" s="130">
        <v>28656268</v>
      </c>
      <c r="KN15" s="219">
        <v>0</v>
      </c>
      <c r="KO15" s="223">
        <v>250344</v>
      </c>
      <c r="KP15" s="224">
        <v>250344</v>
      </c>
      <c r="KQ15" s="127"/>
      <c r="KR15" s="109">
        <v>8275739</v>
      </c>
      <c r="KS15" s="109">
        <v>17398076</v>
      </c>
      <c r="KT15" s="109">
        <v>24440018</v>
      </c>
      <c r="KU15" s="109">
        <v>16523922</v>
      </c>
      <c r="KV15" s="109">
        <v>7390372</v>
      </c>
      <c r="KW15" s="110">
        <v>74028127</v>
      </c>
      <c r="KX15" s="298">
        <v>74278471</v>
      </c>
      <c r="KY15" s="129">
        <v>0</v>
      </c>
      <c r="KZ15" s="109">
        <v>0</v>
      </c>
      <c r="LA15" s="110">
        <v>0</v>
      </c>
      <c r="LB15" s="132"/>
      <c r="LC15" s="109">
        <v>355604</v>
      </c>
      <c r="LD15" s="109">
        <v>531272</v>
      </c>
      <c r="LE15" s="109">
        <v>1280436</v>
      </c>
      <c r="LF15" s="109">
        <v>1642960</v>
      </c>
      <c r="LG15" s="109">
        <v>1317173</v>
      </c>
      <c r="LH15" s="110">
        <v>5127445</v>
      </c>
      <c r="LI15" s="111">
        <v>5127445</v>
      </c>
      <c r="LJ15" s="129">
        <v>0</v>
      </c>
      <c r="LK15" s="109">
        <v>0</v>
      </c>
      <c r="LL15" s="110">
        <v>0</v>
      </c>
      <c r="LM15" s="132"/>
      <c r="LN15" s="109">
        <v>0</v>
      </c>
      <c r="LO15" s="109">
        <v>0</v>
      </c>
      <c r="LP15" s="109">
        <v>0</v>
      </c>
      <c r="LQ15" s="109">
        <v>319184</v>
      </c>
      <c r="LR15" s="109">
        <v>0</v>
      </c>
      <c r="LS15" s="110">
        <v>319184</v>
      </c>
      <c r="LT15" s="298">
        <v>319184</v>
      </c>
      <c r="LU15" s="129">
        <v>0</v>
      </c>
      <c r="LV15" s="109">
        <v>0</v>
      </c>
      <c r="LW15" s="110">
        <v>0</v>
      </c>
      <c r="LX15" s="132"/>
      <c r="LY15" s="109">
        <v>907012</v>
      </c>
      <c r="LZ15" s="109">
        <v>1599171</v>
      </c>
      <c r="MA15" s="109">
        <v>1581817</v>
      </c>
      <c r="MB15" s="109">
        <v>2890045</v>
      </c>
      <c r="MC15" s="109">
        <v>5817701</v>
      </c>
      <c r="MD15" s="110">
        <v>12795746</v>
      </c>
      <c r="ME15" s="111">
        <v>12795746</v>
      </c>
      <c r="MF15" s="129">
        <v>0</v>
      </c>
      <c r="MG15" s="109">
        <v>0</v>
      </c>
      <c r="MH15" s="110">
        <v>0</v>
      </c>
      <c r="MI15" s="132"/>
      <c r="MJ15" s="109">
        <v>8141017</v>
      </c>
      <c r="MK15" s="109">
        <v>19658638</v>
      </c>
      <c r="ML15" s="109">
        <v>84845508</v>
      </c>
      <c r="MM15" s="109">
        <v>142589259</v>
      </c>
      <c r="MN15" s="109">
        <v>107086671</v>
      </c>
      <c r="MO15" s="110">
        <v>362321093</v>
      </c>
      <c r="MP15" s="130">
        <v>362321093</v>
      </c>
      <c r="MQ15" s="129">
        <v>0</v>
      </c>
      <c r="MR15" s="109">
        <v>0</v>
      </c>
      <c r="MS15" s="110">
        <v>0</v>
      </c>
      <c r="MT15" s="132"/>
      <c r="MU15" s="109">
        <v>1579485</v>
      </c>
      <c r="MV15" s="109">
        <v>1226390</v>
      </c>
      <c r="MW15" s="109">
        <v>55461261</v>
      </c>
      <c r="MX15" s="109">
        <v>101338429</v>
      </c>
      <c r="MY15" s="109">
        <v>83240277</v>
      </c>
      <c r="MZ15" s="110">
        <v>242845842</v>
      </c>
      <c r="NA15" s="130">
        <v>242845842</v>
      </c>
      <c r="NB15" s="129">
        <v>0</v>
      </c>
      <c r="NC15" s="109">
        <v>0</v>
      </c>
      <c r="ND15" s="110">
        <v>0</v>
      </c>
      <c r="NE15" s="132"/>
      <c r="NF15" s="109">
        <v>6561532</v>
      </c>
      <c r="NG15" s="109">
        <v>18432248</v>
      </c>
      <c r="NH15" s="109">
        <v>28670984</v>
      </c>
      <c r="NI15" s="109">
        <v>40370933</v>
      </c>
      <c r="NJ15" s="109">
        <v>21379836</v>
      </c>
      <c r="NK15" s="110">
        <v>115415533</v>
      </c>
      <c r="NL15" s="298">
        <v>115415533</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713263</v>
      </c>
      <c r="OE15" s="109">
        <v>879897</v>
      </c>
      <c r="OF15" s="109">
        <v>2466558</v>
      </c>
      <c r="OG15" s="110">
        <v>4059718</v>
      </c>
      <c r="OH15" s="111">
        <v>4059718</v>
      </c>
      <c r="OI15" s="129">
        <v>11505085</v>
      </c>
      <c r="OJ15" s="109">
        <v>17078307</v>
      </c>
      <c r="OK15" s="128">
        <v>28583392</v>
      </c>
      <c r="OL15" s="108">
        <v>0</v>
      </c>
      <c r="OM15" s="109">
        <v>195811683</v>
      </c>
      <c r="ON15" s="109">
        <v>217071154</v>
      </c>
      <c r="OO15" s="109">
        <v>291371260</v>
      </c>
      <c r="OP15" s="109">
        <v>347531966</v>
      </c>
      <c r="OQ15" s="109">
        <v>258400223</v>
      </c>
      <c r="OR15" s="110">
        <v>1310186286</v>
      </c>
      <c r="OS15" s="130">
        <v>1338769678</v>
      </c>
    </row>
    <row r="16" spans="1:409" ht="21" customHeight="1" x14ac:dyDescent="0.2">
      <c r="B16" s="472" t="s">
        <v>10</v>
      </c>
      <c r="C16" s="100">
        <v>25300612</v>
      </c>
      <c r="D16" s="104">
        <v>41007403</v>
      </c>
      <c r="E16" s="103">
        <v>66308015</v>
      </c>
      <c r="F16" s="159">
        <v>0</v>
      </c>
      <c r="G16" s="104">
        <v>341942503</v>
      </c>
      <c r="H16" s="104">
        <v>284797460</v>
      </c>
      <c r="I16" s="104">
        <v>247356574</v>
      </c>
      <c r="J16" s="104">
        <v>259574679</v>
      </c>
      <c r="K16" s="104">
        <v>204592617</v>
      </c>
      <c r="L16" s="99">
        <v>1338263833</v>
      </c>
      <c r="M16" s="106">
        <v>1404571848</v>
      </c>
      <c r="N16" s="100">
        <v>6697178</v>
      </c>
      <c r="O16" s="104">
        <v>12784834</v>
      </c>
      <c r="P16" s="103">
        <v>19482012</v>
      </c>
      <c r="Q16" s="100">
        <v>0</v>
      </c>
      <c r="R16" s="104">
        <v>109402462</v>
      </c>
      <c r="S16" s="104">
        <v>96573656</v>
      </c>
      <c r="T16" s="104">
        <v>92370005</v>
      </c>
      <c r="U16" s="104">
        <v>110531262</v>
      </c>
      <c r="V16" s="104">
        <v>113672114</v>
      </c>
      <c r="W16" s="103">
        <v>522549499</v>
      </c>
      <c r="X16" s="106">
        <v>542031511</v>
      </c>
      <c r="Y16" s="100">
        <v>0</v>
      </c>
      <c r="Z16" s="104">
        <v>0</v>
      </c>
      <c r="AA16" s="103">
        <v>0</v>
      </c>
      <c r="AB16" s="100">
        <v>0</v>
      </c>
      <c r="AC16" s="104">
        <v>53536448</v>
      </c>
      <c r="AD16" s="104">
        <v>49642192</v>
      </c>
      <c r="AE16" s="104">
        <v>60201316</v>
      </c>
      <c r="AF16" s="104">
        <v>73494680</v>
      </c>
      <c r="AG16" s="104">
        <v>69463108</v>
      </c>
      <c r="AH16" s="103">
        <v>306337744</v>
      </c>
      <c r="AI16" s="106">
        <v>306337744</v>
      </c>
      <c r="AJ16" s="100">
        <v>0</v>
      </c>
      <c r="AK16" s="104">
        <v>0</v>
      </c>
      <c r="AL16" s="103">
        <v>0</v>
      </c>
      <c r="AM16" s="100">
        <v>0</v>
      </c>
      <c r="AN16" s="104">
        <v>358884</v>
      </c>
      <c r="AO16" s="104">
        <v>1720419</v>
      </c>
      <c r="AP16" s="104">
        <v>1968732</v>
      </c>
      <c r="AQ16" s="104">
        <v>4562258</v>
      </c>
      <c r="AR16" s="104">
        <v>11598734</v>
      </c>
      <c r="AS16" s="103">
        <v>20209027</v>
      </c>
      <c r="AT16" s="106">
        <v>20209027</v>
      </c>
      <c r="AU16" s="100">
        <v>3857837</v>
      </c>
      <c r="AV16" s="104">
        <v>8404625</v>
      </c>
      <c r="AW16" s="103">
        <v>12262462</v>
      </c>
      <c r="AX16" s="100">
        <v>0</v>
      </c>
      <c r="AY16" s="104">
        <v>34139003</v>
      </c>
      <c r="AZ16" s="104">
        <v>25667491</v>
      </c>
      <c r="BA16" s="104">
        <v>14068084</v>
      </c>
      <c r="BB16" s="104">
        <v>16405398</v>
      </c>
      <c r="BC16" s="104">
        <v>18635925</v>
      </c>
      <c r="BD16" s="103">
        <v>108915901</v>
      </c>
      <c r="BE16" s="106">
        <v>121178363</v>
      </c>
      <c r="BF16" s="100">
        <v>584933</v>
      </c>
      <c r="BG16" s="104">
        <v>1380976</v>
      </c>
      <c r="BH16" s="102">
        <v>1965909</v>
      </c>
      <c r="BI16" s="101">
        <v>0</v>
      </c>
      <c r="BJ16" s="104">
        <v>3371777</v>
      </c>
      <c r="BK16" s="104">
        <v>3338041</v>
      </c>
      <c r="BL16" s="104">
        <v>1961554</v>
      </c>
      <c r="BM16" s="104">
        <v>1269736</v>
      </c>
      <c r="BN16" s="104">
        <v>1597900</v>
      </c>
      <c r="BO16" s="103">
        <v>11539008</v>
      </c>
      <c r="BP16" s="106">
        <v>13504917</v>
      </c>
      <c r="BQ16" s="100">
        <v>2254408</v>
      </c>
      <c r="BR16" s="104">
        <v>2999233</v>
      </c>
      <c r="BS16" s="103">
        <v>5253641</v>
      </c>
      <c r="BT16" s="100">
        <v>0</v>
      </c>
      <c r="BU16" s="104">
        <v>17996350</v>
      </c>
      <c r="BV16" s="104">
        <v>16205513</v>
      </c>
      <c r="BW16" s="104">
        <v>14170319</v>
      </c>
      <c r="BX16" s="104">
        <v>14799190</v>
      </c>
      <c r="BY16" s="104">
        <v>12376447</v>
      </c>
      <c r="BZ16" s="103">
        <v>75547819</v>
      </c>
      <c r="CA16" s="106">
        <v>80801460</v>
      </c>
      <c r="CB16" s="100">
        <v>1444400</v>
      </c>
      <c r="CC16" s="104">
        <v>3961770</v>
      </c>
      <c r="CD16" s="103">
        <v>5406170</v>
      </c>
      <c r="CE16" s="100">
        <v>0</v>
      </c>
      <c r="CF16" s="104">
        <v>101180713</v>
      </c>
      <c r="CG16" s="104">
        <v>75585653</v>
      </c>
      <c r="CH16" s="104">
        <v>52001531</v>
      </c>
      <c r="CI16" s="104">
        <v>38960607</v>
      </c>
      <c r="CJ16" s="104">
        <v>18910051</v>
      </c>
      <c r="CK16" s="103">
        <v>286638555</v>
      </c>
      <c r="CL16" s="106">
        <v>292044725</v>
      </c>
      <c r="CM16" s="100">
        <v>0</v>
      </c>
      <c r="CN16" s="104">
        <v>0</v>
      </c>
      <c r="CO16" s="103">
        <v>0</v>
      </c>
      <c r="CP16" s="101">
        <v>0</v>
      </c>
      <c r="CQ16" s="104">
        <v>87542554</v>
      </c>
      <c r="CR16" s="104">
        <v>62850924</v>
      </c>
      <c r="CS16" s="104">
        <v>44708050</v>
      </c>
      <c r="CT16" s="104">
        <v>32880085</v>
      </c>
      <c r="CU16" s="104">
        <v>16531091</v>
      </c>
      <c r="CV16" s="103">
        <v>244512704</v>
      </c>
      <c r="CW16" s="106">
        <v>244512704</v>
      </c>
      <c r="CX16" s="100">
        <v>1444400</v>
      </c>
      <c r="CY16" s="104">
        <v>3961770</v>
      </c>
      <c r="CZ16" s="103">
        <v>5406170</v>
      </c>
      <c r="DA16" s="100">
        <v>0</v>
      </c>
      <c r="DB16" s="104">
        <v>13638159</v>
      </c>
      <c r="DC16" s="104">
        <v>12734729</v>
      </c>
      <c r="DD16" s="104">
        <v>7293481</v>
      </c>
      <c r="DE16" s="104">
        <v>6080522</v>
      </c>
      <c r="DF16" s="104">
        <v>2378960</v>
      </c>
      <c r="DG16" s="103">
        <v>42125851</v>
      </c>
      <c r="DH16" s="106">
        <v>47532021</v>
      </c>
      <c r="DI16" s="100">
        <v>261020</v>
      </c>
      <c r="DJ16" s="104">
        <v>789915</v>
      </c>
      <c r="DK16" s="102">
        <v>1050935</v>
      </c>
      <c r="DL16" s="101">
        <v>0</v>
      </c>
      <c r="DM16" s="104">
        <v>10272857</v>
      </c>
      <c r="DN16" s="104">
        <v>12853533</v>
      </c>
      <c r="DO16" s="104">
        <v>21442938</v>
      </c>
      <c r="DP16" s="104">
        <v>22882978</v>
      </c>
      <c r="DQ16" s="104">
        <v>12629489</v>
      </c>
      <c r="DR16" s="103">
        <v>80081795</v>
      </c>
      <c r="DS16" s="106">
        <v>81132730</v>
      </c>
      <c r="DT16" s="100">
        <v>261020</v>
      </c>
      <c r="DU16" s="104">
        <v>679196</v>
      </c>
      <c r="DV16" s="103">
        <v>940216</v>
      </c>
      <c r="DW16" s="100">
        <v>0</v>
      </c>
      <c r="DX16" s="104">
        <v>9334831</v>
      </c>
      <c r="DY16" s="104">
        <v>11016194</v>
      </c>
      <c r="DZ16" s="104">
        <v>19828162</v>
      </c>
      <c r="EA16" s="104">
        <v>21118736</v>
      </c>
      <c r="EB16" s="104">
        <v>11733043</v>
      </c>
      <c r="EC16" s="103">
        <v>73030966</v>
      </c>
      <c r="ED16" s="106">
        <v>73971182</v>
      </c>
      <c r="EE16" s="100">
        <v>0</v>
      </c>
      <c r="EF16" s="102">
        <v>110719</v>
      </c>
      <c r="EG16" s="103">
        <v>110719</v>
      </c>
      <c r="EH16" s="100">
        <v>0</v>
      </c>
      <c r="EI16" s="104">
        <v>938026</v>
      </c>
      <c r="EJ16" s="104">
        <v>1837339</v>
      </c>
      <c r="EK16" s="104">
        <v>1614776</v>
      </c>
      <c r="EL16" s="104">
        <v>1764242</v>
      </c>
      <c r="EM16" s="104">
        <v>896446</v>
      </c>
      <c r="EN16" s="102">
        <v>7050829</v>
      </c>
      <c r="EO16" s="106">
        <v>7161548</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7109660</v>
      </c>
      <c r="FM16" s="104">
        <v>9911248</v>
      </c>
      <c r="FN16" s="103">
        <v>17020908</v>
      </c>
      <c r="FO16" s="100">
        <v>0</v>
      </c>
      <c r="FP16" s="104">
        <v>18459655</v>
      </c>
      <c r="FQ16" s="104">
        <v>25312160</v>
      </c>
      <c r="FR16" s="104">
        <v>18635827</v>
      </c>
      <c r="FS16" s="104">
        <v>18260799</v>
      </c>
      <c r="FT16" s="104">
        <v>14998855</v>
      </c>
      <c r="FU16" s="103">
        <v>95667296</v>
      </c>
      <c r="FV16" s="106">
        <v>112688204</v>
      </c>
      <c r="FW16" s="105">
        <v>4583467</v>
      </c>
      <c r="FX16" s="104">
        <v>8393932</v>
      </c>
      <c r="FY16" s="102">
        <v>12977399</v>
      </c>
      <c r="FZ16" s="101">
        <v>0</v>
      </c>
      <c r="GA16" s="104">
        <v>15989346</v>
      </c>
      <c r="GB16" s="104">
        <v>24059697</v>
      </c>
      <c r="GC16" s="104">
        <v>17350395</v>
      </c>
      <c r="GD16" s="104">
        <v>17616057</v>
      </c>
      <c r="GE16" s="104">
        <v>14580944</v>
      </c>
      <c r="GF16" s="103">
        <v>89596439</v>
      </c>
      <c r="GG16" s="296">
        <v>102573838</v>
      </c>
      <c r="GH16" s="105">
        <v>484703</v>
      </c>
      <c r="GI16" s="104">
        <v>421316</v>
      </c>
      <c r="GJ16" s="102">
        <v>906019</v>
      </c>
      <c r="GK16" s="101">
        <v>0</v>
      </c>
      <c r="GL16" s="104">
        <v>506302</v>
      </c>
      <c r="GM16" s="104">
        <v>731829</v>
      </c>
      <c r="GN16" s="104">
        <v>536647</v>
      </c>
      <c r="GO16" s="104">
        <v>260853</v>
      </c>
      <c r="GP16" s="104">
        <v>237911</v>
      </c>
      <c r="GQ16" s="103">
        <v>2273542</v>
      </c>
      <c r="GR16" s="106">
        <v>3179561</v>
      </c>
      <c r="GS16" s="100">
        <v>2041490</v>
      </c>
      <c r="GT16" s="104">
        <v>1096000</v>
      </c>
      <c r="GU16" s="103">
        <v>3137490</v>
      </c>
      <c r="GV16" s="100">
        <v>0</v>
      </c>
      <c r="GW16" s="104">
        <v>1964007</v>
      </c>
      <c r="GX16" s="104">
        <v>520634</v>
      </c>
      <c r="GY16" s="104">
        <v>748785</v>
      </c>
      <c r="GZ16" s="104">
        <v>383889</v>
      </c>
      <c r="HA16" s="104">
        <v>180000</v>
      </c>
      <c r="HB16" s="102">
        <v>3797315</v>
      </c>
      <c r="HC16" s="106">
        <v>6934805</v>
      </c>
      <c r="HD16" s="100">
        <v>4073930</v>
      </c>
      <c r="HE16" s="104">
        <v>6400895</v>
      </c>
      <c r="HF16" s="102">
        <v>10474825</v>
      </c>
      <c r="HG16" s="101">
        <v>0</v>
      </c>
      <c r="HH16" s="104">
        <v>49417542</v>
      </c>
      <c r="HI16" s="104">
        <v>44159598</v>
      </c>
      <c r="HJ16" s="104">
        <v>42021551</v>
      </c>
      <c r="HK16" s="104">
        <v>52674513</v>
      </c>
      <c r="HL16" s="104">
        <v>33374906</v>
      </c>
      <c r="HM16" s="103">
        <v>221648110</v>
      </c>
      <c r="HN16" s="99">
        <v>232122935</v>
      </c>
      <c r="HO16" s="105">
        <v>5714424</v>
      </c>
      <c r="HP16" s="104">
        <v>7158741</v>
      </c>
      <c r="HQ16" s="103">
        <v>12873165</v>
      </c>
      <c r="HR16" s="100">
        <v>0</v>
      </c>
      <c r="HS16" s="104">
        <v>53209274</v>
      </c>
      <c r="HT16" s="104">
        <v>30312860</v>
      </c>
      <c r="HU16" s="104">
        <v>20884722</v>
      </c>
      <c r="HV16" s="104">
        <v>16264520</v>
      </c>
      <c r="HW16" s="104">
        <v>11007202</v>
      </c>
      <c r="HX16" s="102">
        <v>131678578</v>
      </c>
      <c r="HY16" s="106">
        <v>144551743</v>
      </c>
      <c r="HZ16" s="137">
        <v>484961</v>
      </c>
      <c r="IA16" s="122">
        <v>2189775</v>
      </c>
      <c r="IB16" s="137">
        <v>2674736</v>
      </c>
      <c r="IC16" s="121">
        <v>0</v>
      </c>
      <c r="ID16" s="122">
        <v>72514776</v>
      </c>
      <c r="IE16" s="123">
        <v>77231090</v>
      </c>
      <c r="IF16" s="124">
        <v>81449360</v>
      </c>
      <c r="IG16" s="122">
        <v>80504632</v>
      </c>
      <c r="IH16" s="124">
        <v>71831502</v>
      </c>
      <c r="II16" s="125">
        <v>383531360</v>
      </c>
      <c r="IJ16" s="137">
        <v>386206096</v>
      </c>
      <c r="IK16" s="219">
        <v>0</v>
      </c>
      <c r="IL16" s="223">
        <v>0</v>
      </c>
      <c r="IM16" s="224">
        <v>0</v>
      </c>
      <c r="IN16" s="127"/>
      <c r="IO16" s="109">
        <v>1327366</v>
      </c>
      <c r="IP16" s="109">
        <v>1842312</v>
      </c>
      <c r="IQ16" s="109">
        <v>3088921</v>
      </c>
      <c r="IR16" s="109">
        <v>4189825</v>
      </c>
      <c r="IS16" s="109">
        <v>3825599</v>
      </c>
      <c r="IT16" s="128">
        <v>14274023</v>
      </c>
      <c r="IU16" s="298">
        <v>14274023</v>
      </c>
      <c r="IV16" s="129">
        <v>0</v>
      </c>
      <c r="IW16" s="109">
        <v>0</v>
      </c>
      <c r="IX16" s="110">
        <v>0</v>
      </c>
      <c r="IY16" s="131"/>
      <c r="IZ16" s="109">
        <v>150161</v>
      </c>
      <c r="JA16" s="109">
        <v>71789</v>
      </c>
      <c r="JB16" s="109">
        <v>102119</v>
      </c>
      <c r="JC16" s="109">
        <v>323100</v>
      </c>
      <c r="JD16" s="109">
        <v>225785</v>
      </c>
      <c r="JE16" s="110">
        <v>872954</v>
      </c>
      <c r="JF16" s="111">
        <v>872954</v>
      </c>
      <c r="JG16" s="129">
        <v>0</v>
      </c>
      <c r="JH16" s="109">
        <v>0</v>
      </c>
      <c r="JI16" s="128">
        <v>0</v>
      </c>
      <c r="JJ16" s="108">
        <v>0</v>
      </c>
      <c r="JK16" s="109">
        <v>24093100</v>
      </c>
      <c r="JL16" s="109">
        <v>17726515</v>
      </c>
      <c r="JM16" s="109">
        <v>9317131</v>
      </c>
      <c r="JN16" s="109">
        <v>6978539</v>
      </c>
      <c r="JO16" s="109">
        <v>3781250</v>
      </c>
      <c r="JP16" s="110">
        <v>61896535</v>
      </c>
      <c r="JQ16" s="298">
        <v>61896535</v>
      </c>
      <c r="JR16" s="129">
        <v>0</v>
      </c>
      <c r="JS16" s="109">
        <v>46251</v>
      </c>
      <c r="JT16" s="128">
        <v>46251</v>
      </c>
      <c r="JU16" s="108">
        <v>0</v>
      </c>
      <c r="JV16" s="109">
        <v>547225</v>
      </c>
      <c r="JW16" s="109">
        <v>1289718</v>
      </c>
      <c r="JX16" s="109">
        <v>3047900</v>
      </c>
      <c r="JY16" s="109">
        <v>1395464</v>
      </c>
      <c r="JZ16" s="109">
        <v>1770297</v>
      </c>
      <c r="KA16" s="110">
        <v>8050604</v>
      </c>
      <c r="KB16" s="298">
        <v>8096855</v>
      </c>
      <c r="KC16" s="221">
        <v>484961</v>
      </c>
      <c r="KD16" s="217">
        <v>1402260</v>
      </c>
      <c r="KE16" s="110">
        <v>1887221</v>
      </c>
      <c r="KF16" s="108">
        <v>0</v>
      </c>
      <c r="KG16" s="109">
        <v>11442227</v>
      </c>
      <c r="KH16" s="109">
        <v>12197398</v>
      </c>
      <c r="KI16" s="109">
        <v>18086062</v>
      </c>
      <c r="KJ16" s="109">
        <v>17872249</v>
      </c>
      <c r="KK16" s="109">
        <v>12504214</v>
      </c>
      <c r="KL16" s="110">
        <v>72102150</v>
      </c>
      <c r="KM16" s="130">
        <v>73989371</v>
      </c>
      <c r="KN16" s="219">
        <v>0</v>
      </c>
      <c r="KO16" s="223">
        <v>741264</v>
      </c>
      <c r="KP16" s="224">
        <v>741264</v>
      </c>
      <c r="KQ16" s="127"/>
      <c r="KR16" s="109">
        <v>24862014</v>
      </c>
      <c r="KS16" s="109">
        <v>31730460</v>
      </c>
      <c r="KT16" s="109">
        <v>31366759</v>
      </c>
      <c r="KU16" s="109">
        <v>24142490</v>
      </c>
      <c r="KV16" s="109">
        <v>25866432</v>
      </c>
      <c r="KW16" s="110">
        <v>137968155</v>
      </c>
      <c r="KX16" s="298">
        <v>138709419</v>
      </c>
      <c r="KY16" s="129">
        <v>0</v>
      </c>
      <c r="KZ16" s="109">
        <v>0</v>
      </c>
      <c r="LA16" s="110">
        <v>0</v>
      </c>
      <c r="LB16" s="132"/>
      <c r="LC16" s="109">
        <v>6085737</v>
      </c>
      <c r="LD16" s="109">
        <v>3848958</v>
      </c>
      <c r="LE16" s="109">
        <v>7112634</v>
      </c>
      <c r="LF16" s="109">
        <v>5824096</v>
      </c>
      <c r="LG16" s="109">
        <v>7208735</v>
      </c>
      <c r="LH16" s="110">
        <v>30080160</v>
      </c>
      <c r="LI16" s="111">
        <v>30080160</v>
      </c>
      <c r="LJ16" s="129">
        <v>0</v>
      </c>
      <c r="LK16" s="109">
        <v>0</v>
      </c>
      <c r="LL16" s="110">
        <v>0</v>
      </c>
      <c r="LM16" s="132"/>
      <c r="LN16" s="109">
        <v>0</v>
      </c>
      <c r="LO16" s="109">
        <v>206120</v>
      </c>
      <c r="LP16" s="109">
        <v>991785</v>
      </c>
      <c r="LQ16" s="109">
        <v>5484187</v>
      </c>
      <c r="LR16" s="109">
        <v>6052231</v>
      </c>
      <c r="LS16" s="110">
        <v>12734323</v>
      </c>
      <c r="LT16" s="298">
        <v>12734323</v>
      </c>
      <c r="LU16" s="129">
        <v>0</v>
      </c>
      <c r="LV16" s="109">
        <v>0</v>
      </c>
      <c r="LW16" s="110">
        <v>0</v>
      </c>
      <c r="LX16" s="132"/>
      <c r="LY16" s="109">
        <v>4006946</v>
      </c>
      <c r="LZ16" s="109">
        <v>8317820</v>
      </c>
      <c r="MA16" s="109">
        <v>8336049</v>
      </c>
      <c r="MB16" s="109">
        <v>14294682</v>
      </c>
      <c r="MC16" s="109">
        <v>10596959</v>
      </c>
      <c r="MD16" s="110">
        <v>45552456</v>
      </c>
      <c r="ME16" s="111">
        <v>45552456</v>
      </c>
      <c r="MF16" s="129">
        <v>0</v>
      </c>
      <c r="MG16" s="109">
        <v>0</v>
      </c>
      <c r="MH16" s="110">
        <v>0</v>
      </c>
      <c r="MI16" s="132"/>
      <c r="MJ16" s="109">
        <v>29254776</v>
      </c>
      <c r="MK16" s="109">
        <v>45637854</v>
      </c>
      <c r="ML16" s="109">
        <v>137212262</v>
      </c>
      <c r="MM16" s="109">
        <v>215493149</v>
      </c>
      <c r="MN16" s="109">
        <v>188849141</v>
      </c>
      <c r="MO16" s="110">
        <v>616447182</v>
      </c>
      <c r="MP16" s="130">
        <v>616447182</v>
      </c>
      <c r="MQ16" s="129">
        <v>0</v>
      </c>
      <c r="MR16" s="109">
        <v>0</v>
      </c>
      <c r="MS16" s="110">
        <v>0</v>
      </c>
      <c r="MT16" s="132"/>
      <c r="MU16" s="109">
        <v>3361031</v>
      </c>
      <c r="MV16" s="109">
        <v>10204368</v>
      </c>
      <c r="MW16" s="109">
        <v>84570124</v>
      </c>
      <c r="MX16" s="109">
        <v>156946786</v>
      </c>
      <c r="MY16" s="109">
        <v>138302818</v>
      </c>
      <c r="MZ16" s="110">
        <v>393385127</v>
      </c>
      <c r="NA16" s="130">
        <v>393385127</v>
      </c>
      <c r="NB16" s="129">
        <v>0</v>
      </c>
      <c r="NC16" s="109">
        <v>0</v>
      </c>
      <c r="ND16" s="110">
        <v>0</v>
      </c>
      <c r="NE16" s="132"/>
      <c r="NF16" s="109">
        <v>25893745</v>
      </c>
      <c r="NG16" s="109">
        <v>35433486</v>
      </c>
      <c r="NH16" s="109">
        <v>52642138</v>
      </c>
      <c r="NI16" s="109">
        <v>57049524</v>
      </c>
      <c r="NJ16" s="109">
        <v>36508475</v>
      </c>
      <c r="NK16" s="110">
        <v>207527368</v>
      </c>
      <c r="NL16" s="298">
        <v>207527368</v>
      </c>
      <c r="NM16" s="129">
        <v>0</v>
      </c>
      <c r="NN16" s="109">
        <v>0</v>
      </c>
      <c r="NO16" s="110">
        <v>0</v>
      </c>
      <c r="NP16" s="132"/>
      <c r="NQ16" s="109">
        <v>0</v>
      </c>
      <c r="NR16" s="109">
        <v>0</v>
      </c>
      <c r="NS16" s="109">
        <v>0</v>
      </c>
      <c r="NT16" s="109">
        <v>0</v>
      </c>
      <c r="NU16" s="109">
        <v>679447</v>
      </c>
      <c r="NV16" s="110">
        <v>679447</v>
      </c>
      <c r="NW16" s="111">
        <v>679447</v>
      </c>
      <c r="NX16" s="129">
        <v>0</v>
      </c>
      <c r="NY16" s="109">
        <v>0</v>
      </c>
      <c r="NZ16" s="110">
        <v>0</v>
      </c>
      <c r="OA16" s="132"/>
      <c r="OB16" s="109">
        <v>0</v>
      </c>
      <c r="OC16" s="109">
        <v>0</v>
      </c>
      <c r="OD16" s="109">
        <v>0</v>
      </c>
      <c r="OE16" s="109">
        <v>1496839</v>
      </c>
      <c r="OF16" s="109">
        <v>13358401</v>
      </c>
      <c r="OG16" s="110">
        <v>14855240</v>
      </c>
      <c r="OH16" s="111">
        <v>14855240</v>
      </c>
      <c r="OI16" s="129">
        <v>25785573</v>
      </c>
      <c r="OJ16" s="109">
        <v>43197178</v>
      </c>
      <c r="OK16" s="128">
        <v>68982751</v>
      </c>
      <c r="OL16" s="108">
        <v>0</v>
      </c>
      <c r="OM16" s="109">
        <v>443712055</v>
      </c>
      <c r="ON16" s="109">
        <v>407666404</v>
      </c>
      <c r="OO16" s="109">
        <v>466018196</v>
      </c>
      <c r="OP16" s="109">
        <v>555572460</v>
      </c>
      <c r="OQ16" s="109">
        <v>465273260</v>
      </c>
      <c r="OR16" s="110">
        <v>2338242375</v>
      </c>
      <c r="OS16" s="130">
        <v>2407225126</v>
      </c>
    </row>
    <row r="17" spans="2:409" ht="21" customHeight="1" x14ac:dyDescent="0.2">
      <c r="B17" s="472" t="s">
        <v>11</v>
      </c>
      <c r="C17" s="100">
        <v>11734543</v>
      </c>
      <c r="D17" s="104">
        <v>16067797</v>
      </c>
      <c r="E17" s="158">
        <v>27802340</v>
      </c>
      <c r="F17" s="101">
        <v>0</v>
      </c>
      <c r="G17" s="104">
        <v>156714771</v>
      </c>
      <c r="H17" s="104">
        <v>137560642</v>
      </c>
      <c r="I17" s="104">
        <v>136310977</v>
      </c>
      <c r="J17" s="104">
        <v>138919720</v>
      </c>
      <c r="K17" s="104">
        <v>89390705</v>
      </c>
      <c r="L17" s="99">
        <v>658896815</v>
      </c>
      <c r="M17" s="106">
        <v>686699155</v>
      </c>
      <c r="N17" s="100">
        <v>1726592</v>
      </c>
      <c r="O17" s="104">
        <v>2348014</v>
      </c>
      <c r="P17" s="103">
        <v>4074606</v>
      </c>
      <c r="Q17" s="100">
        <v>0</v>
      </c>
      <c r="R17" s="104">
        <v>36028322</v>
      </c>
      <c r="S17" s="104">
        <v>37265263</v>
      </c>
      <c r="T17" s="104">
        <v>41288050</v>
      </c>
      <c r="U17" s="104">
        <v>48617082</v>
      </c>
      <c r="V17" s="104">
        <v>43967123</v>
      </c>
      <c r="W17" s="103">
        <v>207165840</v>
      </c>
      <c r="X17" s="106">
        <v>211240446</v>
      </c>
      <c r="Y17" s="100">
        <v>0</v>
      </c>
      <c r="Z17" s="104">
        <v>0</v>
      </c>
      <c r="AA17" s="103">
        <v>0</v>
      </c>
      <c r="AB17" s="100">
        <v>0</v>
      </c>
      <c r="AC17" s="104">
        <v>17067674</v>
      </c>
      <c r="AD17" s="104">
        <v>20155267</v>
      </c>
      <c r="AE17" s="104">
        <v>24042192</v>
      </c>
      <c r="AF17" s="104">
        <v>28931359</v>
      </c>
      <c r="AG17" s="104">
        <v>26939899</v>
      </c>
      <c r="AH17" s="103">
        <v>117136391</v>
      </c>
      <c r="AI17" s="106">
        <v>117136391</v>
      </c>
      <c r="AJ17" s="100">
        <v>0</v>
      </c>
      <c r="AK17" s="104">
        <v>0</v>
      </c>
      <c r="AL17" s="103">
        <v>0</v>
      </c>
      <c r="AM17" s="100">
        <v>0</v>
      </c>
      <c r="AN17" s="104">
        <v>219184</v>
      </c>
      <c r="AO17" s="104">
        <v>658503</v>
      </c>
      <c r="AP17" s="104">
        <v>1654119</v>
      </c>
      <c r="AQ17" s="104">
        <v>3393380</v>
      </c>
      <c r="AR17" s="104">
        <v>4494164</v>
      </c>
      <c r="AS17" s="103">
        <v>10419350</v>
      </c>
      <c r="AT17" s="106">
        <v>10419350</v>
      </c>
      <c r="AU17" s="100">
        <v>995827</v>
      </c>
      <c r="AV17" s="104">
        <v>1667895</v>
      </c>
      <c r="AW17" s="103">
        <v>2663722</v>
      </c>
      <c r="AX17" s="100">
        <v>0</v>
      </c>
      <c r="AY17" s="104">
        <v>12309523</v>
      </c>
      <c r="AZ17" s="104">
        <v>9486957</v>
      </c>
      <c r="BA17" s="104">
        <v>8692063</v>
      </c>
      <c r="BB17" s="104">
        <v>9093900</v>
      </c>
      <c r="BC17" s="104">
        <v>8478783</v>
      </c>
      <c r="BD17" s="103">
        <v>48061226</v>
      </c>
      <c r="BE17" s="106">
        <v>50724948</v>
      </c>
      <c r="BF17" s="100">
        <v>150592</v>
      </c>
      <c r="BG17" s="104">
        <v>222265</v>
      </c>
      <c r="BH17" s="102">
        <v>372857</v>
      </c>
      <c r="BI17" s="101">
        <v>0</v>
      </c>
      <c r="BJ17" s="104">
        <v>1010627</v>
      </c>
      <c r="BK17" s="104">
        <v>776182</v>
      </c>
      <c r="BL17" s="104">
        <v>969501</v>
      </c>
      <c r="BM17" s="104">
        <v>1003596</v>
      </c>
      <c r="BN17" s="104">
        <v>193550</v>
      </c>
      <c r="BO17" s="103">
        <v>3953456</v>
      </c>
      <c r="BP17" s="106">
        <v>4326313</v>
      </c>
      <c r="BQ17" s="100">
        <v>580173</v>
      </c>
      <c r="BR17" s="104">
        <v>457854</v>
      </c>
      <c r="BS17" s="103">
        <v>1038027</v>
      </c>
      <c r="BT17" s="100">
        <v>0</v>
      </c>
      <c r="BU17" s="104">
        <v>5421314</v>
      </c>
      <c r="BV17" s="104">
        <v>6188354</v>
      </c>
      <c r="BW17" s="104">
        <v>5930175</v>
      </c>
      <c r="BX17" s="104">
        <v>6194847</v>
      </c>
      <c r="BY17" s="104">
        <v>3860727</v>
      </c>
      <c r="BZ17" s="103">
        <v>27595417</v>
      </c>
      <c r="CA17" s="106">
        <v>28633444</v>
      </c>
      <c r="CB17" s="100">
        <v>2328597</v>
      </c>
      <c r="CC17" s="104">
        <v>3282917</v>
      </c>
      <c r="CD17" s="103">
        <v>5611514</v>
      </c>
      <c r="CE17" s="100">
        <v>0</v>
      </c>
      <c r="CF17" s="104">
        <v>48817574</v>
      </c>
      <c r="CG17" s="104">
        <v>38312705</v>
      </c>
      <c r="CH17" s="104">
        <v>31911739</v>
      </c>
      <c r="CI17" s="104">
        <v>25739533</v>
      </c>
      <c r="CJ17" s="104">
        <v>11414078</v>
      </c>
      <c r="CK17" s="103">
        <v>156195629</v>
      </c>
      <c r="CL17" s="106">
        <v>161807143</v>
      </c>
      <c r="CM17" s="100">
        <v>0</v>
      </c>
      <c r="CN17" s="104">
        <v>0</v>
      </c>
      <c r="CO17" s="103">
        <v>0</v>
      </c>
      <c r="CP17" s="101">
        <v>0</v>
      </c>
      <c r="CQ17" s="104">
        <v>39657386</v>
      </c>
      <c r="CR17" s="104">
        <v>30244900</v>
      </c>
      <c r="CS17" s="104">
        <v>25600827</v>
      </c>
      <c r="CT17" s="104">
        <v>19928764</v>
      </c>
      <c r="CU17" s="104">
        <v>10101970</v>
      </c>
      <c r="CV17" s="103">
        <v>125533847</v>
      </c>
      <c r="CW17" s="106">
        <v>125533847</v>
      </c>
      <c r="CX17" s="100">
        <v>2328597</v>
      </c>
      <c r="CY17" s="104">
        <v>3282917</v>
      </c>
      <c r="CZ17" s="103">
        <v>5611514</v>
      </c>
      <c r="DA17" s="100">
        <v>0</v>
      </c>
      <c r="DB17" s="104">
        <v>9160188</v>
      </c>
      <c r="DC17" s="104">
        <v>8067805</v>
      </c>
      <c r="DD17" s="104">
        <v>6310912</v>
      </c>
      <c r="DE17" s="104">
        <v>5810769</v>
      </c>
      <c r="DF17" s="104">
        <v>1312108</v>
      </c>
      <c r="DG17" s="103">
        <v>30661782</v>
      </c>
      <c r="DH17" s="106">
        <v>36273296</v>
      </c>
      <c r="DI17" s="100">
        <v>199196</v>
      </c>
      <c r="DJ17" s="104">
        <v>428938</v>
      </c>
      <c r="DK17" s="102">
        <v>628134</v>
      </c>
      <c r="DL17" s="101">
        <v>0</v>
      </c>
      <c r="DM17" s="104">
        <v>5843485</v>
      </c>
      <c r="DN17" s="104">
        <v>6919984</v>
      </c>
      <c r="DO17" s="104">
        <v>13191784</v>
      </c>
      <c r="DP17" s="104">
        <v>9889452</v>
      </c>
      <c r="DQ17" s="104">
        <v>5111277</v>
      </c>
      <c r="DR17" s="103">
        <v>40955982</v>
      </c>
      <c r="DS17" s="106">
        <v>41584116</v>
      </c>
      <c r="DT17" s="100">
        <v>199196</v>
      </c>
      <c r="DU17" s="104">
        <v>428938</v>
      </c>
      <c r="DV17" s="103">
        <v>628134</v>
      </c>
      <c r="DW17" s="100">
        <v>0</v>
      </c>
      <c r="DX17" s="104">
        <v>5411084</v>
      </c>
      <c r="DY17" s="104">
        <v>6586046</v>
      </c>
      <c r="DZ17" s="104">
        <v>11954245</v>
      </c>
      <c r="EA17" s="104">
        <v>9559830</v>
      </c>
      <c r="EB17" s="104">
        <v>4228295</v>
      </c>
      <c r="EC17" s="103">
        <v>37739500</v>
      </c>
      <c r="ED17" s="106">
        <v>38367634</v>
      </c>
      <c r="EE17" s="100">
        <v>0</v>
      </c>
      <c r="EF17" s="102">
        <v>0</v>
      </c>
      <c r="EG17" s="103">
        <v>0</v>
      </c>
      <c r="EH17" s="100">
        <v>0</v>
      </c>
      <c r="EI17" s="104">
        <v>432401</v>
      </c>
      <c r="EJ17" s="104">
        <v>333938</v>
      </c>
      <c r="EK17" s="104">
        <v>1237539</v>
      </c>
      <c r="EL17" s="104">
        <v>329622</v>
      </c>
      <c r="EM17" s="104">
        <v>882982</v>
      </c>
      <c r="EN17" s="102">
        <v>3216482</v>
      </c>
      <c r="EO17" s="106">
        <v>3216482</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2921062</v>
      </c>
      <c r="FM17" s="104">
        <v>4508134</v>
      </c>
      <c r="FN17" s="103">
        <v>7429196</v>
      </c>
      <c r="FO17" s="100">
        <v>0</v>
      </c>
      <c r="FP17" s="104">
        <v>9345923</v>
      </c>
      <c r="FQ17" s="104">
        <v>12199538</v>
      </c>
      <c r="FR17" s="104">
        <v>10875965</v>
      </c>
      <c r="FS17" s="104">
        <v>10792071</v>
      </c>
      <c r="FT17" s="104">
        <v>6476099</v>
      </c>
      <c r="FU17" s="103">
        <v>49689596</v>
      </c>
      <c r="FV17" s="106">
        <v>57118792</v>
      </c>
      <c r="FW17" s="105">
        <v>1852367</v>
      </c>
      <c r="FX17" s="104">
        <v>2969307</v>
      </c>
      <c r="FY17" s="102">
        <v>4821674</v>
      </c>
      <c r="FZ17" s="101">
        <v>0</v>
      </c>
      <c r="GA17" s="104">
        <v>6658466</v>
      </c>
      <c r="GB17" s="104">
        <v>11300289</v>
      </c>
      <c r="GC17" s="104">
        <v>9713915</v>
      </c>
      <c r="GD17" s="104">
        <v>9919271</v>
      </c>
      <c r="GE17" s="104">
        <v>6265982</v>
      </c>
      <c r="GF17" s="103">
        <v>43857923</v>
      </c>
      <c r="GG17" s="296">
        <v>48679597</v>
      </c>
      <c r="GH17" s="105">
        <v>69813</v>
      </c>
      <c r="GI17" s="104">
        <v>311173</v>
      </c>
      <c r="GJ17" s="102">
        <v>380986</v>
      </c>
      <c r="GK17" s="101">
        <v>0</v>
      </c>
      <c r="GL17" s="104">
        <v>495864</v>
      </c>
      <c r="GM17" s="104">
        <v>380644</v>
      </c>
      <c r="GN17" s="104">
        <v>285500</v>
      </c>
      <c r="GO17" s="104">
        <v>223810</v>
      </c>
      <c r="GP17" s="104">
        <v>111117</v>
      </c>
      <c r="GQ17" s="103">
        <v>1496935</v>
      </c>
      <c r="GR17" s="106">
        <v>1877921</v>
      </c>
      <c r="GS17" s="100">
        <v>998882</v>
      </c>
      <c r="GT17" s="104">
        <v>1227654</v>
      </c>
      <c r="GU17" s="103">
        <v>2226536</v>
      </c>
      <c r="GV17" s="100">
        <v>0</v>
      </c>
      <c r="GW17" s="104">
        <v>2191593</v>
      </c>
      <c r="GX17" s="104">
        <v>518605</v>
      </c>
      <c r="GY17" s="104">
        <v>876550</v>
      </c>
      <c r="GZ17" s="104">
        <v>648990</v>
      </c>
      <c r="HA17" s="104">
        <v>99000</v>
      </c>
      <c r="HB17" s="102">
        <v>4334738</v>
      </c>
      <c r="HC17" s="106">
        <v>6561274</v>
      </c>
      <c r="HD17" s="100">
        <v>2137790</v>
      </c>
      <c r="HE17" s="104">
        <v>2816452</v>
      </c>
      <c r="HF17" s="102">
        <v>4954242</v>
      </c>
      <c r="HG17" s="101">
        <v>0</v>
      </c>
      <c r="HH17" s="104">
        <v>29765295</v>
      </c>
      <c r="HI17" s="104">
        <v>26301987</v>
      </c>
      <c r="HJ17" s="104">
        <v>25847139</v>
      </c>
      <c r="HK17" s="104">
        <v>33627698</v>
      </c>
      <c r="HL17" s="104">
        <v>17221971</v>
      </c>
      <c r="HM17" s="103">
        <v>132764090</v>
      </c>
      <c r="HN17" s="99">
        <v>137718332</v>
      </c>
      <c r="HO17" s="105">
        <v>2421306</v>
      </c>
      <c r="HP17" s="104">
        <v>2683342</v>
      </c>
      <c r="HQ17" s="103">
        <v>5104648</v>
      </c>
      <c r="HR17" s="100">
        <v>0</v>
      </c>
      <c r="HS17" s="104">
        <v>26914172</v>
      </c>
      <c r="HT17" s="104">
        <v>16561165</v>
      </c>
      <c r="HU17" s="104">
        <v>13196300</v>
      </c>
      <c r="HV17" s="104">
        <v>10253884</v>
      </c>
      <c r="HW17" s="104">
        <v>5200157</v>
      </c>
      <c r="HX17" s="102">
        <v>72125678</v>
      </c>
      <c r="HY17" s="106">
        <v>77230326</v>
      </c>
      <c r="HZ17" s="118">
        <v>52630</v>
      </c>
      <c r="IA17" s="119">
        <v>1243887</v>
      </c>
      <c r="IB17" s="120">
        <v>1296517</v>
      </c>
      <c r="IC17" s="133">
        <v>0</v>
      </c>
      <c r="ID17" s="119">
        <v>51290228</v>
      </c>
      <c r="IE17" s="134">
        <v>52452653</v>
      </c>
      <c r="IF17" s="120">
        <v>51799432</v>
      </c>
      <c r="IG17" s="119">
        <v>34764500</v>
      </c>
      <c r="IH17" s="120">
        <v>15938716</v>
      </c>
      <c r="II17" s="135">
        <v>206245529</v>
      </c>
      <c r="IJ17" s="126">
        <v>207542046</v>
      </c>
      <c r="IK17" s="219">
        <v>0</v>
      </c>
      <c r="IL17" s="223">
        <v>0</v>
      </c>
      <c r="IM17" s="224">
        <v>0</v>
      </c>
      <c r="IN17" s="127"/>
      <c r="IO17" s="109">
        <v>810415</v>
      </c>
      <c r="IP17" s="109">
        <v>1372419</v>
      </c>
      <c r="IQ17" s="109">
        <v>738235</v>
      </c>
      <c r="IR17" s="109">
        <v>2189445</v>
      </c>
      <c r="IS17" s="109">
        <v>1560240</v>
      </c>
      <c r="IT17" s="128">
        <v>6670754</v>
      </c>
      <c r="IU17" s="298">
        <v>6670754</v>
      </c>
      <c r="IV17" s="129">
        <v>0</v>
      </c>
      <c r="IW17" s="109">
        <v>0</v>
      </c>
      <c r="IX17" s="110">
        <v>0</v>
      </c>
      <c r="IY17" s="131"/>
      <c r="IZ17" s="109">
        <v>405024</v>
      </c>
      <c r="JA17" s="109">
        <v>276177</v>
      </c>
      <c r="JB17" s="109">
        <v>248498</v>
      </c>
      <c r="JC17" s="109">
        <v>345004</v>
      </c>
      <c r="JD17" s="109">
        <v>194951</v>
      </c>
      <c r="JE17" s="110">
        <v>1469654</v>
      </c>
      <c r="JF17" s="111">
        <v>1469654</v>
      </c>
      <c r="JG17" s="129">
        <v>0</v>
      </c>
      <c r="JH17" s="109">
        <v>0</v>
      </c>
      <c r="JI17" s="128">
        <v>0</v>
      </c>
      <c r="JJ17" s="108">
        <v>0</v>
      </c>
      <c r="JK17" s="109">
        <v>28386916</v>
      </c>
      <c r="JL17" s="109">
        <v>21235040</v>
      </c>
      <c r="JM17" s="109">
        <v>15432174</v>
      </c>
      <c r="JN17" s="109">
        <v>9004563</v>
      </c>
      <c r="JO17" s="109">
        <v>3875404</v>
      </c>
      <c r="JP17" s="110">
        <v>77934097</v>
      </c>
      <c r="JQ17" s="298">
        <v>77934097</v>
      </c>
      <c r="JR17" s="129">
        <v>0</v>
      </c>
      <c r="JS17" s="109">
        <v>0</v>
      </c>
      <c r="JT17" s="128">
        <v>0</v>
      </c>
      <c r="JU17" s="108">
        <v>0</v>
      </c>
      <c r="JV17" s="109">
        <v>971719</v>
      </c>
      <c r="JW17" s="109">
        <v>1653838</v>
      </c>
      <c r="JX17" s="109">
        <v>1311187</v>
      </c>
      <c r="JY17" s="109">
        <v>91721</v>
      </c>
      <c r="JZ17" s="109">
        <v>127279</v>
      </c>
      <c r="KA17" s="110">
        <v>4155744</v>
      </c>
      <c r="KB17" s="298">
        <v>4155744</v>
      </c>
      <c r="KC17" s="221">
        <v>52630</v>
      </c>
      <c r="KD17" s="217">
        <v>505600</v>
      </c>
      <c r="KE17" s="110">
        <v>558230</v>
      </c>
      <c r="KF17" s="108">
        <v>0</v>
      </c>
      <c r="KG17" s="109">
        <v>6202965</v>
      </c>
      <c r="KH17" s="109">
        <v>6248239</v>
      </c>
      <c r="KI17" s="109">
        <v>9943944</v>
      </c>
      <c r="KJ17" s="109">
        <v>5952411</v>
      </c>
      <c r="KK17" s="109">
        <v>2771144</v>
      </c>
      <c r="KL17" s="110">
        <v>31118703</v>
      </c>
      <c r="KM17" s="130">
        <v>31676933</v>
      </c>
      <c r="KN17" s="219">
        <v>0</v>
      </c>
      <c r="KO17" s="223">
        <v>738287</v>
      </c>
      <c r="KP17" s="224">
        <v>738287</v>
      </c>
      <c r="KQ17" s="127"/>
      <c r="KR17" s="109">
        <v>13515003</v>
      </c>
      <c r="KS17" s="109">
        <v>20281883</v>
      </c>
      <c r="KT17" s="109">
        <v>23198734</v>
      </c>
      <c r="KU17" s="109">
        <v>14431231</v>
      </c>
      <c r="KV17" s="109">
        <v>6669660</v>
      </c>
      <c r="KW17" s="110">
        <v>78096511</v>
      </c>
      <c r="KX17" s="298">
        <v>78834798</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239220</v>
      </c>
      <c r="LP17" s="109">
        <v>0</v>
      </c>
      <c r="LQ17" s="109">
        <v>0</v>
      </c>
      <c r="LR17" s="109">
        <v>0</v>
      </c>
      <c r="LS17" s="110">
        <v>239220</v>
      </c>
      <c r="LT17" s="298">
        <v>239220</v>
      </c>
      <c r="LU17" s="129">
        <v>0</v>
      </c>
      <c r="LV17" s="109">
        <v>0</v>
      </c>
      <c r="LW17" s="110">
        <v>0</v>
      </c>
      <c r="LX17" s="132"/>
      <c r="LY17" s="109">
        <v>998186</v>
      </c>
      <c r="LZ17" s="109">
        <v>1145837</v>
      </c>
      <c r="MA17" s="109">
        <v>926660</v>
      </c>
      <c r="MB17" s="109">
        <v>2750125</v>
      </c>
      <c r="MC17" s="109">
        <v>740038</v>
      </c>
      <c r="MD17" s="110">
        <v>6560846</v>
      </c>
      <c r="ME17" s="111">
        <v>6560846</v>
      </c>
      <c r="MF17" s="129">
        <v>0</v>
      </c>
      <c r="MG17" s="109">
        <v>0</v>
      </c>
      <c r="MH17" s="110">
        <v>0</v>
      </c>
      <c r="MI17" s="132"/>
      <c r="MJ17" s="109">
        <v>17041689</v>
      </c>
      <c r="MK17" s="109">
        <v>29676532</v>
      </c>
      <c r="ML17" s="109">
        <v>87228490</v>
      </c>
      <c r="MM17" s="109">
        <v>151911140</v>
      </c>
      <c r="MN17" s="109">
        <v>97458397</v>
      </c>
      <c r="MO17" s="110">
        <v>383316248</v>
      </c>
      <c r="MP17" s="130">
        <v>383316248</v>
      </c>
      <c r="MQ17" s="129">
        <v>0</v>
      </c>
      <c r="MR17" s="109">
        <v>0</v>
      </c>
      <c r="MS17" s="110">
        <v>0</v>
      </c>
      <c r="MT17" s="132"/>
      <c r="MU17" s="109">
        <v>178731</v>
      </c>
      <c r="MV17" s="109">
        <v>1800712</v>
      </c>
      <c r="MW17" s="109">
        <v>44559463</v>
      </c>
      <c r="MX17" s="109">
        <v>104005346</v>
      </c>
      <c r="MY17" s="109">
        <v>62848463</v>
      </c>
      <c r="MZ17" s="110">
        <v>213392715</v>
      </c>
      <c r="NA17" s="130">
        <v>213392715</v>
      </c>
      <c r="NB17" s="129">
        <v>0</v>
      </c>
      <c r="NC17" s="109">
        <v>0</v>
      </c>
      <c r="ND17" s="110">
        <v>0</v>
      </c>
      <c r="NE17" s="132"/>
      <c r="NF17" s="109">
        <v>15669276</v>
      </c>
      <c r="NG17" s="109">
        <v>24866838</v>
      </c>
      <c r="NH17" s="109">
        <v>38185375</v>
      </c>
      <c r="NI17" s="109">
        <v>43897315</v>
      </c>
      <c r="NJ17" s="109">
        <v>23584158</v>
      </c>
      <c r="NK17" s="110">
        <v>146202962</v>
      </c>
      <c r="NL17" s="298">
        <v>146202962</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1193682</v>
      </c>
      <c r="OC17" s="109">
        <v>3008982</v>
      </c>
      <c r="OD17" s="109">
        <v>4483652</v>
      </c>
      <c r="OE17" s="109">
        <v>4008479</v>
      </c>
      <c r="OF17" s="109">
        <v>11025776</v>
      </c>
      <c r="OG17" s="110">
        <v>23720571</v>
      </c>
      <c r="OH17" s="111">
        <v>23720571</v>
      </c>
      <c r="OI17" s="129">
        <v>11787173</v>
      </c>
      <c r="OJ17" s="109">
        <v>17311684</v>
      </c>
      <c r="OK17" s="128">
        <v>29098857</v>
      </c>
      <c r="OL17" s="108">
        <v>0</v>
      </c>
      <c r="OM17" s="109">
        <v>225046688</v>
      </c>
      <c r="ON17" s="109">
        <v>219689827</v>
      </c>
      <c r="OO17" s="109">
        <v>275338899</v>
      </c>
      <c r="OP17" s="109">
        <v>325595360</v>
      </c>
      <c r="OQ17" s="109">
        <v>202787818</v>
      </c>
      <c r="OR17" s="110">
        <v>1248458592</v>
      </c>
      <c r="OS17" s="130">
        <v>1277557449</v>
      </c>
    </row>
    <row r="18" spans="2:409" ht="21" customHeight="1" x14ac:dyDescent="0.2">
      <c r="B18" s="472" t="s">
        <v>12</v>
      </c>
      <c r="C18" s="100">
        <v>15364326</v>
      </c>
      <c r="D18" s="104">
        <v>32819106</v>
      </c>
      <c r="E18" s="103">
        <v>48183432</v>
      </c>
      <c r="F18" s="99">
        <v>0</v>
      </c>
      <c r="G18" s="104">
        <v>134032611</v>
      </c>
      <c r="H18" s="157">
        <v>159610977</v>
      </c>
      <c r="I18" s="157">
        <v>142455478</v>
      </c>
      <c r="J18" s="157">
        <v>157825009</v>
      </c>
      <c r="K18" s="157">
        <v>107580989</v>
      </c>
      <c r="L18" s="102">
        <v>701505064</v>
      </c>
      <c r="M18" s="106">
        <v>749688496</v>
      </c>
      <c r="N18" s="100">
        <v>3815656</v>
      </c>
      <c r="O18" s="104">
        <v>9186218</v>
      </c>
      <c r="P18" s="103">
        <v>13001874</v>
      </c>
      <c r="Q18" s="100">
        <v>0</v>
      </c>
      <c r="R18" s="104">
        <v>35999645</v>
      </c>
      <c r="S18" s="104">
        <v>51035902</v>
      </c>
      <c r="T18" s="104">
        <v>45078889</v>
      </c>
      <c r="U18" s="104">
        <v>60745288</v>
      </c>
      <c r="V18" s="104">
        <v>54515279</v>
      </c>
      <c r="W18" s="103">
        <v>247375003</v>
      </c>
      <c r="X18" s="106">
        <v>260376877</v>
      </c>
      <c r="Y18" s="100">
        <v>0</v>
      </c>
      <c r="Z18" s="104">
        <v>0</v>
      </c>
      <c r="AA18" s="103">
        <v>0</v>
      </c>
      <c r="AB18" s="100">
        <v>0</v>
      </c>
      <c r="AC18" s="104">
        <v>20386918</v>
      </c>
      <c r="AD18" s="104">
        <v>28083830</v>
      </c>
      <c r="AE18" s="104">
        <v>27743921</v>
      </c>
      <c r="AF18" s="104">
        <v>38590313</v>
      </c>
      <c r="AG18" s="104">
        <v>35131175</v>
      </c>
      <c r="AH18" s="103">
        <v>149936157</v>
      </c>
      <c r="AI18" s="106">
        <v>149936157</v>
      </c>
      <c r="AJ18" s="100">
        <v>0</v>
      </c>
      <c r="AK18" s="104">
        <v>212249</v>
      </c>
      <c r="AL18" s="103">
        <v>212249</v>
      </c>
      <c r="AM18" s="100">
        <v>0</v>
      </c>
      <c r="AN18" s="104">
        <v>144689</v>
      </c>
      <c r="AO18" s="104">
        <v>1019859</v>
      </c>
      <c r="AP18" s="104">
        <v>1379154</v>
      </c>
      <c r="AQ18" s="104">
        <v>4625424</v>
      </c>
      <c r="AR18" s="104">
        <v>5351485</v>
      </c>
      <c r="AS18" s="103">
        <v>12520611</v>
      </c>
      <c r="AT18" s="106">
        <v>12732860</v>
      </c>
      <c r="AU18" s="100">
        <v>2780391</v>
      </c>
      <c r="AV18" s="104">
        <v>6975202</v>
      </c>
      <c r="AW18" s="103">
        <v>9755593</v>
      </c>
      <c r="AX18" s="100">
        <v>0</v>
      </c>
      <c r="AY18" s="104">
        <v>10868386</v>
      </c>
      <c r="AZ18" s="104">
        <v>14704704</v>
      </c>
      <c r="BA18" s="104">
        <v>10120840</v>
      </c>
      <c r="BB18" s="104">
        <v>10513562</v>
      </c>
      <c r="BC18" s="104">
        <v>9121239</v>
      </c>
      <c r="BD18" s="103">
        <v>55328731</v>
      </c>
      <c r="BE18" s="106">
        <v>65084324</v>
      </c>
      <c r="BF18" s="100">
        <v>189850</v>
      </c>
      <c r="BG18" s="104">
        <v>732021</v>
      </c>
      <c r="BH18" s="102">
        <v>921871</v>
      </c>
      <c r="BI18" s="101">
        <v>0</v>
      </c>
      <c r="BJ18" s="104">
        <v>502279</v>
      </c>
      <c r="BK18" s="104">
        <v>1549682</v>
      </c>
      <c r="BL18" s="104">
        <v>907487</v>
      </c>
      <c r="BM18" s="104">
        <v>889895</v>
      </c>
      <c r="BN18" s="104">
        <v>542774</v>
      </c>
      <c r="BO18" s="103">
        <v>4392117</v>
      </c>
      <c r="BP18" s="106">
        <v>5313988</v>
      </c>
      <c r="BQ18" s="100">
        <v>845415</v>
      </c>
      <c r="BR18" s="104">
        <v>1266746</v>
      </c>
      <c r="BS18" s="103">
        <v>2112161</v>
      </c>
      <c r="BT18" s="100">
        <v>0</v>
      </c>
      <c r="BU18" s="104">
        <v>4097373</v>
      </c>
      <c r="BV18" s="104">
        <v>5677827</v>
      </c>
      <c r="BW18" s="104">
        <v>4927487</v>
      </c>
      <c r="BX18" s="104">
        <v>6126094</v>
      </c>
      <c r="BY18" s="104">
        <v>4368606</v>
      </c>
      <c r="BZ18" s="103">
        <v>25197387</v>
      </c>
      <c r="CA18" s="106">
        <v>27309548</v>
      </c>
      <c r="CB18" s="100">
        <v>2684253</v>
      </c>
      <c r="CC18" s="104">
        <v>5645408</v>
      </c>
      <c r="CD18" s="103">
        <v>8329661</v>
      </c>
      <c r="CE18" s="100">
        <v>0</v>
      </c>
      <c r="CF18" s="104">
        <v>46429824</v>
      </c>
      <c r="CG18" s="104">
        <v>45741683</v>
      </c>
      <c r="CH18" s="104">
        <v>36410317</v>
      </c>
      <c r="CI18" s="104">
        <v>28988171</v>
      </c>
      <c r="CJ18" s="104">
        <v>12754420</v>
      </c>
      <c r="CK18" s="103">
        <v>170324415</v>
      </c>
      <c r="CL18" s="106">
        <v>178654076</v>
      </c>
      <c r="CM18" s="100">
        <v>0</v>
      </c>
      <c r="CN18" s="104">
        <v>0</v>
      </c>
      <c r="CO18" s="103">
        <v>0</v>
      </c>
      <c r="CP18" s="101">
        <v>0</v>
      </c>
      <c r="CQ18" s="104">
        <v>39548120</v>
      </c>
      <c r="CR18" s="104">
        <v>34803901</v>
      </c>
      <c r="CS18" s="104">
        <v>26594658</v>
      </c>
      <c r="CT18" s="104">
        <v>22459045</v>
      </c>
      <c r="CU18" s="104">
        <v>10033668</v>
      </c>
      <c r="CV18" s="103">
        <v>133439392</v>
      </c>
      <c r="CW18" s="106">
        <v>133439392</v>
      </c>
      <c r="CX18" s="100">
        <v>2684253</v>
      </c>
      <c r="CY18" s="104">
        <v>5645408</v>
      </c>
      <c r="CZ18" s="103">
        <v>8329661</v>
      </c>
      <c r="DA18" s="100">
        <v>0</v>
      </c>
      <c r="DB18" s="104">
        <v>6881704</v>
      </c>
      <c r="DC18" s="104">
        <v>10937782</v>
      </c>
      <c r="DD18" s="104">
        <v>9815659</v>
      </c>
      <c r="DE18" s="104">
        <v>6529126</v>
      </c>
      <c r="DF18" s="104">
        <v>2720752</v>
      </c>
      <c r="DG18" s="103">
        <v>36885023</v>
      </c>
      <c r="DH18" s="106">
        <v>45214684</v>
      </c>
      <c r="DI18" s="100">
        <v>76991</v>
      </c>
      <c r="DJ18" s="104">
        <v>835574</v>
      </c>
      <c r="DK18" s="102">
        <v>912565</v>
      </c>
      <c r="DL18" s="101">
        <v>0</v>
      </c>
      <c r="DM18" s="104">
        <v>5271849</v>
      </c>
      <c r="DN18" s="104">
        <v>7494511</v>
      </c>
      <c r="DO18" s="104">
        <v>12619039</v>
      </c>
      <c r="DP18" s="104">
        <v>11909864</v>
      </c>
      <c r="DQ18" s="104">
        <v>8943229</v>
      </c>
      <c r="DR18" s="103">
        <v>46238492</v>
      </c>
      <c r="DS18" s="106">
        <v>47151057</v>
      </c>
      <c r="DT18" s="100">
        <v>76991</v>
      </c>
      <c r="DU18" s="104">
        <v>835574</v>
      </c>
      <c r="DV18" s="103">
        <v>912565</v>
      </c>
      <c r="DW18" s="100">
        <v>0</v>
      </c>
      <c r="DX18" s="104">
        <v>5106272</v>
      </c>
      <c r="DY18" s="104">
        <v>7141862</v>
      </c>
      <c r="DZ18" s="104">
        <v>11796192</v>
      </c>
      <c r="EA18" s="104">
        <v>11643028</v>
      </c>
      <c r="EB18" s="104">
        <v>8876047</v>
      </c>
      <c r="EC18" s="103">
        <v>44563401</v>
      </c>
      <c r="ED18" s="106">
        <v>45475966</v>
      </c>
      <c r="EE18" s="100">
        <v>0</v>
      </c>
      <c r="EF18" s="102">
        <v>0</v>
      </c>
      <c r="EG18" s="103">
        <v>0</v>
      </c>
      <c r="EH18" s="100">
        <v>0</v>
      </c>
      <c r="EI18" s="104">
        <v>165577</v>
      </c>
      <c r="EJ18" s="104">
        <v>352649</v>
      </c>
      <c r="EK18" s="104">
        <v>822847</v>
      </c>
      <c r="EL18" s="104">
        <v>266836</v>
      </c>
      <c r="EM18" s="104">
        <v>67182</v>
      </c>
      <c r="EN18" s="102">
        <v>1675091</v>
      </c>
      <c r="EO18" s="106">
        <v>1675091</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3051452</v>
      </c>
      <c r="FM18" s="104">
        <v>7309883</v>
      </c>
      <c r="FN18" s="103">
        <v>10361335</v>
      </c>
      <c r="FO18" s="100">
        <v>0</v>
      </c>
      <c r="FP18" s="104">
        <v>4829866</v>
      </c>
      <c r="FQ18" s="104">
        <v>15516979</v>
      </c>
      <c r="FR18" s="104">
        <v>12430591</v>
      </c>
      <c r="FS18" s="104">
        <v>12696786</v>
      </c>
      <c r="FT18" s="104">
        <v>8238490</v>
      </c>
      <c r="FU18" s="103">
        <v>53712712</v>
      </c>
      <c r="FV18" s="106">
        <v>64074047</v>
      </c>
      <c r="FW18" s="105">
        <v>2318520</v>
      </c>
      <c r="FX18" s="104">
        <v>5806641</v>
      </c>
      <c r="FY18" s="102">
        <v>8125161</v>
      </c>
      <c r="FZ18" s="101">
        <v>0</v>
      </c>
      <c r="GA18" s="104">
        <v>3890682</v>
      </c>
      <c r="GB18" s="104">
        <v>13842674</v>
      </c>
      <c r="GC18" s="104">
        <v>11217417</v>
      </c>
      <c r="GD18" s="104">
        <v>11637951</v>
      </c>
      <c r="GE18" s="104">
        <v>8170445</v>
      </c>
      <c r="GF18" s="103">
        <v>48759169</v>
      </c>
      <c r="GG18" s="296">
        <v>56884330</v>
      </c>
      <c r="GH18" s="105">
        <v>80572</v>
      </c>
      <c r="GI18" s="104">
        <v>304566</v>
      </c>
      <c r="GJ18" s="102">
        <v>385138</v>
      </c>
      <c r="GK18" s="101">
        <v>0</v>
      </c>
      <c r="GL18" s="104">
        <v>391762</v>
      </c>
      <c r="GM18" s="104">
        <v>665745</v>
      </c>
      <c r="GN18" s="104">
        <v>563850</v>
      </c>
      <c r="GO18" s="104">
        <v>416985</v>
      </c>
      <c r="GP18" s="104">
        <v>68045</v>
      </c>
      <c r="GQ18" s="103">
        <v>2106387</v>
      </c>
      <c r="GR18" s="106">
        <v>2491525</v>
      </c>
      <c r="GS18" s="100">
        <v>652360</v>
      </c>
      <c r="GT18" s="104">
        <v>1198676</v>
      </c>
      <c r="GU18" s="103">
        <v>1851036</v>
      </c>
      <c r="GV18" s="100">
        <v>0</v>
      </c>
      <c r="GW18" s="104">
        <v>547422</v>
      </c>
      <c r="GX18" s="104">
        <v>1008560</v>
      </c>
      <c r="GY18" s="104">
        <v>649324</v>
      </c>
      <c r="GZ18" s="104">
        <v>641850</v>
      </c>
      <c r="HA18" s="104">
        <v>0</v>
      </c>
      <c r="HB18" s="102">
        <v>2847156</v>
      </c>
      <c r="HC18" s="106">
        <v>4698192</v>
      </c>
      <c r="HD18" s="100">
        <v>2535625</v>
      </c>
      <c r="HE18" s="104">
        <v>4584895</v>
      </c>
      <c r="HF18" s="102">
        <v>7120520</v>
      </c>
      <c r="HG18" s="101">
        <v>0</v>
      </c>
      <c r="HH18" s="104">
        <v>18807107</v>
      </c>
      <c r="HI18" s="104">
        <v>20764308</v>
      </c>
      <c r="HJ18" s="104">
        <v>21685252</v>
      </c>
      <c r="HK18" s="104">
        <v>31873198</v>
      </c>
      <c r="HL18" s="104">
        <v>16791242</v>
      </c>
      <c r="HM18" s="103">
        <v>109921107</v>
      </c>
      <c r="HN18" s="99">
        <v>117041627</v>
      </c>
      <c r="HO18" s="105">
        <v>3200349</v>
      </c>
      <c r="HP18" s="104">
        <v>5257128</v>
      </c>
      <c r="HQ18" s="103">
        <v>8457477</v>
      </c>
      <c r="HR18" s="100">
        <v>0</v>
      </c>
      <c r="HS18" s="104">
        <v>22694320</v>
      </c>
      <c r="HT18" s="104">
        <v>19057594</v>
      </c>
      <c r="HU18" s="104">
        <v>14231390</v>
      </c>
      <c r="HV18" s="104">
        <v>11611702</v>
      </c>
      <c r="HW18" s="104">
        <v>6338329</v>
      </c>
      <c r="HX18" s="102">
        <v>73933335</v>
      </c>
      <c r="HY18" s="106">
        <v>82390812</v>
      </c>
      <c r="HZ18" s="137">
        <v>114413</v>
      </c>
      <c r="IA18" s="122">
        <v>89109</v>
      </c>
      <c r="IB18" s="137">
        <v>203522</v>
      </c>
      <c r="IC18" s="121">
        <v>0</v>
      </c>
      <c r="ID18" s="122">
        <v>33865714</v>
      </c>
      <c r="IE18" s="123">
        <v>44791716</v>
      </c>
      <c r="IF18" s="124">
        <v>50030733</v>
      </c>
      <c r="IG18" s="122">
        <v>35069294</v>
      </c>
      <c r="IH18" s="124">
        <v>35323172</v>
      </c>
      <c r="II18" s="125">
        <v>199080629</v>
      </c>
      <c r="IJ18" s="137">
        <v>199284151</v>
      </c>
      <c r="IK18" s="219">
        <v>0</v>
      </c>
      <c r="IL18" s="223">
        <v>0</v>
      </c>
      <c r="IM18" s="224">
        <v>0</v>
      </c>
      <c r="IN18" s="127"/>
      <c r="IO18" s="109">
        <v>747875</v>
      </c>
      <c r="IP18" s="109">
        <v>979311</v>
      </c>
      <c r="IQ18" s="109">
        <v>184356</v>
      </c>
      <c r="IR18" s="109">
        <v>772747</v>
      </c>
      <c r="IS18" s="109">
        <v>2244949</v>
      </c>
      <c r="IT18" s="128">
        <v>4929238</v>
      </c>
      <c r="IU18" s="298">
        <v>4929238</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19724962</v>
      </c>
      <c r="JL18" s="109">
        <v>15466551</v>
      </c>
      <c r="JM18" s="109">
        <v>12491894</v>
      </c>
      <c r="JN18" s="109">
        <v>6934122</v>
      </c>
      <c r="JO18" s="109">
        <v>4128097</v>
      </c>
      <c r="JP18" s="110">
        <v>58745626</v>
      </c>
      <c r="JQ18" s="298">
        <v>58745626</v>
      </c>
      <c r="JR18" s="129">
        <v>0</v>
      </c>
      <c r="JS18" s="109">
        <v>0</v>
      </c>
      <c r="JT18" s="128">
        <v>0</v>
      </c>
      <c r="JU18" s="108">
        <v>0</v>
      </c>
      <c r="JV18" s="109">
        <v>356562</v>
      </c>
      <c r="JW18" s="109">
        <v>83649</v>
      </c>
      <c r="JX18" s="109">
        <v>91578</v>
      </c>
      <c r="JY18" s="109">
        <v>184781</v>
      </c>
      <c r="JZ18" s="109">
        <v>278064</v>
      </c>
      <c r="KA18" s="110">
        <v>994634</v>
      </c>
      <c r="KB18" s="298">
        <v>994634</v>
      </c>
      <c r="KC18" s="221">
        <v>114413</v>
      </c>
      <c r="KD18" s="217">
        <v>89109</v>
      </c>
      <c r="KE18" s="110">
        <v>203522</v>
      </c>
      <c r="KF18" s="108">
        <v>0</v>
      </c>
      <c r="KG18" s="109">
        <v>3289779</v>
      </c>
      <c r="KH18" s="109">
        <v>8002284</v>
      </c>
      <c r="KI18" s="109">
        <v>13803295</v>
      </c>
      <c r="KJ18" s="109">
        <v>7333207</v>
      </c>
      <c r="KK18" s="109">
        <v>10727996</v>
      </c>
      <c r="KL18" s="110">
        <v>43156561</v>
      </c>
      <c r="KM18" s="130">
        <v>43360083</v>
      </c>
      <c r="KN18" s="219">
        <v>0</v>
      </c>
      <c r="KO18" s="223">
        <v>0</v>
      </c>
      <c r="KP18" s="224">
        <v>0</v>
      </c>
      <c r="KQ18" s="127"/>
      <c r="KR18" s="109">
        <v>8760169</v>
      </c>
      <c r="KS18" s="109">
        <v>14892552</v>
      </c>
      <c r="KT18" s="109">
        <v>12225357</v>
      </c>
      <c r="KU18" s="109">
        <v>9077442</v>
      </c>
      <c r="KV18" s="109">
        <v>10004266</v>
      </c>
      <c r="KW18" s="110">
        <v>54959786</v>
      </c>
      <c r="KX18" s="298">
        <v>54959786</v>
      </c>
      <c r="KY18" s="129">
        <v>0</v>
      </c>
      <c r="KZ18" s="109">
        <v>0</v>
      </c>
      <c r="LA18" s="110">
        <v>0</v>
      </c>
      <c r="LB18" s="132"/>
      <c r="LC18" s="109">
        <v>0</v>
      </c>
      <c r="LD18" s="109">
        <v>1107608</v>
      </c>
      <c r="LE18" s="109">
        <v>1939287</v>
      </c>
      <c r="LF18" s="109">
        <v>1880620</v>
      </c>
      <c r="LG18" s="109">
        <v>1070472</v>
      </c>
      <c r="LH18" s="110">
        <v>5997987</v>
      </c>
      <c r="LI18" s="111">
        <v>5997987</v>
      </c>
      <c r="LJ18" s="129">
        <v>0</v>
      </c>
      <c r="LK18" s="109">
        <v>0</v>
      </c>
      <c r="LL18" s="110">
        <v>0</v>
      </c>
      <c r="LM18" s="132"/>
      <c r="LN18" s="109">
        <v>0</v>
      </c>
      <c r="LO18" s="109">
        <v>0</v>
      </c>
      <c r="LP18" s="109">
        <v>2473099</v>
      </c>
      <c r="LQ18" s="109">
        <v>3361968</v>
      </c>
      <c r="LR18" s="109">
        <v>2236588</v>
      </c>
      <c r="LS18" s="110">
        <v>8071655</v>
      </c>
      <c r="LT18" s="298">
        <v>8071655</v>
      </c>
      <c r="LU18" s="129">
        <v>0</v>
      </c>
      <c r="LV18" s="109">
        <v>0</v>
      </c>
      <c r="LW18" s="110">
        <v>0</v>
      </c>
      <c r="LX18" s="132"/>
      <c r="LY18" s="109">
        <v>986367</v>
      </c>
      <c r="LZ18" s="109">
        <v>4259761</v>
      </c>
      <c r="MA18" s="109">
        <v>6821867</v>
      </c>
      <c r="MB18" s="109">
        <v>5524407</v>
      </c>
      <c r="MC18" s="109">
        <v>4632740</v>
      </c>
      <c r="MD18" s="110">
        <v>22225142</v>
      </c>
      <c r="ME18" s="111">
        <v>22225142</v>
      </c>
      <c r="MF18" s="129">
        <v>0</v>
      </c>
      <c r="MG18" s="109">
        <v>0</v>
      </c>
      <c r="MH18" s="110">
        <v>0</v>
      </c>
      <c r="MI18" s="132"/>
      <c r="MJ18" s="109">
        <v>11727083</v>
      </c>
      <c r="MK18" s="109">
        <v>27762134</v>
      </c>
      <c r="ML18" s="109">
        <v>96664016</v>
      </c>
      <c r="MM18" s="109">
        <v>144688819</v>
      </c>
      <c r="MN18" s="109">
        <v>95643882</v>
      </c>
      <c r="MO18" s="110">
        <v>376485934</v>
      </c>
      <c r="MP18" s="130">
        <v>376485934</v>
      </c>
      <c r="MQ18" s="129">
        <v>0</v>
      </c>
      <c r="MR18" s="109">
        <v>0</v>
      </c>
      <c r="MS18" s="110">
        <v>0</v>
      </c>
      <c r="MT18" s="132"/>
      <c r="MU18" s="109">
        <v>471386</v>
      </c>
      <c r="MV18" s="109">
        <v>5183098</v>
      </c>
      <c r="MW18" s="109">
        <v>51641481</v>
      </c>
      <c r="MX18" s="109">
        <v>88986087</v>
      </c>
      <c r="MY18" s="109">
        <v>67201333</v>
      </c>
      <c r="MZ18" s="110">
        <v>213483385</v>
      </c>
      <c r="NA18" s="130">
        <v>213483385</v>
      </c>
      <c r="NB18" s="129">
        <v>0</v>
      </c>
      <c r="NC18" s="109">
        <v>0</v>
      </c>
      <c r="ND18" s="110">
        <v>0</v>
      </c>
      <c r="NE18" s="132"/>
      <c r="NF18" s="109">
        <v>11255697</v>
      </c>
      <c r="NG18" s="109">
        <v>22288363</v>
      </c>
      <c r="NH18" s="109">
        <v>44337317</v>
      </c>
      <c r="NI18" s="109">
        <v>50717047</v>
      </c>
      <c r="NJ18" s="109">
        <v>23648237</v>
      </c>
      <c r="NK18" s="110">
        <v>152246661</v>
      </c>
      <c r="NL18" s="298">
        <v>152246661</v>
      </c>
      <c r="NM18" s="129">
        <v>0</v>
      </c>
      <c r="NN18" s="109">
        <v>0</v>
      </c>
      <c r="NO18" s="110">
        <v>0</v>
      </c>
      <c r="NP18" s="132"/>
      <c r="NQ18" s="109">
        <v>0</v>
      </c>
      <c r="NR18" s="109">
        <v>0</v>
      </c>
      <c r="NS18" s="109">
        <v>0</v>
      </c>
      <c r="NT18" s="109">
        <v>0</v>
      </c>
      <c r="NU18" s="109">
        <v>771758</v>
      </c>
      <c r="NV18" s="110">
        <v>771758</v>
      </c>
      <c r="NW18" s="111">
        <v>771758</v>
      </c>
      <c r="NX18" s="129">
        <v>0</v>
      </c>
      <c r="NY18" s="109">
        <v>0</v>
      </c>
      <c r="NZ18" s="110">
        <v>0</v>
      </c>
      <c r="OA18" s="132"/>
      <c r="OB18" s="109">
        <v>0</v>
      </c>
      <c r="OC18" s="109">
        <v>290673</v>
      </c>
      <c r="OD18" s="109">
        <v>685218</v>
      </c>
      <c r="OE18" s="109">
        <v>4985685</v>
      </c>
      <c r="OF18" s="109">
        <v>4022554</v>
      </c>
      <c r="OG18" s="110">
        <v>9984130</v>
      </c>
      <c r="OH18" s="111">
        <v>9984130</v>
      </c>
      <c r="OI18" s="129">
        <v>15478739</v>
      </c>
      <c r="OJ18" s="109">
        <v>32908215</v>
      </c>
      <c r="OK18" s="128">
        <v>48386954</v>
      </c>
      <c r="OL18" s="108">
        <v>0</v>
      </c>
      <c r="OM18" s="109">
        <v>179625408</v>
      </c>
      <c r="ON18" s="109">
        <v>232164827</v>
      </c>
      <c r="OO18" s="109">
        <v>289150227</v>
      </c>
      <c r="OP18" s="109">
        <v>337583122</v>
      </c>
      <c r="OQ18" s="109">
        <v>238548043</v>
      </c>
      <c r="OR18" s="110">
        <v>1277071627</v>
      </c>
      <c r="OS18" s="130">
        <v>1325458581</v>
      </c>
    </row>
    <row r="19" spans="2:409" ht="21" customHeight="1" x14ac:dyDescent="0.2">
      <c r="B19" s="472" t="s">
        <v>13</v>
      </c>
      <c r="C19" s="100">
        <v>3452606</v>
      </c>
      <c r="D19" s="104">
        <v>5417380</v>
      </c>
      <c r="E19" s="103">
        <v>8869986</v>
      </c>
      <c r="F19" s="100">
        <v>0</v>
      </c>
      <c r="G19" s="157">
        <v>45867243</v>
      </c>
      <c r="H19" s="104">
        <v>66044223</v>
      </c>
      <c r="I19" s="104">
        <v>59731108</v>
      </c>
      <c r="J19" s="104">
        <v>59738589</v>
      </c>
      <c r="K19" s="104">
        <v>50849630</v>
      </c>
      <c r="L19" s="102">
        <v>282230793</v>
      </c>
      <c r="M19" s="106">
        <v>291100779</v>
      </c>
      <c r="N19" s="100">
        <v>742570</v>
      </c>
      <c r="O19" s="104">
        <v>1387967</v>
      </c>
      <c r="P19" s="103">
        <v>2130537</v>
      </c>
      <c r="Q19" s="100">
        <v>0</v>
      </c>
      <c r="R19" s="104">
        <v>12944603</v>
      </c>
      <c r="S19" s="104">
        <v>21308026</v>
      </c>
      <c r="T19" s="104">
        <v>18304821</v>
      </c>
      <c r="U19" s="104">
        <v>21773370</v>
      </c>
      <c r="V19" s="104">
        <v>26212697</v>
      </c>
      <c r="W19" s="103">
        <v>100543517</v>
      </c>
      <c r="X19" s="106">
        <v>102674054</v>
      </c>
      <c r="Y19" s="100">
        <v>0</v>
      </c>
      <c r="Z19" s="104">
        <v>0</v>
      </c>
      <c r="AA19" s="103">
        <v>0</v>
      </c>
      <c r="AB19" s="100">
        <v>0</v>
      </c>
      <c r="AC19" s="104">
        <v>6194788</v>
      </c>
      <c r="AD19" s="104">
        <v>10757681</v>
      </c>
      <c r="AE19" s="104">
        <v>10220830</v>
      </c>
      <c r="AF19" s="104">
        <v>13458805</v>
      </c>
      <c r="AG19" s="104">
        <v>17734086</v>
      </c>
      <c r="AH19" s="103">
        <v>58366190</v>
      </c>
      <c r="AI19" s="106">
        <v>58366190</v>
      </c>
      <c r="AJ19" s="100">
        <v>0</v>
      </c>
      <c r="AK19" s="104">
        <v>0</v>
      </c>
      <c r="AL19" s="103">
        <v>0</v>
      </c>
      <c r="AM19" s="100">
        <v>0</v>
      </c>
      <c r="AN19" s="104">
        <v>15228</v>
      </c>
      <c r="AO19" s="104">
        <v>27169</v>
      </c>
      <c r="AP19" s="104">
        <v>379802</v>
      </c>
      <c r="AQ19" s="104">
        <v>859603</v>
      </c>
      <c r="AR19" s="104">
        <v>2200756</v>
      </c>
      <c r="AS19" s="103">
        <v>3482558</v>
      </c>
      <c r="AT19" s="106">
        <v>3482558</v>
      </c>
      <c r="AU19" s="100">
        <v>238134</v>
      </c>
      <c r="AV19" s="104">
        <v>930680</v>
      </c>
      <c r="AW19" s="103">
        <v>1168814</v>
      </c>
      <c r="AX19" s="100">
        <v>0</v>
      </c>
      <c r="AY19" s="104">
        <v>3836518</v>
      </c>
      <c r="AZ19" s="104">
        <v>6616488</v>
      </c>
      <c r="BA19" s="104">
        <v>4481452</v>
      </c>
      <c r="BB19" s="104">
        <v>4030843</v>
      </c>
      <c r="BC19" s="104">
        <v>3625981</v>
      </c>
      <c r="BD19" s="103">
        <v>22591282</v>
      </c>
      <c r="BE19" s="106">
        <v>23760096</v>
      </c>
      <c r="BF19" s="100">
        <v>26075</v>
      </c>
      <c r="BG19" s="104">
        <v>168615</v>
      </c>
      <c r="BH19" s="102">
        <v>194690</v>
      </c>
      <c r="BI19" s="101">
        <v>0</v>
      </c>
      <c r="BJ19" s="104">
        <v>513431</v>
      </c>
      <c r="BK19" s="104">
        <v>701642</v>
      </c>
      <c r="BL19" s="104">
        <v>326671</v>
      </c>
      <c r="BM19" s="104">
        <v>492651</v>
      </c>
      <c r="BN19" s="104">
        <v>245175</v>
      </c>
      <c r="BO19" s="103">
        <v>2279570</v>
      </c>
      <c r="BP19" s="106">
        <v>2474260</v>
      </c>
      <c r="BQ19" s="100">
        <v>478361</v>
      </c>
      <c r="BR19" s="104">
        <v>288672</v>
      </c>
      <c r="BS19" s="103">
        <v>767033</v>
      </c>
      <c r="BT19" s="100">
        <v>0</v>
      </c>
      <c r="BU19" s="104">
        <v>2384638</v>
      </c>
      <c r="BV19" s="104">
        <v>3205046</v>
      </c>
      <c r="BW19" s="104">
        <v>2896066</v>
      </c>
      <c r="BX19" s="104">
        <v>2931468</v>
      </c>
      <c r="BY19" s="104">
        <v>2406699</v>
      </c>
      <c r="BZ19" s="103">
        <v>13823917</v>
      </c>
      <c r="CA19" s="106">
        <v>14590950</v>
      </c>
      <c r="CB19" s="100">
        <v>137862</v>
      </c>
      <c r="CC19" s="104">
        <v>873223</v>
      </c>
      <c r="CD19" s="103">
        <v>1011085</v>
      </c>
      <c r="CE19" s="100">
        <v>0</v>
      </c>
      <c r="CF19" s="104">
        <v>9765972</v>
      </c>
      <c r="CG19" s="104">
        <v>14025027</v>
      </c>
      <c r="CH19" s="104">
        <v>11651361</v>
      </c>
      <c r="CI19" s="104">
        <v>9597501</v>
      </c>
      <c r="CJ19" s="104">
        <v>5236678</v>
      </c>
      <c r="CK19" s="103">
        <v>50276539</v>
      </c>
      <c r="CL19" s="106">
        <v>51287624</v>
      </c>
      <c r="CM19" s="100">
        <v>0</v>
      </c>
      <c r="CN19" s="104">
        <v>0</v>
      </c>
      <c r="CO19" s="103">
        <v>0</v>
      </c>
      <c r="CP19" s="101">
        <v>0</v>
      </c>
      <c r="CQ19" s="104">
        <v>8619198</v>
      </c>
      <c r="CR19" s="104">
        <v>12355502</v>
      </c>
      <c r="CS19" s="104">
        <v>9509112</v>
      </c>
      <c r="CT19" s="104">
        <v>7367156</v>
      </c>
      <c r="CU19" s="104">
        <v>3902838</v>
      </c>
      <c r="CV19" s="103">
        <v>41753806</v>
      </c>
      <c r="CW19" s="106">
        <v>41753806</v>
      </c>
      <c r="CX19" s="100">
        <v>137862</v>
      </c>
      <c r="CY19" s="104">
        <v>873223</v>
      </c>
      <c r="CZ19" s="103">
        <v>1011085</v>
      </c>
      <c r="DA19" s="100">
        <v>0</v>
      </c>
      <c r="DB19" s="104">
        <v>1146774</v>
      </c>
      <c r="DC19" s="104">
        <v>1669525</v>
      </c>
      <c r="DD19" s="104">
        <v>2142249</v>
      </c>
      <c r="DE19" s="104">
        <v>2230345</v>
      </c>
      <c r="DF19" s="104">
        <v>1333840</v>
      </c>
      <c r="DG19" s="103">
        <v>8522733</v>
      </c>
      <c r="DH19" s="106">
        <v>9533818</v>
      </c>
      <c r="DI19" s="100">
        <v>0</v>
      </c>
      <c r="DJ19" s="104">
        <v>25429</v>
      </c>
      <c r="DK19" s="102">
        <v>25429</v>
      </c>
      <c r="DL19" s="101">
        <v>0</v>
      </c>
      <c r="DM19" s="104">
        <v>1435296</v>
      </c>
      <c r="DN19" s="104">
        <v>1587949</v>
      </c>
      <c r="DO19" s="104">
        <v>6621002</v>
      </c>
      <c r="DP19" s="104">
        <v>4962568</v>
      </c>
      <c r="DQ19" s="104">
        <v>2332467</v>
      </c>
      <c r="DR19" s="103">
        <v>16939282</v>
      </c>
      <c r="DS19" s="106">
        <v>16964711</v>
      </c>
      <c r="DT19" s="100">
        <v>0</v>
      </c>
      <c r="DU19" s="104">
        <v>25429</v>
      </c>
      <c r="DV19" s="103">
        <v>25429</v>
      </c>
      <c r="DW19" s="100">
        <v>0</v>
      </c>
      <c r="DX19" s="104">
        <v>1319362</v>
      </c>
      <c r="DY19" s="104">
        <v>1445230</v>
      </c>
      <c r="DZ19" s="104">
        <v>6262693</v>
      </c>
      <c r="EA19" s="104">
        <v>4544081</v>
      </c>
      <c r="EB19" s="104">
        <v>2332467</v>
      </c>
      <c r="EC19" s="103">
        <v>15903833</v>
      </c>
      <c r="ED19" s="106">
        <v>15929262</v>
      </c>
      <c r="EE19" s="100">
        <v>0</v>
      </c>
      <c r="EF19" s="102">
        <v>0</v>
      </c>
      <c r="EG19" s="103">
        <v>0</v>
      </c>
      <c r="EH19" s="100">
        <v>0</v>
      </c>
      <c r="EI19" s="104">
        <v>115934</v>
      </c>
      <c r="EJ19" s="104">
        <v>142719</v>
      </c>
      <c r="EK19" s="104">
        <v>358309</v>
      </c>
      <c r="EL19" s="104">
        <v>418487</v>
      </c>
      <c r="EM19" s="104">
        <v>0</v>
      </c>
      <c r="EN19" s="102">
        <v>1035449</v>
      </c>
      <c r="EO19" s="106">
        <v>1035449</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859433</v>
      </c>
      <c r="FM19" s="104">
        <v>1231935</v>
      </c>
      <c r="FN19" s="103">
        <v>2091368</v>
      </c>
      <c r="FO19" s="100">
        <v>0</v>
      </c>
      <c r="FP19" s="104">
        <v>2500793</v>
      </c>
      <c r="FQ19" s="104">
        <v>5645720</v>
      </c>
      <c r="FR19" s="104">
        <v>3947094</v>
      </c>
      <c r="FS19" s="104">
        <v>4007862</v>
      </c>
      <c r="FT19" s="104">
        <v>2940088</v>
      </c>
      <c r="FU19" s="103">
        <v>19041557</v>
      </c>
      <c r="FV19" s="106">
        <v>21132925</v>
      </c>
      <c r="FW19" s="105">
        <v>443500</v>
      </c>
      <c r="FX19" s="104">
        <v>913735</v>
      </c>
      <c r="FY19" s="102">
        <v>1357235</v>
      </c>
      <c r="FZ19" s="101">
        <v>0</v>
      </c>
      <c r="GA19" s="104">
        <v>1714987</v>
      </c>
      <c r="GB19" s="104">
        <v>4899383</v>
      </c>
      <c r="GC19" s="104">
        <v>3773286</v>
      </c>
      <c r="GD19" s="104">
        <v>3941600</v>
      </c>
      <c r="GE19" s="104">
        <v>2872801</v>
      </c>
      <c r="GF19" s="103">
        <v>17202057</v>
      </c>
      <c r="GG19" s="296">
        <v>18559292</v>
      </c>
      <c r="GH19" s="105">
        <v>98733</v>
      </c>
      <c r="GI19" s="104">
        <v>16200</v>
      </c>
      <c r="GJ19" s="102">
        <v>114933</v>
      </c>
      <c r="GK19" s="101">
        <v>0</v>
      </c>
      <c r="GL19" s="104">
        <v>104386</v>
      </c>
      <c r="GM19" s="104">
        <v>181656</v>
      </c>
      <c r="GN19" s="104">
        <v>64692</v>
      </c>
      <c r="GO19" s="104">
        <v>40662</v>
      </c>
      <c r="GP19" s="104">
        <v>17787</v>
      </c>
      <c r="GQ19" s="103">
        <v>409183</v>
      </c>
      <c r="GR19" s="106">
        <v>524116</v>
      </c>
      <c r="GS19" s="100">
        <v>317200</v>
      </c>
      <c r="GT19" s="104">
        <v>302000</v>
      </c>
      <c r="GU19" s="103">
        <v>619200</v>
      </c>
      <c r="GV19" s="100">
        <v>0</v>
      </c>
      <c r="GW19" s="104">
        <v>681420</v>
      </c>
      <c r="GX19" s="104">
        <v>564681</v>
      </c>
      <c r="GY19" s="104">
        <v>109116</v>
      </c>
      <c r="GZ19" s="104">
        <v>25600</v>
      </c>
      <c r="HA19" s="104">
        <v>49500</v>
      </c>
      <c r="HB19" s="102">
        <v>1430317</v>
      </c>
      <c r="HC19" s="106">
        <v>2049517</v>
      </c>
      <c r="HD19" s="100">
        <v>1224233</v>
      </c>
      <c r="HE19" s="104">
        <v>854514</v>
      </c>
      <c r="HF19" s="102">
        <v>2078747</v>
      </c>
      <c r="HG19" s="101">
        <v>0</v>
      </c>
      <c r="HH19" s="104">
        <v>10971309</v>
      </c>
      <c r="HI19" s="104">
        <v>15718115</v>
      </c>
      <c r="HJ19" s="104">
        <v>13811573</v>
      </c>
      <c r="HK19" s="104">
        <v>15242633</v>
      </c>
      <c r="HL19" s="104">
        <v>11066983</v>
      </c>
      <c r="HM19" s="103">
        <v>66810613</v>
      </c>
      <c r="HN19" s="99">
        <v>68889360</v>
      </c>
      <c r="HO19" s="105">
        <v>488508</v>
      </c>
      <c r="HP19" s="104">
        <v>1044312</v>
      </c>
      <c r="HQ19" s="103">
        <v>1532820</v>
      </c>
      <c r="HR19" s="100">
        <v>0</v>
      </c>
      <c r="HS19" s="104">
        <v>8249270</v>
      </c>
      <c r="HT19" s="104">
        <v>7759386</v>
      </c>
      <c r="HU19" s="104">
        <v>5395257</v>
      </c>
      <c r="HV19" s="104">
        <v>4154655</v>
      </c>
      <c r="HW19" s="104">
        <v>3060717</v>
      </c>
      <c r="HX19" s="102">
        <v>28619285</v>
      </c>
      <c r="HY19" s="106">
        <v>30152105</v>
      </c>
      <c r="HZ19" s="118">
        <v>82430</v>
      </c>
      <c r="IA19" s="119">
        <v>294204</v>
      </c>
      <c r="IB19" s="120">
        <v>376634</v>
      </c>
      <c r="IC19" s="133">
        <v>0</v>
      </c>
      <c r="ID19" s="119">
        <v>11483016</v>
      </c>
      <c r="IE19" s="134">
        <v>14805199</v>
      </c>
      <c r="IF19" s="120">
        <v>15839955</v>
      </c>
      <c r="IG19" s="119">
        <v>10939414</v>
      </c>
      <c r="IH19" s="120">
        <v>6998401</v>
      </c>
      <c r="II19" s="135">
        <v>60065985</v>
      </c>
      <c r="IJ19" s="126">
        <v>60442619</v>
      </c>
      <c r="IK19" s="219">
        <v>0</v>
      </c>
      <c r="IL19" s="223">
        <v>0</v>
      </c>
      <c r="IM19" s="224">
        <v>0</v>
      </c>
      <c r="IN19" s="127"/>
      <c r="IO19" s="109">
        <v>161687</v>
      </c>
      <c r="IP19" s="109">
        <v>139182</v>
      </c>
      <c r="IQ19" s="109">
        <v>172222</v>
      </c>
      <c r="IR19" s="109">
        <v>0</v>
      </c>
      <c r="IS19" s="109">
        <v>635997</v>
      </c>
      <c r="IT19" s="128">
        <v>1109088</v>
      </c>
      <c r="IU19" s="298">
        <v>1109088</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6641349</v>
      </c>
      <c r="JL19" s="109">
        <v>8086928</v>
      </c>
      <c r="JM19" s="109">
        <v>6654252</v>
      </c>
      <c r="JN19" s="109">
        <v>3818861</v>
      </c>
      <c r="JO19" s="109">
        <v>2400202</v>
      </c>
      <c r="JP19" s="110">
        <v>27601592</v>
      </c>
      <c r="JQ19" s="298">
        <v>27601592</v>
      </c>
      <c r="JR19" s="129">
        <v>0</v>
      </c>
      <c r="JS19" s="109">
        <v>0</v>
      </c>
      <c r="JT19" s="128">
        <v>0</v>
      </c>
      <c r="JU19" s="108">
        <v>0</v>
      </c>
      <c r="JV19" s="109">
        <v>242007</v>
      </c>
      <c r="JW19" s="109">
        <v>704385</v>
      </c>
      <c r="JX19" s="109">
        <v>749825</v>
      </c>
      <c r="JY19" s="109">
        <v>587287</v>
      </c>
      <c r="JZ19" s="109">
        <v>886927</v>
      </c>
      <c r="KA19" s="110">
        <v>3170431</v>
      </c>
      <c r="KB19" s="298">
        <v>3170431</v>
      </c>
      <c r="KC19" s="221">
        <v>82430</v>
      </c>
      <c r="KD19" s="217">
        <v>294204</v>
      </c>
      <c r="KE19" s="110">
        <v>376634</v>
      </c>
      <c r="KF19" s="108">
        <v>0</v>
      </c>
      <c r="KG19" s="109">
        <v>1395229</v>
      </c>
      <c r="KH19" s="109">
        <v>1687773</v>
      </c>
      <c r="KI19" s="109">
        <v>2114150</v>
      </c>
      <c r="KJ19" s="109">
        <v>265773</v>
      </c>
      <c r="KK19" s="109">
        <v>0</v>
      </c>
      <c r="KL19" s="110">
        <v>5462925</v>
      </c>
      <c r="KM19" s="130">
        <v>5839559</v>
      </c>
      <c r="KN19" s="219">
        <v>0</v>
      </c>
      <c r="KO19" s="223">
        <v>0</v>
      </c>
      <c r="KP19" s="224">
        <v>0</v>
      </c>
      <c r="KQ19" s="127"/>
      <c r="KR19" s="109">
        <v>3008159</v>
      </c>
      <c r="KS19" s="109">
        <v>3797077</v>
      </c>
      <c r="KT19" s="109">
        <v>5867623</v>
      </c>
      <c r="KU19" s="109">
        <v>5179203</v>
      </c>
      <c r="KV19" s="109">
        <v>2556641</v>
      </c>
      <c r="KW19" s="110">
        <v>20408703</v>
      </c>
      <c r="KX19" s="298">
        <v>20408703</v>
      </c>
      <c r="KY19" s="129">
        <v>0</v>
      </c>
      <c r="KZ19" s="109">
        <v>0</v>
      </c>
      <c r="LA19" s="110">
        <v>0</v>
      </c>
      <c r="LB19" s="132"/>
      <c r="LC19" s="109">
        <v>34585</v>
      </c>
      <c r="LD19" s="109">
        <v>389854</v>
      </c>
      <c r="LE19" s="109">
        <v>281883</v>
      </c>
      <c r="LF19" s="109">
        <v>1088290</v>
      </c>
      <c r="LG19" s="109">
        <v>518634</v>
      </c>
      <c r="LH19" s="110">
        <v>2313246</v>
      </c>
      <c r="LI19" s="111">
        <v>2313246</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2790815</v>
      </c>
      <c r="MK19" s="109">
        <v>7500738</v>
      </c>
      <c r="ML19" s="109">
        <v>26610775</v>
      </c>
      <c r="MM19" s="109">
        <v>52305195</v>
      </c>
      <c r="MN19" s="109">
        <v>46424149</v>
      </c>
      <c r="MO19" s="110">
        <v>135631672</v>
      </c>
      <c r="MP19" s="130">
        <v>135631672</v>
      </c>
      <c r="MQ19" s="129">
        <v>0</v>
      </c>
      <c r="MR19" s="109">
        <v>0</v>
      </c>
      <c r="MS19" s="110">
        <v>0</v>
      </c>
      <c r="MT19" s="132"/>
      <c r="MU19" s="109">
        <v>230130</v>
      </c>
      <c r="MV19" s="109">
        <v>715949</v>
      </c>
      <c r="MW19" s="109">
        <v>14256292</v>
      </c>
      <c r="MX19" s="109">
        <v>40895067</v>
      </c>
      <c r="MY19" s="109">
        <v>36856599</v>
      </c>
      <c r="MZ19" s="110">
        <v>92954037</v>
      </c>
      <c r="NA19" s="130">
        <v>92954037</v>
      </c>
      <c r="NB19" s="129">
        <v>0</v>
      </c>
      <c r="NC19" s="109">
        <v>0</v>
      </c>
      <c r="ND19" s="110">
        <v>0</v>
      </c>
      <c r="NE19" s="132"/>
      <c r="NF19" s="109">
        <v>2560685</v>
      </c>
      <c r="NG19" s="109">
        <v>6784789</v>
      </c>
      <c r="NH19" s="109">
        <v>12354483</v>
      </c>
      <c r="NI19" s="109">
        <v>11410128</v>
      </c>
      <c r="NJ19" s="109">
        <v>9158518</v>
      </c>
      <c r="NK19" s="110">
        <v>42268603</v>
      </c>
      <c r="NL19" s="298">
        <v>42268603</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409032</v>
      </c>
      <c r="OG19" s="110">
        <v>409032</v>
      </c>
      <c r="OH19" s="111">
        <v>409032</v>
      </c>
      <c r="OI19" s="129">
        <v>3535036</v>
      </c>
      <c r="OJ19" s="109">
        <v>5711584</v>
      </c>
      <c r="OK19" s="128">
        <v>9246620</v>
      </c>
      <c r="OL19" s="108">
        <v>0</v>
      </c>
      <c r="OM19" s="109">
        <v>60141074</v>
      </c>
      <c r="ON19" s="109">
        <v>88350160</v>
      </c>
      <c r="OO19" s="109">
        <v>102181838</v>
      </c>
      <c r="OP19" s="109">
        <v>122983198</v>
      </c>
      <c r="OQ19" s="109">
        <v>104272180</v>
      </c>
      <c r="OR19" s="110">
        <v>477928450</v>
      </c>
      <c r="OS19" s="130">
        <v>487175070</v>
      </c>
    </row>
    <row r="20" spans="2:409" ht="21" customHeight="1" x14ac:dyDescent="0.2">
      <c r="B20" s="472" t="s">
        <v>15</v>
      </c>
      <c r="C20" s="100">
        <v>2557927</v>
      </c>
      <c r="D20" s="104">
        <v>4198274</v>
      </c>
      <c r="E20" s="103">
        <v>6756201</v>
      </c>
      <c r="F20" s="99">
        <v>0</v>
      </c>
      <c r="G20" s="104">
        <v>34106961</v>
      </c>
      <c r="H20" s="104">
        <v>46783341</v>
      </c>
      <c r="I20" s="104">
        <v>41539162</v>
      </c>
      <c r="J20" s="104">
        <v>32022124</v>
      </c>
      <c r="K20" s="104">
        <v>26635743</v>
      </c>
      <c r="L20" s="99">
        <v>181087331</v>
      </c>
      <c r="M20" s="106">
        <v>187843532</v>
      </c>
      <c r="N20" s="100">
        <v>262821</v>
      </c>
      <c r="O20" s="104">
        <v>615172</v>
      </c>
      <c r="P20" s="103">
        <v>877993</v>
      </c>
      <c r="Q20" s="100">
        <v>0</v>
      </c>
      <c r="R20" s="104">
        <v>7039858</v>
      </c>
      <c r="S20" s="104">
        <v>12647252</v>
      </c>
      <c r="T20" s="104">
        <v>10523767</v>
      </c>
      <c r="U20" s="104">
        <v>10263969</v>
      </c>
      <c r="V20" s="104">
        <v>12893185</v>
      </c>
      <c r="W20" s="103">
        <v>53368031</v>
      </c>
      <c r="X20" s="106">
        <v>54246024</v>
      </c>
      <c r="Y20" s="100">
        <v>0</v>
      </c>
      <c r="Z20" s="104">
        <v>0</v>
      </c>
      <c r="AA20" s="103">
        <v>0</v>
      </c>
      <c r="AB20" s="100">
        <v>0</v>
      </c>
      <c r="AC20" s="104">
        <v>3257371</v>
      </c>
      <c r="AD20" s="104">
        <v>7258406</v>
      </c>
      <c r="AE20" s="104">
        <v>6638036</v>
      </c>
      <c r="AF20" s="104">
        <v>5944844</v>
      </c>
      <c r="AG20" s="104">
        <v>7849445</v>
      </c>
      <c r="AH20" s="103">
        <v>30948102</v>
      </c>
      <c r="AI20" s="106">
        <v>30948102</v>
      </c>
      <c r="AJ20" s="100">
        <v>0</v>
      </c>
      <c r="AK20" s="104">
        <v>0</v>
      </c>
      <c r="AL20" s="103">
        <v>0</v>
      </c>
      <c r="AM20" s="100">
        <v>0</v>
      </c>
      <c r="AN20" s="104">
        <v>0</v>
      </c>
      <c r="AO20" s="104">
        <v>185605</v>
      </c>
      <c r="AP20" s="104">
        <v>381421</v>
      </c>
      <c r="AQ20" s="104">
        <v>723551</v>
      </c>
      <c r="AR20" s="104">
        <v>1683033</v>
      </c>
      <c r="AS20" s="103">
        <v>2973610</v>
      </c>
      <c r="AT20" s="106">
        <v>2973610</v>
      </c>
      <c r="AU20" s="100">
        <v>117804</v>
      </c>
      <c r="AV20" s="104">
        <v>444427</v>
      </c>
      <c r="AW20" s="103">
        <v>562231</v>
      </c>
      <c r="AX20" s="100">
        <v>0</v>
      </c>
      <c r="AY20" s="104">
        <v>1798535</v>
      </c>
      <c r="AZ20" s="104">
        <v>2981792</v>
      </c>
      <c r="BA20" s="104">
        <v>1580281</v>
      </c>
      <c r="BB20" s="104">
        <v>1852436</v>
      </c>
      <c r="BC20" s="104">
        <v>2025500</v>
      </c>
      <c r="BD20" s="103">
        <v>10238544</v>
      </c>
      <c r="BE20" s="106">
        <v>10800775</v>
      </c>
      <c r="BF20" s="100">
        <v>0</v>
      </c>
      <c r="BG20" s="104">
        <v>54153</v>
      </c>
      <c r="BH20" s="102">
        <v>54153</v>
      </c>
      <c r="BI20" s="101">
        <v>0</v>
      </c>
      <c r="BJ20" s="104">
        <v>350566</v>
      </c>
      <c r="BK20" s="104">
        <v>418557</v>
      </c>
      <c r="BL20" s="104">
        <v>101847</v>
      </c>
      <c r="BM20" s="104">
        <v>134475</v>
      </c>
      <c r="BN20" s="104">
        <v>207948</v>
      </c>
      <c r="BO20" s="103">
        <v>1213393</v>
      </c>
      <c r="BP20" s="106">
        <v>1267546</v>
      </c>
      <c r="BQ20" s="100">
        <v>145017</v>
      </c>
      <c r="BR20" s="104">
        <v>116592</v>
      </c>
      <c r="BS20" s="103">
        <v>261609</v>
      </c>
      <c r="BT20" s="100">
        <v>0</v>
      </c>
      <c r="BU20" s="104">
        <v>1633386</v>
      </c>
      <c r="BV20" s="104">
        <v>1802892</v>
      </c>
      <c r="BW20" s="104">
        <v>1822182</v>
      </c>
      <c r="BX20" s="104">
        <v>1608663</v>
      </c>
      <c r="BY20" s="104">
        <v>1127259</v>
      </c>
      <c r="BZ20" s="103">
        <v>7994382</v>
      </c>
      <c r="CA20" s="106">
        <v>8255991</v>
      </c>
      <c r="CB20" s="100">
        <v>0</v>
      </c>
      <c r="CC20" s="104">
        <v>220686</v>
      </c>
      <c r="CD20" s="103">
        <v>220686</v>
      </c>
      <c r="CE20" s="100">
        <v>0</v>
      </c>
      <c r="CF20" s="104">
        <v>8297652</v>
      </c>
      <c r="CG20" s="104">
        <v>11910178</v>
      </c>
      <c r="CH20" s="104">
        <v>7616053</v>
      </c>
      <c r="CI20" s="104">
        <v>3607566</v>
      </c>
      <c r="CJ20" s="104">
        <v>2050387</v>
      </c>
      <c r="CK20" s="103">
        <v>33481836</v>
      </c>
      <c r="CL20" s="106">
        <v>33702522</v>
      </c>
      <c r="CM20" s="100">
        <v>0</v>
      </c>
      <c r="CN20" s="104">
        <v>0</v>
      </c>
      <c r="CO20" s="103">
        <v>0</v>
      </c>
      <c r="CP20" s="101">
        <v>0</v>
      </c>
      <c r="CQ20" s="104">
        <v>6365108</v>
      </c>
      <c r="CR20" s="104">
        <v>9474178</v>
      </c>
      <c r="CS20" s="104">
        <v>5337915</v>
      </c>
      <c r="CT20" s="104">
        <v>2388019</v>
      </c>
      <c r="CU20" s="104">
        <v>1184766</v>
      </c>
      <c r="CV20" s="103">
        <v>24749986</v>
      </c>
      <c r="CW20" s="106">
        <v>24749986</v>
      </c>
      <c r="CX20" s="100">
        <v>0</v>
      </c>
      <c r="CY20" s="104">
        <v>220686</v>
      </c>
      <c r="CZ20" s="103">
        <v>220686</v>
      </c>
      <c r="DA20" s="100">
        <v>0</v>
      </c>
      <c r="DB20" s="104">
        <v>1932544</v>
      </c>
      <c r="DC20" s="104">
        <v>2436000</v>
      </c>
      <c r="DD20" s="104">
        <v>2278138</v>
      </c>
      <c r="DE20" s="104">
        <v>1219547</v>
      </c>
      <c r="DF20" s="104">
        <v>865621</v>
      </c>
      <c r="DG20" s="103">
        <v>8731850</v>
      </c>
      <c r="DH20" s="106">
        <v>8952536</v>
      </c>
      <c r="DI20" s="100">
        <v>0</v>
      </c>
      <c r="DJ20" s="104">
        <v>39391</v>
      </c>
      <c r="DK20" s="102">
        <v>39391</v>
      </c>
      <c r="DL20" s="101">
        <v>0</v>
      </c>
      <c r="DM20" s="104">
        <v>603968</v>
      </c>
      <c r="DN20" s="104">
        <v>3867546</v>
      </c>
      <c r="DO20" s="104">
        <v>8416079</v>
      </c>
      <c r="DP20" s="104">
        <v>5819246</v>
      </c>
      <c r="DQ20" s="104">
        <v>4628450</v>
      </c>
      <c r="DR20" s="103">
        <v>23335289</v>
      </c>
      <c r="DS20" s="106">
        <v>23374680</v>
      </c>
      <c r="DT20" s="100">
        <v>0</v>
      </c>
      <c r="DU20" s="104">
        <v>39391</v>
      </c>
      <c r="DV20" s="103">
        <v>39391</v>
      </c>
      <c r="DW20" s="100">
        <v>0</v>
      </c>
      <c r="DX20" s="104">
        <v>442549</v>
      </c>
      <c r="DY20" s="104">
        <v>3553488</v>
      </c>
      <c r="DZ20" s="104">
        <v>7969372</v>
      </c>
      <c r="EA20" s="104">
        <v>5063059</v>
      </c>
      <c r="EB20" s="104">
        <v>4628450</v>
      </c>
      <c r="EC20" s="103">
        <v>21656918</v>
      </c>
      <c r="ED20" s="106">
        <v>21696309</v>
      </c>
      <c r="EE20" s="100">
        <v>0</v>
      </c>
      <c r="EF20" s="102">
        <v>0</v>
      </c>
      <c r="EG20" s="103">
        <v>0</v>
      </c>
      <c r="EH20" s="100">
        <v>0</v>
      </c>
      <c r="EI20" s="104">
        <v>161419</v>
      </c>
      <c r="EJ20" s="104">
        <v>314058</v>
      </c>
      <c r="EK20" s="104">
        <v>446707</v>
      </c>
      <c r="EL20" s="104">
        <v>756187</v>
      </c>
      <c r="EM20" s="104">
        <v>0</v>
      </c>
      <c r="EN20" s="102">
        <v>1678371</v>
      </c>
      <c r="EO20" s="106">
        <v>1678371</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776832</v>
      </c>
      <c r="FM20" s="104">
        <v>1448885</v>
      </c>
      <c r="FN20" s="103">
        <v>2225717</v>
      </c>
      <c r="FO20" s="100">
        <v>0</v>
      </c>
      <c r="FP20" s="104">
        <v>2297801</v>
      </c>
      <c r="FQ20" s="104">
        <v>4727089</v>
      </c>
      <c r="FR20" s="104">
        <v>3196060</v>
      </c>
      <c r="FS20" s="104">
        <v>2460665</v>
      </c>
      <c r="FT20" s="104">
        <v>1868737</v>
      </c>
      <c r="FU20" s="103">
        <v>14550352</v>
      </c>
      <c r="FV20" s="106">
        <v>16776069</v>
      </c>
      <c r="FW20" s="105">
        <v>396440</v>
      </c>
      <c r="FX20" s="104">
        <v>778756</v>
      </c>
      <c r="FY20" s="102">
        <v>1175196</v>
      </c>
      <c r="FZ20" s="101">
        <v>0</v>
      </c>
      <c r="GA20" s="104">
        <v>1647661</v>
      </c>
      <c r="GB20" s="104">
        <v>4445165</v>
      </c>
      <c r="GC20" s="104">
        <v>2860886</v>
      </c>
      <c r="GD20" s="104">
        <v>2214182</v>
      </c>
      <c r="GE20" s="104">
        <v>1785037</v>
      </c>
      <c r="GF20" s="103">
        <v>12952931</v>
      </c>
      <c r="GG20" s="296">
        <v>14128127</v>
      </c>
      <c r="GH20" s="105">
        <v>40392</v>
      </c>
      <c r="GI20" s="104">
        <v>19008</v>
      </c>
      <c r="GJ20" s="102">
        <v>59400</v>
      </c>
      <c r="GK20" s="101">
        <v>0</v>
      </c>
      <c r="GL20" s="104">
        <v>148140</v>
      </c>
      <c r="GM20" s="104">
        <v>114524</v>
      </c>
      <c r="GN20" s="104">
        <v>21120</v>
      </c>
      <c r="GO20" s="104">
        <v>60183</v>
      </c>
      <c r="GP20" s="104">
        <v>17100</v>
      </c>
      <c r="GQ20" s="103">
        <v>361067</v>
      </c>
      <c r="GR20" s="106">
        <v>420467</v>
      </c>
      <c r="GS20" s="100">
        <v>340000</v>
      </c>
      <c r="GT20" s="104">
        <v>651121</v>
      </c>
      <c r="GU20" s="103">
        <v>991121</v>
      </c>
      <c r="GV20" s="100">
        <v>0</v>
      </c>
      <c r="GW20" s="104">
        <v>502000</v>
      </c>
      <c r="GX20" s="104">
        <v>167400</v>
      </c>
      <c r="GY20" s="104">
        <v>314054</v>
      </c>
      <c r="GZ20" s="104">
        <v>186300</v>
      </c>
      <c r="HA20" s="104">
        <v>66600</v>
      </c>
      <c r="HB20" s="102">
        <v>1236354</v>
      </c>
      <c r="HC20" s="106">
        <v>2227475</v>
      </c>
      <c r="HD20" s="100">
        <v>1154419</v>
      </c>
      <c r="HE20" s="104">
        <v>1119556</v>
      </c>
      <c r="HF20" s="102">
        <v>2273975</v>
      </c>
      <c r="HG20" s="101">
        <v>0</v>
      </c>
      <c r="HH20" s="104">
        <v>9140694</v>
      </c>
      <c r="HI20" s="104">
        <v>6091565</v>
      </c>
      <c r="HJ20" s="104">
        <v>7563216</v>
      </c>
      <c r="HK20" s="104">
        <v>7547262</v>
      </c>
      <c r="HL20" s="104">
        <v>3355051</v>
      </c>
      <c r="HM20" s="103">
        <v>33697788</v>
      </c>
      <c r="HN20" s="99">
        <v>35971763</v>
      </c>
      <c r="HO20" s="105">
        <v>363855</v>
      </c>
      <c r="HP20" s="104">
        <v>754584</v>
      </c>
      <c r="HQ20" s="103">
        <v>1118439</v>
      </c>
      <c r="HR20" s="100">
        <v>0</v>
      </c>
      <c r="HS20" s="104">
        <v>6726988</v>
      </c>
      <c r="HT20" s="104">
        <v>7539711</v>
      </c>
      <c r="HU20" s="104">
        <v>4223987</v>
      </c>
      <c r="HV20" s="104">
        <v>2323416</v>
      </c>
      <c r="HW20" s="104">
        <v>1839933</v>
      </c>
      <c r="HX20" s="102">
        <v>22654035</v>
      </c>
      <c r="HY20" s="106">
        <v>23772474</v>
      </c>
      <c r="HZ20" s="137">
        <v>169786</v>
      </c>
      <c r="IA20" s="122">
        <v>2033527</v>
      </c>
      <c r="IB20" s="137">
        <v>2203313</v>
      </c>
      <c r="IC20" s="121">
        <v>0</v>
      </c>
      <c r="ID20" s="122">
        <v>19300191</v>
      </c>
      <c r="IE20" s="123">
        <v>23692651</v>
      </c>
      <c r="IF20" s="124">
        <v>22840412</v>
      </c>
      <c r="IG20" s="122">
        <v>17754444</v>
      </c>
      <c r="IH20" s="124">
        <v>10893139</v>
      </c>
      <c r="II20" s="125">
        <v>94480837</v>
      </c>
      <c r="IJ20" s="137">
        <v>96684150</v>
      </c>
      <c r="IK20" s="219">
        <v>0</v>
      </c>
      <c r="IL20" s="223">
        <v>0</v>
      </c>
      <c r="IM20" s="224">
        <v>0</v>
      </c>
      <c r="IN20" s="127"/>
      <c r="IO20" s="109">
        <v>115491</v>
      </c>
      <c r="IP20" s="109">
        <v>333377</v>
      </c>
      <c r="IQ20" s="109">
        <v>703751</v>
      </c>
      <c r="IR20" s="109">
        <v>1136338</v>
      </c>
      <c r="IS20" s="109">
        <v>1307797</v>
      </c>
      <c r="IT20" s="128">
        <v>3596754</v>
      </c>
      <c r="IU20" s="298">
        <v>3596754</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7564096</v>
      </c>
      <c r="JL20" s="109">
        <v>10054361</v>
      </c>
      <c r="JM20" s="109">
        <v>6865320</v>
      </c>
      <c r="JN20" s="109">
        <v>2743910</v>
      </c>
      <c r="JO20" s="109">
        <v>1344023</v>
      </c>
      <c r="JP20" s="110">
        <v>28571710</v>
      </c>
      <c r="JQ20" s="298">
        <v>28571710</v>
      </c>
      <c r="JR20" s="129">
        <v>0</v>
      </c>
      <c r="JS20" s="109">
        <v>0</v>
      </c>
      <c r="JT20" s="128">
        <v>0</v>
      </c>
      <c r="JU20" s="108">
        <v>0</v>
      </c>
      <c r="JV20" s="109">
        <v>320288</v>
      </c>
      <c r="JW20" s="109">
        <v>214647</v>
      </c>
      <c r="JX20" s="109">
        <v>637592</v>
      </c>
      <c r="JY20" s="109">
        <v>80982</v>
      </c>
      <c r="JZ20" s="109">
        <v>320837</v>
      </c>
      <c r="KA20" s="110">
        <v>1574346</v>
      </c>
      <c r="KB20" s="298">
        <v>1574346</v>
      </c>
      <c r="KC20" s="221">
        <v>169786</v>
      </c>
      <c r="KD20" s="217">
        <v>1065899</v>
      </c>
      <c r="KE20" s="110">
        <v>1235685</v>
      </c>
      <c r="KF20" s="108">
        <v>0</v>
      </c>
      <c r="KG20" s="109">
        <v>1390555</v>
      </c>
      <c r="KH20" s="109">
        <v>1377650</v>
      </c>
      <c r="KI20" s="109">
        <v>1221993</v>
      </c>
      <c r="KJ20" s="109">
        <v>2524033</v>
      </c>
      <c r="KK20" s="109">
        <v>740470</v>
      </c>
      <c r="KL20" s="110">
        <v>7254701</v>
      </c>
      <c r="KM20" s="130">
        <v>8490386</v>
      </c>
      <c r="KN20" s="219">
        <v>0</v>
      </c>
      <c r="KO20" s="223">
        <v>967628</v>
      </c>
      <c r="KP20" s="224">
        <v>967628</v>
      </c>
      <c r="KQ20" s="127"/>
      <c r="KR20" s="109">
        <v>8673191</v>
      </c>
      <c r="KS20" s="109">
        <v>10277891</v>
      </c>
      <c r="KT20" s="109">
        <v>10400083</v>
      </c>
      <c r="KU20" s="109">
        <v>6500739</v>
      </c>
      <c r="KV20" s="109">
        <v>4539106</v>
      </c>
      <c r="KW20" s="110">
        <v>40391010</v>
      </c>
      <c r="KX20" s="298">
        <v>41358638</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1647881</v>
      </c>
      <c r="LQ20" s="109">
        <v>4463408</v>
      </c>
      <c r="LR20" s="109">
        <v>2298015</v>
      </c>
      <c r="LS20" s="110">
        <v>8409304</v>
      </c>
      <c r="LT20" s="298">
        <v>8409304</v>
      </c>
      <c r="LU20" s="129">
        <v>0</v>
      </c>
      <c r="LV20" s="109">
        <v>0</v>
      </c>
      <c r="LW20" s="110">
        <v>0</v>
      </c>
      <c r="LX20" s="132"/>
      <c r="LY20" s="109">
        <v>1236570</v>
      </c>
      <c r="LZ20" s="109">
        <v>1434725</v>
      </c>
      <c r="MA20" s="109">
        <v>1363792</v>
      </c>
      <c r="MB20" s="109">
        <v>305034</v>
      </c>
      <c r="MC20" s="109">
        <v>342891</v>
      </c>
      <c r="MD20" s="110">
        <v>4683012</v>
      </c>
      <c r="ME20" s="111">
        <v>4683012</v>
      </c>
      <c r="MF20" s="129">
        <v>0</v>
      </c>
      <c r="MG20" s="109">
        <v>0</v>
      </c>
      <c r="MH20" s="110">
        <v>0</v>
      </c>
      <c r="MI20" s="132"/>
      <c r="MJ20" s="109">
        <v>3748563</v>
      </c>
      <c r="MK20" s="109">
        <v>8816769</v>
      </c>
      <c r="ML20" s="109">
        <v>34189912</v>
      </c>
      <c r="MM20" s="109">
        <v>58203707</v>
      </c>
      <c r="MN20" s="109">
        <v>35971039</v>
      </c>
      <c r="MO20" s="110">
        <v>140929990</v>
      </c>
      <c r="MP20" s="130">
        <v>140929990</v>
      </c>
      <c r="MQ20" s="129">
        <v>0</v>
      </c>
      <c r="MR20" s="109">
        <v>0</v>
      </c>
      <c r="MS20" s="110">
        <v>0</v>
      </c>
      <c r="MT20" s="132"/>
      <c r="MU20" s="109">
        <v>203862</v>
      </c>
      <c r="MV20" s="109">
        <v>0</v>
      </c>
      <c r="MW20" s="109">
        <v>21732367</v>
      </c>
      <c r="MX20" s="109">
        <v>40698764</v>
      </c>
      <c r="MY20" s="109">
        <v>26533329</v>
      </c>
      <c r="MZ20" s="110">
        <v>89168322</v>
      </c>
      <c r="NA20" s="130">
        <v>89168322</v>
      </c>
      <c r="NB20" s="129">
        <v>0</v>
      </c>
      <c r="NC20" s="109">
        <v>0</v>
      </c>
      <c r="ND20" s="110">
        <v>0</v>
      </c>
      <c r="NE20" s="132"/>
      <c r="NF20" s="109">
        <v>3544701</v>
      </c>
      <c r="NG20" s="109">
        <v>8816769</v>
      </c>
      <c r="NH20" s="109">
        <v>12457545</v>
      </c>
      <c r="NI20" s="109">
        <v>17504943</v>
      </c>
      <c r="NJ20" s="109">
        <v>9437710</v>
      </c>
      <c r="NK20" s="110">
        <v>51761668</v>
      </c>
      <c r="NL20" s="298">
        <v>51761668</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2727713</v>
      </c>
      <c r="OJ20" s="109">
        <v>6231801</v>
      </c>
      <c r="OK20" s="128">
        <v>8959514</v>
      </c>
      <c r="OL20" s="108">
        <v>0</v>
      </c>
      <c r="OM20" s="109">
        <v>57155715</v>
      </c>
      <c r="ON20" s="109">
        <v>79292761</v>
      </c>
      <c r="OO20" s="109">
        <v>98569486</v>
      </c>
      <c r="OP20" s="109">
        <v>107980275</v>
      </c>
      <c r="OQ20" s="109">
        <v>73499921</v>
      </c>
      <c r="OR20" s="110">
        <v>416498158</v>
      </c>
      <c r="OS20" s="130">
        <v>425457672</v>
      </c>
    </row>
    <row r="21" spans="2:409" ht="21" customHeight="1" x14ac:dyDescent="0.2">
      <c r="B21" s="472" t="s">
        <v>16</v>
      </c>
      <c r="C21" s="100">
        <v>5581290</v>
      </c>
      <c r="D21" s="104">
        <v>14013081</v>
      </c>
      <c r="E21" s="103">
        <v>19594371</v>
      </c>
      <c r="F21" s="99">
        <v>0</v>
      </c>
      <c r="G21" s="104">
        <v>78291757</v>
      </c>
      <c r="H21" s="104">
        <v>146504502</v>
      </c>
      <c r="I21" s="104">
        <v>103663847</v>
      </c>
      <c r="J21" s="104">
        <v>96808635</v>
      </c>
      <c r="K21" s="104">
        <v>69564218</v>
      </c>
      <c r="L21" s="99">
        <v>494832959</v>
      </c>
      <c r="M21" s="106">
        <v>514427330</v>
      </c>
      <c r="N21" s="100">
        <v>1103268</v>
      </c>
      <c r="O21" s="104">
        <v>2400886</v>
      </c>
      <c r="P21" s="103">
        <v>3504154</v>
      </c>
      <c r="Q21" s="100">
        <v>0</v>
      </c>
      <c r="R21" s="104">
        <v>15956841</v>
      </c>
      <c r="S21" s="104">
        <v>33080382</v>
      </c>
      <c r="T21" s="104">
        <v>27033051</v>
      </c>
      <c r="U21" s="104">
        <v>29108284</v>
      </c>
      <c r="V21" s="104">
        <v>25858401</v>
      </c>
      <c r="W21" s="103">
        <v>131036959</v>
      </c>
      <c r="X21" s="106">
        <v>134541113</v>
      </c>
      <c r="Y21" s="100">
        <v>0</v>
      </c>
      <c r="Z21" s="104">
        <v>0</v>
      </c>
      <c r="AA21" s="103">
        <v>0</v>
      </c>
      <c r="AB21" s="100">
        <v>0</v>
      </c>
      <c r="AC21" s="104">
        <v>6563333</v>
      </c>
      <c r="AD21" s="104">
        <v>13462629</v>
      </c>
      <c r="AE21" s="104">
        <v>13272244</v>
      </c>
      <c r="AF21" s="104">
        <v>15534186</v>
      </c>
      <c r="AG21" s="104">
        <v>13513003</v>
      </c>
      <c r="AH21" s="103">
        <v>62345395</v>
      </c>
      <c r="AI21" s="106">
        <v>62345395</v>
      </c>
      <c r="AJ21" s="100">
        <v>0</v>
      </c>
      <c r="AK21" s="104">
        <v>0</v>
      </c>
      <c r="AL21" s="103">
        <v>0</v>
      </c>
      <c r="AM21" s="100">
        <v>0</v>
      </c>
      <c r="AN21" s="104">
        <v>49252</v>
      </c>
      <c r="AO21" s="104">
        <v>817993</v>
      </c>
      <c r="AP21" s="104">
        <v>912838</v>
      </c>
      <c r="AQ21" s="104">
        <v>1131347</v>
      </c>
      <c r="AR21" s="104">
        <v>2771393</v>
      </c>
      <c r="AS21" s="103">
        <v>5682823</v>
      </c>
      <c r="AT21" s="106">
        <v>5682823</v>
      </c>
      <c r="AU21" s="100">
        <v>496239</v>
      </c>
      <c r="AV21" s="104">
        <v>1533798</v>
      </c>
      <c r="AW21" s="103">
        <v>2030037</v>
      </c>
      <c r="AX21" s="100">
        <v>0</v>
      </c>
      <c r="AY21" s="104">
        <v>6256570</v>
      </c>
      <c r="AZ21" s="104">
        <v>12959770</v>
      </c>
      <c r="BA21" s="104">
        <v>8121175</v>
      </c>
      <c r="BB21" s="104">
        <v>7875015</v>
      </c>
      <c r="BC21" s="104">
        <v>6187045</v>
      </c>
      <c r="BD21" s="103">
        <v>41399575</v>
      </c>
      <c r="BE21" s="106">
        <v>43429612</v>
      </c>
      <c r="BF21" s="100">
        <v>104429</v>
      </c>
      <c r="BG21" s="104">
        <v>297415</v>
      </c>
      <c r="BH21" s="102">
        <v>401844</v>
      </c>
      <c r="BI21" s="101">
        <v>0</v>
      </c>
      <c r="BJ21" s="104">
        <v>561648</v>
      </c>
      <c r="BK21" s="104">
        <v>1485741</v>
      </c>
      <c r="BL21" s="104">
        <v>719953</v>
      </c>
      <c r="BM21" s="104">
        <v>537476</v>
      </c>
      <c r="BN21" s="104">
        <v>342338</v>
      </c>
      <c r="BO21" s="103">
        <v>3647156</v>
      </c>
      <c r="BP21" s="106">
        <v>4049000</v>
      </c>
      <c r="BQ21" s="100">
        <v>502600</v>
      </c>
      <c r="BR21" s="104">
        <v>569673</v>
      </c>
      <c r="BS21" s="103">
        <v>1072273</v>
      </c>
      <c r="BT21" s="100">
        <v>0</v>
      </c>
      <c r="BU21" s="104">
        <v>2526038</v>
      </c>
      <c r="BV21" s="104">
        <v>4354249</v>
      </c>
      <c r="BW21" s="104">
        <v>4006841</v>
      </c>
      <c r="BX21" s="104">
        <v>4030260</v>
      </c>
      <c r="BY21" s="104">
        <v>3044622</v>
      </c>
      <c r="BZ21" s="103">
        <v>17962010</v>
      </c>
      <c r="CA21" s="106">
        <v>19034283</v>
      </c>
      <c r="CB21" s="100">
        <v>891243</v>
      </c>
      <c r="CC21" s="104">
        <v>4144997</v>
      </c>
      <c r="CD21" s="103">
        <v>5036240</v>
      </c>
      <c r="CE21" s="100">
        <v>0</v>
      </c>
      <c r="CF21" s="104">
        <v>29262789</v>
      </c>
      <c r="CG21" s="104">
        <v>54873498</v>
      </c>
      <c r="CH21" s="104">
        <v>32671597</v>
      </c>
      <c r="CI21" s="104">
        <v>23404412</v>
      </c>
      <c r="CJ21" s="104">
        <v>14444633</v>
      </c>
      <c r="CK21" s="103">
        <v>154656929</v>
      </c>
      <c r="CL21" s="106">
        <v>159693169</v>
      </c>
      <c r="CM21" s="100">
        <v>0</v>
      </c>
      <c r="CN21" s="104">
        <v>0</v>
      </c>
      <c r="CO21" s="103">
        <v>0</v>
      </c>
      <c r="CP21" s="101">
        <v>0</v>
      </c>
      <c r="CQ21" s="104">
        <v>19348770</v>
      </c>
      <c r="CR21" s="104">
        <v>35801152</v>
      </c>
      <c r="CS21" s="104">
        <v>24516990</v>
      </c>
      <c r="CT21" s="104">
        <v>17188767</v>
      </c>
      <c r="CU21" s="104">
        <v>11875600</v>
      </c>
      <c r="CV21" s="103">
        <v>108731279</v>
      </c>
      <c r="CW21" s="106">
        <v>108731279</v>
      </c>
      <c r="CX21" s="100">
        <v>891243</v>
      </c>
      <c r="CY21" s="104">
        <v>4144997</v>
      </c>
      <c r="CZ21" s="103">
        <v>5036240</v>
      </c>
      <c r="DA21" s="100">
        <v>0</v>
      </c>
      <c r="DB21" s="104">
        <v>9914019</v>
      </c>
      <c r="DC21" s="104">
        <v>19072346</v>
      </c>
      <c r="DD21" s="104">
        <v>8154607</v>
      </c>
      <c r="DE21" s="104">
        <v>6215645</v>
      </c>
      <c r="DF21" s="104">
        <v>2569033</v>
      </c>
      <c r="DG21" s="103">
        <v>45925650</v>
      </c>
      <c r="DH21" s="106">
        <v>50961890</v>
      </c>
      <c r="DI21" s="100">
        <v>45266</v>
      </c>
      <c r="DJ21" s="104">
        <v>11337</v>
      </c>
      <c r="DK21" s="102">
        <v>56603</v>
      </c>
      <c r="DL21" s="101">
        <v>0</v>
      </c>
      <c r="DM21" s="104">
        <v>1928456</v>
      </c>
      <c r="DN21" s="104">
        <v>6708562</v>
      </c>
      <c r="DO21" s="104">
        <v>7627173</v>
      </c>
      <c r="DP21" s="104">
        <v>5705296</v>
      </c>
      <c r="DQ21" s="104">
        <v>2234175</v>
      </c>
      <c r="DR21" s="103">
        <v>24203662</v>
      </c>
      <c r="DS21" s="106">
        <v>24260265</v>
      </c>
      <c r="DT21" s="100">
        <v>45266</v>
      </c>
      <c r="DU21" s="104">
        <v>11337</v>
      </c>
      <c r="DV21" s="103">
        <v>56603</v>
      </c>
      <c r="DW21" s="100">
        <v>0</v>
      </c>
      <c r="DX21" s="104">
        <v>1917176</v>
      </c>
      <c r="DY21" s="104">
        <v>6299889</v>
      </c>
      <c r="DZ21" s="104">
        <v>6825523</v>
      </c>
      <c r="EA21" s="104">
        <v>5108752</v>
      </c>
      <c r="EB21" s="104">
        <v>2042983</v>
      </c>
      <c r="EC21" s="103">
        <v>22194323</v>
      </c>
      <c r="ED21" s="106">
        <v>22250926</v>
      </c>
      <c r="EE21" s="100">
        <v>0</v>
      </c>
      <c r="EF21" s="102">
        <v>0</v>
      </c>
      <c r="EG21" s="103">
        <v>0</v>
      </c>
      <c r="EH21" s="100">
        <v>0</v>
      </c>
      <c r="EI21" s="104">
        <v>11280</v>
      </c>
      <c r="EJ21" s="104">
        <v>408673</v>
      </c>
      <c r="EK21" s="104">
        <v>801650</v>
      </c>
      <c r="EL21" s="104">
        <v>596544</v>
      </c>
      <c r="EM21" s="104">
        <v>191192</v>
      </c>
      <c r="EN21" s="102">
        <v>2009339</v>
      </c>
      <c r="EO21" s="106">
        <v>2009339</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1177560</v>
      </c>
      <c r="FM21" s="104">
        <v>3163456</v>
      </c>
      <c r="FN21" s="103">
        <v>4341016</v>
      </c>
      <c r="FO21" s="100">
        <v>0</v>
      </c>
      <c r="FP21" s="104">
        <v>3821565</v>
      </c>
      <c r="FQ21" s="104">
        <v>12791222</v>
      </c>
      <c r="FR21" s="104">
        <v>7979224</v>
      </c>
      <c r="FS21" s="104">
        <v>7350279</v>
      </c>
      <c r="FT21" s="104">
        <v>5290079</v>
      </c>
      <c r="FU21" s="103">
        <v>37232369</v>
      </c>
      <c r="FV21" s="106">
        <v>41573385</v>
      </c>
      <c r="FW21" s="105">
        <v>864494</v>
      </c>
      <c r="FX21" s="104">
        <v>2266772</v>
      </c>
      <c r="FY21" s="102">
        <v>3131266</v>
      </c>
      <c r="FZ21" s="101">
        <v>0</v>
      </c>
      <c r="GA21" s="104">
        <v>2918940</v>
      </c>
      <c r="GB21" s="104">
        <v>12161676</v>
      </c>
      <c r="GC21" s="104">
        <v>7383057</v>
      </c>
      <c r="GD21" s="104">
        <v>7038859</v>
      </c>
      <c r="GE21" s="104">
        <v>5154179</v>
      </c>
      <c r="GF21" s="103">
        <v>34656711</v>
      </c>
      <c r="GG21" s="296">
        <v>37787977</v>
      </c>
      <c r="GH21" s="105">
        <v>81180</v>
      </c>
      <c r="GI21" s="104">
        <v>137806</v>
      </c>
      <c r="GJ21" s="102">
        <v>218986</v>
      </c>
      <c r="GK21" s="101">
        <v>0</v>
      </c>
      <c r="GL21" s="104">
        <v>139725</v>
      </c>
      <c r="GM21" s="104">
        <v>232821</v>
      </c>
      <c r="GN21" s="104">
        <v>309607</v>
      </c>
      <c r="GO21" s="104">
        <v>140032</v>
      </c>
      <c r="GP21" s="104">
        <v>33300</v>
      </c>
      <c r="GQ21" s="103">
        <v>855485</v>
      </c>
      <c r="GR21" s="106">
        <v>1074471</v>
      </c>
      <c r="GS21" s="100">
        <v>231886</v>
      </c>
      <c r="GT21" s="104">
        <v>758878</v>
      </c>
      <c r="GU21" s="103">
        <v>990764</v>
      </c>
      <c r="GV21" s="100">
        <v>0</v>
      </c>
      <c r="GW21" s="104">
        <v>762900</v>
      </c>
      <c r="GX21" s="104">
        <v>396725</v>
      </c>
      <c r="GY21" s="104">
        <v>286560</v>
      </c>
      <c r="GZ21" s="104">
        <v>171388</v>
      </c>
      <c r="HA21" s="104">
        <v>102600</v>
      </c>
      <c r="HB21" s="102">
        <v>1720173</v>
      </c>
      <c r="HC21" s="106">
        <v>2710937</v>
      </c>
      <c r="HD21" s="100">
        <v>1374715</v>
      </c>
      <c r="HE21" s="104">
        <v>2173852</v>
      </c>
      <c r="HF21" s="102">
        <v>3548567</v>
      </c>
      <c r="HG21" s="101">
        <v>0</v>
      </c>
      <c r="HH21" s="104">
        <v>14656107</v>
      </c>
      <c r="HI21" s="104">
        <v>21547934</v>
      </c>
      <c r="HJ21" s="104">
        <v>18419688</v>
      </c>
      <c r="HK21" s="104">
        <v>24515094</v>
      </c>
      <c r="HL21" s="104">
        <v>17766038</v>
      </c>
      <c r="HM21" s="103">
        <v>96904861</v>
      </c>
      <c r="HN21" s="99">
        <v>100453428</v>
      </c>
      <c r="HO21" s="105">
        <v>989238</v>
      </c>
      <c r="HP21" s="104">
        <v>2118553</v>
      </c>
      <c r="HQ21" s="103">
        <v>3107791</v>
      </c>
      <c r="HR21" s="100">
        <v>0</v>
      </c>
      <c r="HS21" s="104">
        <v>12665999</v>
      </c>
      <c r="HT21" s="104">
        <v>17502904</v>
      </c>
      <c r="HU21" s="104">
        <v>9933114</v>
      </c>
      <c r="HV21" s="104">
        <v>6725270</v>
      </c>
      <c r="HW21" s="104">
        <v>3970892</v>
      </c>
      <c r="HX21" s="102">
        <v>50798179</v>
      </c>
      <c r="HY21" s="106">
        <v>53905970</v>
      </c>
      <c r="HZ21" s="118">
        <v>143442</v>
      </c>
      <c r="IA21" s="119">
        <v>153461</v>
      </c>
      <c r="IB21" s="120">
        <v>296903</v>
      </c>
      <c r="IC21" s="133">
        <v>0</v>
      </c>
      <c r="ID21" s="119">
        <v>16524738</v>
      </c>
      <c r="IE21" s="134">
        <v>30988690</v>
      </c>
      <c r="IF21" s="120">
        <v>35411592</v>
      </c>
      <c r="IG21" s="119">
        <v>24941835</v>
      </c>
      <c r="IH21" s="120">
        <v>22760756</v>
      </c>
      <c r="II21" s="135">
        <v>130627611</v>
      </c>
      <c r="IJ21" s="126">
        <v>130924514</v>
      </c>
      <c r="IK21" s="219">
        <v>0</v>
      </c>
      <c r="IL21" s="223">
        <v>0</v>
      </c>
      <c r="IM21" s="224">
        <v>0</v>
      </c>
      <c r="IN21" s="127"/>
      <c r="IO21" s="109">
        <v>526171</v>
      </c>
      <c r="IP21" s="109">
        <v>1843292</v>
      </c>
      <c r="IQ21" s="109">
        <v>2293510</v>
      </c>
      <c r="IR21" s="109">
        <v>1743394</v>
      </c>
      <c r="IS21" s="109">
        <v>2926811</v>
      </c>
      <c r="IT21" s="128">
        <v>9333178</v>
      </c>
      <c r="IU21" s="298">
        <v>9333178</v>
      </c>
      <c r="IV21" s="129">
        <v>0</v>
      </c>
      <c r="IW21" s="109">
        <v>0</v>
      </c>
      <c r="IX21" s="110">
        <v>0</v>
      </c>
      <c r="IY21" s="131"/>
      <c r="IZ21" s="109">
        <v>0</v>
      </c>
      <c r="JA21" s="109">
        <v>18446</v>
      </c>
      <c r="JB21" s="109">
        <v>53607</v>
      </c>
      <c r="JC21" s="109">
        <v>32793</v>
      </c>
      <c r="JD21" s="109">
        <v>18765</v>
      </c>
      <c r="JE21" s="110">
        <v>123611</v>
      </c>
      <c r="JF21" s="111">
        <v>123611</v>
      </c>
      <c r="JG21" s="129">
        <v>0</v>
      </c>
      <c r="JH21" s="109">
        <v>0</v>
      </c>
      <c r="JI21" s="128">
        <v>0</v>
      </c>
      <c r="JJ21" s="108">
        <v>0</v>
      </c>
      <c r="JK21" s="109">
        <v>8249606</v>
      </c>
      <c r="JL21" s="109">
        <v>11204249</v>
      </c>
      <c r="JM21" s="109">
        <v>7985325</v>
      </c>
      <c r="JN21" s="109">
        <v>4999980</v>
      </c>
      <c r="JO21" s="109">
        <v>2632088</v>
      </c>
      <c r="JP21" s="110">
        <v>35071248</v>
      </c>
      <c r="JQ21" s="298">
        <v>35071248</v>
      </c>
      <c r="JR21" s="129">
        <v>0</v>
      </c>
      <c r="JS21" s="109">
        <v>0</v>
      </c>
      <c r="JT21" s="128">
        <v>0</v>
      </c>
      <c r="JU21" s="108">
        <v>0</v>
      </c>
      <c r="JV21" s="109">
        <v>504005</v>
      </c>
      <c r="JW21" s="109">
        <v>1721462</v>
      </c>
      <c r="JX21" s="109">
        <v>1042619</v>
      </c>
      <c r="JY21" s="109">
        <v>1047423</v>
      </c>
      <c r="JZ21" s="109">
        <v>743868</v>
      </c>
      <c r="KA21" s="110">
        <v>5059377</v>
      </c>
      <c r="KB21" s="298">
        <v>5059377</v>
      </c>
      <c r="KC21" s="221">
        <v>143442</v>
      </c>
      <c r="KD21" s="217">
        <v>153461</v>
      </c>
      <c r="KE21" s="110">
        <v>296903</v>
      </c>
      <c r="KF21" s="108">
        <v>0</v>
      </c>
      <c r="KG21" s="109">
        <v>2381460</v>
      </c>
      <c r="KH21" s="109">
        <v>4074988</v>
      </c>
      <c r="KI21" s="109">
        <v>4799677</v>
      </c>
      <c r="KJ21" s="109">
        <v>5345583</v>
      </c>
      <c r="KK21" s="109">
        <v>1842981</v>
      </c>
      <c r="KL21" s="110">
        <v>18444689</v>
      </c>
      <c r="KM21" s="130">
        <v>18741592</v>
      </c>
      <c r="KN21" s="219">
        <v>0</v>
      </c>
      <c r="KO21" s="223">
        <v>0</v>
      </c>
      <c r="KP21" s="224">
        <v>0</v>
      </c>
      <c r="KQ21" s="127"/>
      <c r="KR21" s="109">
        <v>4346758</v>
      </c>
      <c r="KS21" s="109">
        <v>10420991</v>
      </c>
      <c r="KT21" s="109">
        <v>15995716</v>
      </c>
      <c r="KU21" s="109">
        <v>8194754</v>
      </c>
      <c r="KV21" s="109">
        <v>9971625</v>
      </c>
      <c r="KW21" s="110">
        <v>48929844</v>
      </c>
      <c r="KX21" s="298">
        <v>48929844</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233126</v>
      </c>
      <c r="LO21" s="109">
        <v>508308</v>
      </c>
      <c r="LP21" s="109">
        <v>1937499</v>
      </c>
      <c r="LQ21" s="109">
        <v>2990237</v>
      </c>
      <c r="LR21" s="109">
        <v>3283230</v>
      </c>
      <c r="LS21" s="110">
        <v>8952400</v>
      </c>
      <c r="LT21" s="298">
        <v>8952400</v>
      </c>
      <c r="LU21" s="129">
        <v>0</v>
      </c>
      <c r="LV21" s="109">
        <v>0</v>
      </c>
      <c r="LW21" s="110">
        <v>0</v>
      </c>
      <c r="LX21" s="132"/>
      <c r="LY21" s="109">
        <v>283612</v>
      </c>
      <c r="LZ21" s="109">
        <v>1196954</v>
      </c>
      <c r="MA21" s="109">
        <v>1303639</v>
      </c>
      <c r="MB21" s="109">
        <v>587671</v>
      </c>
      <c r="MC21" s="109">
        <v>1341388</v>
      </c>
      <c r="MD21" s="110">
        <v>4713264</v>
      </c>
      <c r="ME21" s="111">
        <v>4713264</v>
      </c>
      <c r="MF21" s="129">
        <v>0</v>
      </c>
      <c r="MG21" s="109">
        <v>0</v>
      </c>
      <c r="MH21" s="110">
        <v>0</v>
      </c>
      <c r="MI21" s="132"/>
      <c r="MJ21" s="109">
        <v>12819938</v>
      </c>
      <c r="MK21" s="109">
        <v>27072449</v>
      </c>
      <c r="ML21" s="109">
        <v>92548287</v>
      </c>
      <c r="MM21" s="109">
        <v>133284432</v>
      </c>
      <c r="MN21" s="109">
        <v>84910054</v>
      </c>
      <c r="MO21" s="110">
        <v>350635160</v>
      </c>
      <c r="MP21" s="130">
        <v>350635160</v>
      </c>
      <c r="MQ21" s="129">
        <v>0</v>
      </c>
      <c r="MR21" s="109">
        <v>0</v>
      </c>
      <c r="MS21" s="110">
        <v>0</v>
      </c>
      <c r="MT21" s="132"/>
      <c r="MU21" s="109">
        <v>1252616</v>
      </c>
      <c r="MV21" s="109">
        <v>3582207</v>
      </c>
      <c r="MW21" s="109">
        <v>50560777</v>
      </c>
      <c r="MX21" s="109">
        <v>84267747</v>
      </c>
      <c r="MY21" s="109">
        <v>55615044</v>
      </c>
      <c r="MZ21" s="110">
        <v>195278391</v>
      </c>
      <c r="NA21" s="130">
        <v>195278391</v>
      </c>
      <c r="NB21" s="129">
        <v>0</v>
      </c>
      <c r="NC21" s="109">
        <v>0</v>
      </c>
      <c r="ND21" s="110">
        <v>0</v>
      </c>
      <c r="NE21" s="132"/>
      <c r="NF21" s="109">
        <v>11567322</v>
      </c>
      <c r="NG21" s="109">
        <v>23490242</v>
      </c>
      <c r="NH21" s="109">
        <v>41678684</v>
      </c>
      <c r="NI21" s="109">
        <v>44427795</v>
      </c>
      <c r="NJ21" s="109">
        <v>21180960</v>
      </c>
      <c r="NK21" s="110">
        <v>142345003</v>
      </c>
      <c r="NL21" s="298">
        <v>142345003</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308826</v>
      </c>
      <c r="OE21" s="109">
        <v>4588890</v>
      </c>
      <c r="OF21" s="109">
        <v>8114050</v>
      </c>
      <c r="OG21" s="110">
        <v>13011766</v>
      </c>
      <c r="OH21" s="111">
        <v>13011766</v>
      </c>
      <c r="OI21" s="129">
        <v>5724732</v>
      </c>
      <c r="OJ21" s="109">
        <v>14166542</v>
      </c>
      <c r="OK21" s="128">
        <v>19891274</v>
      </c>
      <c r="OL21" s="108">
        <v>0</v>
      </c>
      <c r="OM21" s="109">
        <v>107636433</v>
      </c>
      <c r="ON21" s="109">
        <v>204565641</v>
      </c>
      <c r="OO21" s="109">
        <v>231623726</v>
      </c>
      <c r="OP21" s="109">
        <v>255034902</v>
      </c>
      <c r="OQ21" s="109">
        <v>177235028</v>
      </c>
      <c r="OR21" s="110">
        <v>976095730</v>
      </c>
      <c r="OS21" s="130">
        <v>995987004</v>
      </c>
    </row>
    <row r="22" spans="2:409" ht="21" customHeight="1" x14ac:dyDescent="0.2">
      <c r="B22" s="472" t="s">
        <v>17</v>
      </c>
      <c r="C22" s="100">
        <v>7083705</v>
      </c>
      <c r="D22" s="104">
        <v>16033873</v>
      </c>
      <c r="E22" s="103">
        <v>23117578</v>
      </c>
      <c r="F22" s="99">
        <v>0</v>
      </c>
      <c r="G22" s="104">
        <v>84737911</v>
      </c>
      <c r="H22" s="104">
        <v>167963683</v>
      </c>
      <c r="I22" s="104">
        <v>144506580</v>
      </c>
      <c r="J22" s="104">
        <v>129598110</v>
      </c>
      <c r="K22" s="104">
        <v>99375517</v>
      </c>
      <c r="L22" s="99">
        <v>626181801</v>
      </c>
      <c r="M22" s="106">
        <v>649299379</v>
      </c>
      <c r="N22" s="100">
        <v>1469680</v>
      </c>
      <c r="O22" s="104">
        <v>3553719</v>
      </c>
      <c r="P22" s="103">
        <v>5023399</v>
      </c>
      <c r="Q22" s="100">
        <v>0</v>
      </c>
      <c r="R22" s="104">
        <v>19957853</v>
      </c>
      <c r="S22" s="104">
        <v>44190935</v>
      </c>
      <c r="T22" s="104">
        <v>45143032</v>
      </c>
      <c r="U22" s="104">
        <v>51429733</v>
      </c>
      <c r="V22" s="104">
        <v>48904828</v>
      </c>
      <c r="W22" s="103">
        <v>209626381</v>
      </c>
      <c r="X22" s="106">
        <v>214649780</v>
      </c>
      <c r="Y22" s="100">
        <v>0</v>
      </c>
      <c r="Z22" s="104">
        <v>0</v>
      </c>
      <c r="AA22" s="103">
        <v>0</v>
      </c>
      <c r="AB22" s="100">
        <v>0</v>
      </c>
      <c r="AC22" s="104">
        <v>8178299</v>
      </c>
      <c r="AD22" s="104">
        <v>22217100</v>
      </c>
      <c r="AE22" s="104">
        <v>25659287</v>
      </c>
      <c r="AF22" s="104">
        <v>31595574</v>
      </c>
      <c r="AG22" s="104">
        <v>29027927</v>
      </c>
      <c r="AH22" s="103">
        <v>116678187</v>
      </c>
      <c r="AI22" s="106">
        <v>116678187</v>
      </c>
      <c r="AJ22" s="100">
        <v>0</v>
      </c>
      <c r="AK22" s="104">
        <v>0</v>
      </c>
      <c r="AL22" s="103">
        <v>0</v>
      </c>
      <c r="AM22" s="100">
        <v>0</v>
      </c>
      <c r="AN22" s="104">
        <v>52555</v>
      </c>
      <c r="AO22" s="104">
        <v>483760</v>
      </c>
      <c r="AP22" s="104">
        <v>1249549</v>
      </c>
      <c r="AQ22" s="104">
        <v>2469137</v>
      </c>
      <c r="AR22" s="104">
        <v>5289531</v>
      </c>
      <c r="AS22" s="103">
        <v>9544532</v>
      </c>
      <c r="AT22" s="106">
        <v>9544532</v>
      </c>
      <c r="AU22" s="100">
        <v>792830</v>
      </c>
      <c r="AV22" s="104">
        <v>2489785</v>
      </c>
      <c r="AW22" s="103">
        <v>3282615</v>
      </c>
      <c r="AX22" s="100">
        <v>0</v>
      </c>
      <c r="AY22" s="104">
        <v>7140621</v>
      </c>
      <c r="AZ22" s="104">
        <v>13284220</v>
      </c>
      <c r="BA22" s="104">
        <v>9841984</v>
      </c>
      <c r="BB22" s="104">
        <v>9908494</v>
      </c>
      <c r="BC22" s="104">
        <v>8499919</v>
      </c>
      <c r="BD22" s="103">
        <v>48675238</v>
      </c>
      <c r="BE22" s="106">
        <v>51957853</v>
      </c>
      <c r="BF22" s="100">
        <v>101045</v>
      </c>
      <c r="BG22" s="104">
        <v>284189</v>
      </c>
      <c r="BH22" s="102">
        <v>385234</v>
      </c>
      <c r="BI22" s="101">
        <v>0</v>
      </c>
      <c r="BJ22" s="104">
        <v>247281</v>
      </c>
      <c r="BK22" s="104">
        <v>1388262</v>
      </c>
      <c r="BL22" s="104">
        <v>1254508</v>
      </c>
      <c r="BM22" s="104">
        <v>663256</v>
      </c>
      <c r="BN22" s="104">
        <v>867256</v>
      </c>
      <c r="BO22" s="103">
        <v>4420563</v>
      </c>
      <c r="BP22" s="106">
        <v>4805797</v>
      </c>
      <c r="BQ22" s="100">
        <v>575805</v>
      </c>
      <c r="BR22" s="104">
        <v>779745</v>
      </c>
      <c r="BS22" s="103">
        <v>1355550</v>
      </c>
      <c r="BT22" s="100">
        <v>0</v>
      </c>
      <c r="BU22" s="104">
        <v>4339097</v>
      </c>
      <c r="BV22" s="104">
        <v>6817593</v>
      </c>
      <c r="BW22" s="104">
        <v>7137704</v>
      </c>
      <c r="BX22" s="104">
        <v>6793272</v>
      </c>
      <c r="BY22" s="104">
        <v>5220195</v>
      </c>
      <c r="BZ22" s="103">
        <v>30307861</v>
      </c>
      <c r="CA22" s="106">
        <v>31663411</v>
      </c>
      <c r="CB22" s="100">
        <v>873023</v>
      </c>
      <c r="CC22" s="104">
        <v>3202358</v>
      </c>
      <c r="CD22" s="103">
        <v>4075381</v>
      </c>
      <c r="CE22" s="100">
        <v>0</v>
      </c>
      <c r="CF22" s="104">
        <v>24063954</v>
      </c>
      <c r="CG22" s="104">
        <v>54608913</v>
      </c>
      <c r="CH22" s="104">
        <v>40307069</v>
      </c>
      <c r="CI22" s="104">
        <v>24535552</v>
      </c>
      <c r="CJ22" s="104">
        <v>14225099</v>
      </c>
      <c r="CK22" s="103">
        <v>157740587</v>
      </c>
      <c r="CL22" s="106">
        <v>161815968</v>
      </c>
      <c r="CM22" s="100">
        <v>0</v>
      </c>
      <c r="CN22" s="104">
        <v>21049</v>
      </c>
      <c r="CO22" s="103">
        <v>21049</v>
      </c>
      <c r="CP22" s="101">
        <v>0</v>
      </c>
      <c r="CQ22" s="104">
        <v>20927622</v>
      </c>
      <c r="CR22" s="104">
        <v>41835015</v>
      </c>
      <c r="CS22" s="104">
        <v>31242687</v>
      </c>
      <c r="CT22" s="104">
        <v>19815808</v>
      </c>
      <c r="CU22" s="104">
        <v>12227953</v>
      </c>
      <c r="CV22" s="103">
        <v>126049085</v>
      </c>
      <c r="CW22" s="106">
        <v>126070134</v>
      </c>
      <c r="CX22" s="100">
        <v>873023</v>
      </c>
      <c r="CY22" s="104">
        <v>3181309</v>
      </c>
      <c r="CZ22" s="103">
        <v>4054332</v>
      </c>
      <c r="DA22" s="100">
        <v>0</v>
      </c>
      <c r="DB22" s="104">
        <v>3136332</v>
      </c>
      <c r="DC22" s="104">
        <v>12773898</v>
      </c>
      <c r="DD22" s="104">
        <v>9064382</v>
      </c>
      <c r="DE22" s="104">
        <v>4719744</v>
      </c>
      <c r="DF22" s="104">
        <v>1997146</v>
      </c>
      <c r="DG22" s="103">
        <v>31691502</v>
      </c>
      <c r="DH22" s="106">
        <v>35745834</v>
      </c>
      <c r="DI22" s="100">
        <v>21039</v>
      </c>
      <c r="DJ22" s="104">
        <v>78544</v>
      </c>
      <c r="DK22" s="102">
        <v>99583</v>
      </c>
      <c r="DL22" s="101">
        <v>0</v>
      </c>
      <c r="DM22" s="104">
        <v>4079646</v>
      </c>
      <c r="DN22" s="104">
        <v>8236775</v>
      </c>
      <c r="DO22" s="104">
        <v>11834967</v>
      </c>
      <c r="DP22" s="104">
        <v>12522660</v>
      </c>
      <c r="DQ22" s="104">
        <v>6584759</v>
      </c>
      <c r="DR22" s="103">
        <v>43258807</v>
      </c>
      <c r="DS22" s="106">
        <v>43358390</v>
      </c>
      <c r="DT22" s="100">
        <v>21039</v>
      </c>
      <c r="DU22" s="104">
        <v>53398</v>
      </c>
      <c r="DV22" s="103">
        <v>74437</v>
      </c>
      <c r="DW22" s="100">
        <v>0</v>
      </c>
      <c r="DX22" s="104">
        <v>4003210</v>
      </c>
      <c r="DY22" s="104">
        <v>6685802</v>
      </c>
      <c r="DZ22" s="104">
        <v>10234875</v>
      </c>
      <c r="EA22" s="104">
        <v>11537379</v>
      </c>
      <c r="EB22" s="104">
        <v>5562309</v>
      </c>
      <c r="EC22" s="103">
        <v>38023575</v>
      </c>
      <c r="ED22" s="106">
        <v>38098012</v>
      </c>
      <c r="EE22" s="100">
        <v>0</v>
      </c>
      <c r="EF22" s="102">
        <v>25146</v>
      </c>
      <c r="EG22" s="103">
        <v>25146</v>
      </c>
      <c r="EH22" s="100">
        <v>0</v>
      </c>
      <c r="EI22" s="104">
        <v>76436</v>
      </c>
      <c r="EJ22" s="104">
        <v>1550973</v>
      </c>
      <c r="EK22" s="104">
        <v>1600092</v>
      </c>
      <c r="EL22" s="104">
        <v>985281</v>
      </c>
      <c r="EM22" s="104">
        <v>1022450</v>
      </c>
      <c r="EN22" s="102">
        <v>5235232</v>
      </c>
      <c r="EO22" s="106">
        <v>5260378</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2005239</v>
      </c>
      <c r="FM22" s="104">
        <v>3755882</v>
      </c>
      <c r="FN22" s="103">
        <v>5761121</v>
      </c>
      <c r="FO22" s="100">
        <v>0</v>
      </c>
      <c r="FP22" s="104">
        <v>4181946</v>
      </c>
      <c r="FQ22" s="104">
        <v>16277682</v>
      </c>
      <c r="FR22" s="104">
        <v>11718786</v>
      </c>
      <c r="FS22" s="104">
        <v>9421106</v>
      </c>
      <c r="FT22" s="104">
        <v>7810035</v>
      </c>
      <c r="FU22" s="103">
        <v>49409555</v>
      </c>
      <c r="FV22" s="106">
        <v>55170676</v>
      </c>
      <c r="FW22" s="105">
        <v>1014999</v>
      </c>
      <c r="FX22" s="104">
        <v>3114852</v>
      </c>
      <c r="FY22" s="102">
        <v>4129851</v>
      </c>
      <c r="FZ22" s="101">
        <v>0</v>
      </c>
      <c r="GA22" s="104">
        <v>3297255</v>
      </c>
      <c r="GB22" s="104">
        <v>15265356</v>
      </c>
      <c r="GC22" s="104">
        <v>11330988</v>
      </c>
      <c r="GD22" s="104">
        <v>9044664</v>
      </c>
      <c r="GE22" s="104">
        <v>7626435</v>
      </c>
      <c r="GF22" s="103">
        <v>46564698</v>
      </c>
      <c r="GG22" s="296">
        <v>50694549</v>
      </c>
      <c r="GH22" s="105">
        <v>125100</v>
      </c>
      <c r="GI22" s="104">
        <v>210130</v>
      </c>
      <c r="GJ22" s="102">
        <v>335230</v>
      </c>
      <c r="GK22" s="101">
        <v>0</v>
      </c>
      <c r="GL22" s="104">
        <v>358179</v>
      </c>
      <c r="GM22" s="104">
        <v>235485</v>
      </c>
      <c r="GN22" s="104">
        <v>97610</v>
      </c>
      <c r="GO22" s="104">
        <v>191142</v>
      </c>
      <c r="GP22" s="104">
        <v>183600</v>
      </c>
      <c r="GQ22" s="103">
        <v>1066016</v>
      </c>
      <c r="GR22" s="106">
        <v>1401246</v>
      </c>
      <c r="GS22" s="100">
        <v>865140</v>
      </c>
      <c r="GT22" s="104">
        <v>430900</v>
      </c>
      <c r="GU22" s="103">
        <v>1296040</v>
      </c>
      <c r="GV22" s="100">
        <v>0</v>
      </c>
      <c r="GW22" s="104">
        <v>526512</v>
      </c>
      <c r="GX22" s="104">
        <v>776841</v>
      </c>
      <c r="GY22" s="104">
        <v>290188</v>
      </c>
      <c r="GZ22" s="104">
        <v>185300</v>
      </c>
      <c r="HA22" s="104">
        <v>0</v>
      </c>
      <c r="HB22" s="102">
        <v>1778841</v>
      </c>
      <c r="HC22" s="106">
        <v>3074881</v>
      </c>
      <c r="HD22" s="100">
        <v>1487464</v>
      </c>
      <c r="HE22" s="104">
        <v>2629288</v>
      </c>
      <c r="HF22" s="102">
        <v>4116752</v>
      </c>
      <c r="HG22" s="101">
        <v>0</v>
      </c>
      <c r="HH22" s="104">
        <v>18217056</v>
      </c>
      <c r="HI22" s="104">
        <v>22821362</v>
      </c>
      <c r="HJ22" s="104">
        <v>20901047</v>
      </c>
      <c r="HK22" s="104">
        <v>21619449</v>
      </c>
      <c r="HL22" s="104">
        <v>15878708</v>
      </c>
      <c r="HM22" s="103">
        <v>99437622</v>
      </c>
      <c r="HN22" s="99">
        <v>103554374</v>
      </c>
      <c r="HO22" s="105">
        <v>1227260</v>
      </c>
      <c r="HP22" s="104">
        <v>2814082</v>
      </c>
      <c r="HQ22" s="103">
        <v>4041342</v>
      </c>
      <c r="HR22" s="100">
        <v>0</v>
      </c>
      <c r="HS22" s="104">
        <v>14237456</v>
      </c>
      <c r="HT22" s="104">
        <v>21828016</v>
      </c>
      <c r="HU22" s="104">
        <v>14601679</v>
      </c>
      <c r="HV22" s="104">
        <v>10069610</v>
      </c>
      <c r="HW22" s="104">
        <v>5972088</v>
      </c>
      <c r="HX22" s="102">
        <v>66708849</v>
      </c>
      <c r="HY22" s="106">
        <v>70750191</v>
      </c>
      <c r="HZ22" s="137">
        <v>33530</v>
      </c>
      <c r="IA22" s="122">
        <v>358237</v>
      </c>
      <c r="IB22" s="137">
        <v>391767</v>
      </c>
      <c r="IC22" s="121">
        <v>0</v>
      </c>
      <c r="ID22" s="122">
        <v>26838482</v>
      </c>
      <c r="IE22" s="123">
        <v>43309034</v>
      </c>
      <c r="IF22" s="124">
        <v>53328546</v>
      </c>
      <c r="IG22" s="122">
        <v>47520407</v>
      </c>
      <c r="IH22" s="124">
        <v>32883983</v>
      </c>
      <c r="II22" s="125">
        <v>203880452</v>
      </c>
      <c r="IJ22" s="137">
        <v>204272219</v>
      </c>
      <c r="IK22" s="219">
        <v>0</v>
      </c>
      <c r="IL22" s="223">
        <v>0</v>
      </c>
      <c r="IM22" s="224">
        <v>0</v>
      </c>
      <c r="IN22" s="127"/>
      <c r="IO22" s="109">
        <v>167767</v>
      </c>
      <c r="IP22" s="109">
        <v>221112</v>
      </c>
      <c r="IQ22" s="109">
        <v>747486</v>
      </c>
      <c r="IR22" s="109">
        <v>847990</v>
      </c>
      <c r="IS22" s="109">
        <v>239936</v>
      </c>
      <c r="IT22" s="128">
        <v>2224291</v>
      </c>
      <c r="IU22" s="298">
        <v>2224291</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12559568</v>
      </c>
      <c r="JL22" s="109">
        <v>19012305</v>
      </c>
      <c r="JM22" s="109">
        <v>14565345</v>
      </c>
      <c r="JN22" s="109">
        <v>12438649</v>
      </c>
      <c r="JO22" s="109">
        <v>8019682</v>
      </c>
      <c r="JP22" s="110">
        <v>66595549</v>
      </c>
      <c r="JQ22" s="298">
        <v>66595549</v>
      </c>
      <c r="JR22" s="129">
        <v>33530</v>
      </c>
      <c r="JS22" s="109">
        <v>178121</v>
      </c>
      <c r="JT22" s="128">
        <v>211651</v>
      </c>
      <c r="JU22" s="108">
        <v>0</v>
      </c>
      <c r="JV22" s="109">
        <v>1120942</v>
      </c>
      <c r="JW22" s="109">
        <v>1599944</v>
      </c>
      <c r="JX22" s="109">
        <v>828539</v>
      </c>
      <c r="JY22" s="109">
        <v>1132243</v>
      </c>
      <c r="JZ22" s="109">
        <v>661445</v>
      </c>
      <c r="KA22" s="110">
        <v>5343113</v>
      </c>
      <c r="KB22" s="298">
        <v>5554764</v>
      </c>
      <c r="KC22" s="221">
        <v>0</v>
      </c>
      <c r="KD22" s="217">
        <v>180116</v>
      </c>
      <c r="KE22" s="110">
        <v>180116</v>
      </c>
      <c r="KF22" s="108">
        <v>0</v>
      </c>
      <c r="KG22" s="109">
        <v>2546591</v>
      </c>
      <c r="KH22" s="109">
        <v>5913004</v>
      </c>
      <c r="KI22" s="109">
        <v>9407987</v>
      </c>
      <c r="KJ22" s="109">
        <v>6270271</v>
      </c>
      <c r="KK22" s="109">
        <v>3483441</v>
      </c>
      <c r="KL22" s="110">
        <v>27621294</v>
      </c>
      <c r="KM22" s="130">
        <v>27801410</v>
      </c>
      <c r="KN22" s="219">
        <v>0</v>
      </c>
      <c r="KO22" s="223">
        <v>0</v>
      </c>
      <c r="KP22" s="224">
        <v>0</v>
      </c>
      <c r="KQ22" s="127"/>
      <c r="KR22" s="109">
        <v>10256273</v>
      </c>
      <c r="KS22" s="109">
        <v>15580553</v>
      </c>
      <c r="KT22" s="109">
        <v>20111089</v>
      </c>
      <c r="KU22" s="109">
        <v>13978306</v>
      </c>
      <c r="KV22" s="109">
        <v>5929597</v>
      </c>
      <c r="KW22" s="110">
        <v>65855818</v>
      </c>
      <c r="KX22" s="298">
        <v>65855818</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497852</v>
      </c>
      <c r="LP22" s="109">
        <v>6793433</v>
      </c>
      <c r="LQ22" s="109">
        <v>12175348</v>
      </c>
      <c r="LR22" s="109">
        <v>11318127</v>
      </c>
      <c r="LS22" s="110">
        <v>30784760</v>
      </c>
      <c r="LT22" s="298">
        <v>30784760</v>
      </c>
      <c r="LU22" s="129">
        <v>0</v>
      </c>
      <c r="LV22" s="109">
        <v>0</v>
      </c>
      <c r="LW22" s="110">
        <v>0</v>
      </c>
      <c r="LX22" s="132"/>
      <c r="LY22" s="109">
        <v>187341</v>
      </c>
      <c r="LZ22" s="109">
        <v>484264</v>
      </c>
      <c r="MA22" s="109">
        <v>874667</v>
      </c>
      <c r="MB22" s="109">
        <v>677600</v>
      </c>
      <c r="MC22" s="109">
        <v>3231755</v>
      </c>
      <c r="MD22" s="110">
        <v>5455627</v>
      </c>
      <c r="ME22" s="111">
        <v>5455627</v>
      </c>
      <c r="MF22" s="129">
        <v>0</v>
      </c>
      <c r="MG22" s="109">
        <v>0</v>
      </c>
      <c r="MH22" s="110">
        <v>0</v>
      </c>
      <c r="MI22" s="132"/>
      <c r="MJ22" s="109">
        <v>8239114</v>
      </c>
      <c r="MK22" s="109">
        <v>33880831</v>
      </c>
      <c r="ML22" s="109">
        <v>93516943</v>
      </c>
      <c r="MM22" s="109">
        <v>126175446</v>
      </c>
      <c r="MN22" s="109">
        <v>96635052</v>
      </c>
      <c r="MO22" s="110">
        <v>358447386</v>
      </c>
      <c r="MP22" s="130">
        <v>358447386</v>
      </c>
      <c r="MQ22" s="129">
        <v>0</v>
      </c>
      <c r="MR22" s="109">
        <v>0</v>
      </c>
      <c r="MS22" s="110">
        <v>0</v>
      </c>
      <c r="MT22" s="132"/>
      <c r="MU22" s="109">
        <v>645957</v>
      </c>
      <c r="MV22" s="109">
        <v>3209816</v>
      </c>
      <c r="MW22" s="109">
        <v>49947541</v>
      </c>
      <c r="MX22" s="109">
        <v>78736311</v>
      </c>
      <c r="MY22" s="109">
        <v>65833622</v>
      </c>
      <c r="MZ22" s="110">
        <v>198373247</v>
      </c>
      <c r="NA22" s="130">
        <v>198373247</v>
      </c>
      <c r="NB22" s="129">
        <v>0</v>
      </c>
      <c r="NC22" s="109">
        <v>0</v>
      </c>
      <c r="ND22" s="110">
        <v>0</v>
      </c>
      <c r="NE22" s="132"/>
      <c r="NF22" s="109">
        <v>7593157</v>
      </c>
      <c r="NG22" s="109">
        <v>30671015</v>
      </c>
      <c r="NH22" s="109">
        <v>43208091</v>
      </c>
      <c r="NI22" s="109">
        <v>45947876</v>
      </c>
      <c r="NJ22" s="109">
        <v>24563023</v>
      </c>
      <c r="NK22" s="110">
        <v>151983162</v>
      </c>
      <c r="NL22" s="298">
        <v>151983162</v>
      </c>
      <c r="NM22" s="129">
        <v>0</v>
      </c>
      <c r="NN22" s="109">
        <v>0</v>
      </c>
      <c r="NO22" s="110">
        <v>0</v>
      </c>
      <c r="NP22" s="132"/>
      <c r="NQ22" s="109">
        <v>0</v>
      </c>
      <c r="NR22" s="109">
        <v>0</v>
      </c>
      <c r="NS22" s="109">
        <v>0</v>
      </c>
      <c r="NT22" s="109">
        <v>388542</v>
      </c>
      <c r="NU22" s="109">
        <v>1355036</v>
      </c>
      <c r="NV22" s="110">
        <v>1743578</v>
      </c>
      <c r="NW22" s="111">
        <v>1743578</v>
      </c>
      <c r="NX22" s="129">
        <v>0</v>
      </c>
      <c r="NY22" s="109">
        <v>0</v>
      </c>
      <c r="NZ22" s="110">
        <v>0</v>
      </c>
      <c r="OA22" s="132"/>
      <c r="OB22" s="109">
        <v>0</v>
      </c>
      <c r="OC22" s="109">
        <v>0</v>
      </c>
      <c r="OD22" s="109">
        <v>361311</v>
      </c>
      <c r="OE22" s="109">
        <v>1102717</v>
      </c>
      <c r="OF22" s="109">
        <v>4883371</v>
      </c>
      <c r="OG22" s="110">
        <v>6347399</v>
      </c>
      <c r="OH22" s="111">
        <v>6347399</v>
      </c>
      <c r="OI22" s="129">
        <v>7117235</v>
      </c>
      <c r="OJ22" s="109">
        <v>16392110</v>
      </c>
      <c r="OK22" s="128">
        <v>23509345</v>
      </c>
      <c r="OL22" s="108">
        <v>0</v>
      </c>
      <c r="OM22" s="109">
        <v>119815507</v>
      </c>
      <c r="ON22" s="109">
        <v>245153548</v>
      </c>
      <c r="OO22" s="109">
        <v>291352069</v>
      </c>
      <c r="OP22" s="109">
        <v>303293963</v>
      </c>
      <c r="OQ22" s="109">
        <v>228894552</v>
      </c>
      <c r="OR22" s="110">
        <v>1188509639</v>
      </c>
      <c r="OS22" s="130">
        <v>1212018984</v>
      </c>
    </row>
    <row r="23" spans="2:409" ht="21" customHeight="1" x14ac:dyDescent="0.2">
      <c r="B23" s="472" t="s">
        <v>18</v>
      </c>
      <c r="C23" s="100">
        <v>8803060</v>
      </c>
      <c r="D23" s="104">
        <v>17567197</v>
      </c>
      <c r="E23" s="103">
        <v>26370257</v>
      </c>
      <c r="F23" s="99">
        <v>0</v>
      </c>
      <c r="G23" s="104">
        <v>140910104</v>
      </c>
      <c r="H23" s="104">
        <v>177310042</v>
      </c>
      <c r="I23" s="104">
        <v>162681174</v>
      </c>
      <c r="J23" s="104">
        <v>150371887</v>
      </c>
      <c r="K23" s="104">
        <v>109770813</v>
      </c>
      <c r="L23" s="99">
        <v>741044020</v>
      </c>
      <c r="M23" s="106">
        <v>767414277</v>
      </c>
      <c r="N23" s="100">
        <v>2135740</v>
      </c>
      <c r="O23" s="104">
        <v>4556692</v>
      </c>
      <c r="P23" s="103">
        <v>6692432</v>
      </c>
      <c r="Q23" s="100">
        <v>0</v>
      </c>
      <c r="R23" s="104">
        <v>39992259</v>
      </c>
      <c r="S23" s="104">
        <v>51971914</v>
      </c>
      <c r="T23" s="104">
        <v>49532390</v>
      </c>
      <c r="U23" s="104">
        <v>59715577</v>
      </c>
      <c r="V23" s="104">
        <v>56805226</v>
      </c>
      <c r="W23" s="103">
        <v>258017366</v>
      </c>
      <c r="X23" s="106">
        <v>264709798</v>
      </c>
      <c r="Y23" s="100">
        <v>0</v>
      </c>
      <c r="Z23" s="104">
        <v>0</v>
      </c>
      <c r="AA23" s="103">
        <v>0</v>
      </c>
      <c r="AB23" s="100">
        <v>0</v>
      </c>
      <c r="AC23" s="104">
        <v>18135272</v>
      </c>
      <c r="AD23" s="104">
        <v>24594444</v>
      </c>
      <c r="AE23" s="104">
        <v>28641921</v>
      </c>
      <c r="AF23" s="104">
        <v>37942693</v>
      </c>
      <c r="AG23" s="104">
        <v>35238873</v>
      </c>
      <c r="AH23" s="103">
        <v>144553203</v>
      </c>
      <c r="AI23" s="106">
        <v>144553203</v>
      </c>
      <c r="AJ23" s="100">
        <v>0</v>
      </c>
      <c r="AK23" s="104">
        <v>0</v>
      </c>
      <c r="AL23" s="103">
        <v>0</v>
      </c>
      <c r="AM23" s="100">
        <v>0</v>
      </c>
      <c r="AN23" s="104">
        <v>183947</v>
      </c>
      <c r="AO23" s="104">
        <v>375044</v>
      </c>
      <c r="AP23" s="104">
        <v>765231</v>
      </c>
      <c r="AQ23" s="104">
        <v>3334661</v>
      </c>
      <c r="AR23" s="104">
        <v>5971736</v>
      </c>
      <c r="AS23" s="103">
        <v>10630619</v>
      </c>
      <c r="AT23" s="106">
        <v>10630619</v>
      </c>
      <c r="AU23" s="100">
        <v>1324420</v>
      </c>
      <c r="AV23" s="104">
        <v>3393803</v>
      </c>
      <c r="AW23" s="103">
        <v>4718223</v>
      </c>
      <c r="AX23" s="100">
        <v>0</v>
      </c>
      <c r="AY23" s="104">
        <v>13504735</v>
      </c>
      <c r="AZ23" s="104">
        <v>16119858</v>
      </c>
      <c r="BA23" s="104">
        <v>10702439</v>
      </c>
      <c r="BB23" s="104">
        <v>9525041</v>
      </c>
      <c r="BC23" s="104">
        <v>9246582</v>
      </c>
      <c r="BD23" s="103">
        <v>59098655</v>
      </c>
      <c r="BE23" s="106">
        <v>63816878</v>
      </c>
      <c r="BF23" s="100">
        <v>152256</v>
      </c>
      <c r="BG23" s="104">
        <v>429226</v>
      </c>
      <c r="BH23" s="102">
        <v>581482</v>
      </c>
      <c r="BI23" s="101">
        <v>0</v>
      </c>
      <c r="BJ23" s="104">
        <v>1576631</v>
      </c>
      <c r="BK23" s="104">
        <v>2698944</v>
      </c>
      <c r="BL23" s="104">
        <v>1760169</v>
      </c>
      <c r="BM23" s="104">
        <v>998745</v>
      </c>
      <c r="BN23" s="104">
        <v>536647</v>
      </c>
      <c r="BO23" s="103">
        <v>7571136</v>
      </c>
      <c r="BP23" s="106">
        <v>8152618</v>
      </c>
      <c r="BQ23" s="100">
        <v>659064</v>
      </c>
      <c r="BR23" s="104">
        <v>733663</v>
      </c>
      <c r="BS23" s="103">
        <v>1392727</v>
      </c>
      <c r="BT23" s="100">
        <v>0</v>
      </c>
      <c r="BU23" s="104">
        <v>6591674</v>
      </c>
      <c r="BV23" s="104">
        <v>8183624</v>
      </c>
      <c r="BW23" s="104">
        <v>7662630</v>
      </c>
      <c r="BX23" s="104">
        <v>7914437</v>
      </c>
      <c r="BY23" s="104">
        <v>5811388</v>
      </c>
      <c r="BZ23" s="103">
        <v>36163753</v>
      </c>
      <c r="CA23" s="106">
        <v>37556480</v>
      </c>
      <c r="CB23" s="100">
        <v>1603500</v>
      </c>
      <c r="CC23" s="104">
        <v>4443737</v>
      </c>
      <c r="CD23" s="103">
        <v>6047237</v>
      </c>
      <c r="CE23" s="100">
        <v>0</v>
      </c>
      <c r="CF23" s="104">
        <v>46700518</v>
      </c>
      <c r="CG23" s="104">
        <v>56824221</v>
      </c>
      <c r="CH23" s="104">
        <v>49479956</v>
      </c>
      <c r="CI23" s="104">
        <v>28291325</v>
      </c>
      <c r="CJ23" s="104">
        <v>14360279</v>
      </c>
      <c r="CK23" s="103">
        <v>195656299</v>
      </c>
      <c r="CL23" s="106">
        <v>201703536</v>
      </c>
      <c r="CM23" s="100">
        <v>0</v>
      </c>
      <c r="CN23" s="104">
        <v>0</v>
      </c>
      <c r="CO23" s="103">
        <v>0</v>
      </c>
      <c r="CP23" s="101">
        <v>0</v>
      </c>
      <c r="CQ23" s="104">
        <v>37852809</v>
      </c>
      <c r="CR23" s="104">
        <v>44658262</v>
      </c>
      <c r="CS23" s="104">
        <v>40388261</v>
      </c>
      <c r="CT23" s="104">
        <v>22963621</v>
      </c>
      <c r="CU23" s="104">
        <v>11522057</v>
      </c>
      <c r="CV23" s="103">
        <v>157385010</v>
      </c>
      <c r="CW23" s="106">
        <v>157385010</v>
      </c>
      <c r="CX23" s="100">
        <v>1603500</v>
      </c>
      <c r="CY23" s="104">
        <v>4443737</v>
      </c>
      <c r="CZ23" s="103">
        <v>6047237</v>
      </c>
      <c r="DA23" s="100">
        <v>0</v>
      </c>
      <c r="DB23" s="104">
        <v>8847709</v>
      </c>
      <c r="DC23" s="104">
        <v>12165959</v>
      </c>
      <c r="DD23" s="104">
        <v>9091695</v>
      </c>
      <c r="DE23" s="104">
        <v>5327704</v>
      </c>
      <c r="DF23" s="104">
        <v>2838222</v>
      </c>
      <c r="DG23" s="103">
        <v>38271289</v>
      </c>
      <c r="DH23" s="106">
        <v>44318526</v>
      </c>
      <c r="DI23" s="100">
        <v>26206</v>
      </c>
      <c r="DJ23" s="104">
        <v>430137</v>
      </c>
      <c r="DK23" s="102">
        <v>456343</v>
      </c>
      <c r="DL23" s="101">
        <v>0</v>
      </c>
      <c r="DM23" s="104">
        <v>3098236</v>
      </c>
      <c r="DN23" s="104">
        <v>8427385</v>
      </c>
      <c r="DO23" s="104">
        <v>15922008</v>
      </c>
      <c r="DP23" s="104">
        <v>15043441</v>
      </c>
      <c r="DQ23" s="104">
        <v>9116773</v>
      </c>
      <c r="DR23" s="103">
        <v>51607843</v>
      </c>
      <c r="DS23" s="106">
        <v>52064186</v>
      </c>
      <c r="DT23" s="100">
        <v>26206</v>
      </c>
      <c r="DU23" s="104">
        <v>430137</v>
      </c>
      <c r="DV23" s="103">
        <v>456343</v>
      </c>
      <c r="DW23" s="100">
        <v>0</v>
      </c>
      <c r="DX23" s="104">
        <v>3063412</v>
      </c>
      <c r="DY23" s="104">
        <v>8345839</v>
      </c>
      <c r="DZ23" s="104">
        <v>15427842</v>
      </c>
      <c r="EA23" s="104">
        <v>14428359</v>
      </c>
      <c r="EB23" s="104">
        <v>8939670</v>
      </c>
      <c r="EC23" s="103">
        <v>50205122</v>
      </c>
      <c r="ED23" s="106">
        <v>50661465</v>
      </c>
      <c r="EE23" s="100">
        <v>0</v>
      </c>
      <c r="EF23" s="102">
        <v>0</v>
      </c>
      <c r="EG23" s="103">
        <v>0</v>
      </c>
      <c r="EH23" s="100">
        <v>0</v>
      </c>
      <c r="EI23" s="104">
        <v>34824</v>
      </c>
      <c r="EJ23" s="104">
        <v>81546</v>
      </c>
      <c r="EK23" s="104">
        <v>494166</v>
      </c>
      <c r="EL23" s="104">
        <v>615082</v>
      </c>
      <c r="EM23" s="104">
        <v>177103</v>
      </c>
      <c r="EN23" s="102">
        <v>1402721</v>
      </c>
      <c r="EO23" s="106">
        <v>1402721</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1622506</v>
      </c>
      <c r="FM23" s="104">
        <v>4127237</v>
      </c>
      <c r="FN23" s="103">
        <v>5749743</v>
      </c>
      <c r="FO23" s="100">
        <v>0</v>
      </c>
      <c r="FP23" s="104">
        <v>6646994</v>
      </c>
      <c r="FQ23" s="104">
        <v>15289450</v>
      </c>
      <c r="FR23" s="104">
        <v>11268673</v>
      </c>
      <c r="FS23" s="104">
        <v>10979991</v>
      </c>
      <c r="FT23" s="104">
        <v>7728479</v>
      </c>
      <c r="FU23" s="103">
        <v>51913587</v>
      </c>
      <c r="FV23" s="106">
        <v>57663330</v>
      </c>
      <c r="FW23" s="105">
        <v>1075266</v>
      </c>
      <c r="FX23" s="104">
        <v>2963438</v>
      </c>
      <c r="FY23" s="102">
        <v>4038704</v>
      </c>
      <c r="FZ23" s="101">
        <v>0</v>
      </c>
      <c r="GA23" s="104">
        <v>5777570</v>
      </c>
      <c r="GB23" s="104">
        <v>14143644</v>
      </c>
      <c r="GC23" s="104">
        <v>10650271</v>
      </c>
      <c r="GD23" s="104">
        <v>10232315</v>
      </c>
      <c r="GE23" s="104">
        <v>7613135</v>
      </c>
      <c r="GF23" s="103">
        <v>48416935</v>
      </c>
      <c r="GG23" s="296">
        <v>52455639</v>
      </c>
      <c r="GH23" s="105">
        <v>48720</v>
      </c>
      <c r="GI23" s="104">
        <v>261693</v>
      </c>
      <c r="GJ23" s="102">
        <v>310413</v>
      </c>
      <c r="GK23" s="101">
        <v>0</v>
      </c>
      <c r="GL23" s="104">
        <v>232189</v>
      </c>
      <c r="GM23" s="104">
        <v>157047</v>
      </c>
      <c r="GN23" s="104">
        <v>150942</v>
      </c>
      <c r="GO23" s="104">
        <v>265006</v>
      </c>
      <c r="GP23" s="104">
        <v>115344</v>
      </c>
      <c r="GQ23" s="103">
        <v>920528</v>
      </c>
      <c r="GR23" s="106">
        <v>1230941</v>
      </c>
      <c r="GS23" s="100">
        <v>498520</v>
      </c>
      <c r="GT23" s="104">
        <v>902106</v>
      </c>
      <c r="GU23" s="103">
        <v>1400626</v>
      </c>
      <c r="GV23" s="100">
        <v>0</v>
      </c>
      <c r="GW23" s="104">
        <v>637235</v>
      </c>
      <c r="GX23" s="104">
        <v>988759</v>
      </c>
      <c r="GY23" s="104">
        <v>467460</v>
      </c>
      <c r="GZ23" s="104">
        <v>482670</v>
      </c>
      <c r="HA23" s="104">
        <v>0</v>
      </c>
      <c r="HB23" s="102">
        <v>2576124</v>
      </c>
      <c r="HC23" s="106">
        <v>3976750</v>
      </c>
      <c r="HD23" s="100">
        <v>1759524</v>
      </c>
      <c r="HE23" s="104">
        <v>811419</v>
      </c>
      <c r="HF23" s="102">
        <v>2570943</v>
      </c>
      <c r="HG23" s="101">
        <v>0</v>
      </c>
      <c r="HH23" s="104">
        <v>21045488</v>
      </c>
      <c r="HI23" s="104">
        <v>22902859</v>
      </c>
      <c r="HJ23" s="104">
        <v>20916415</v>
      </c>
      <c r="HK23" s="104">
        <v>25996793</v>
      </c>
      <c r="HL23" s="104">
        <v>15781636</v>
      </c>
      <c r="HM23" s="103">
        <v>106643191</v>
      </c>
      <c r="HN23" s="99">
        <v>109214134</v>
      </c>
      <c r="HO23" s="105">
        <v>1655584</v>
      </c>
      <c r="HP23" s="104">
        <v>3197975</v>
      </c>
      <c r="HQ23" s="103">
        <v>4853559</v>
      </c>
      <c r="HR23" s="100">
        <v>0</v>
      </c>
      <c r="HS23" s="104">
        <v>23426609</v>
      </c>
      <c r="HT23" s="104">
        <v>21894213</v>
      </c>
      <c r="HU23" s="104">
        <v>15561732</v>
      </c>
      <c r="HV23" s="104">
        <v>10344760</v>
      </c>
      <c r="HW23" s="104">
        <v>5978420</v>
      </c>
      <c r="HX23" s="102">
        <v>77205734</v>
      </c>
      <c r="HY23" s="106">
        <v>82059293</v>
      </c>
      <c r="HZ23" s="118">
        <v>305405</v>
      </c>
      <c r="IA23" s="119">
        <v>1936332</v>
      </c>
      <c r="IB23" s="120">
        <v>2241737</v>
      </c>
      <c r="IC23" s="133">
        <v>0</v>
      </c>
      <c r="ID23" s="119">
        <v>34816352</v>
      </c>
      <c r="IE23" s="134">
        <v>45270370</v>
      </c>
      <c r="IF23" s="120">
        <v>58612939</v>
      </c>
      <c r="IG23" s="119">
        <v>39196735</v>
      </c>
      <c r="IH23" s="120">
        <v>24205515</v>
      </c>
      <c r="II23" s="135">
        <v>202101911</v>
      </c>
      <c r="IJ23" s="126">
        <v>204343648</v>
      </c>
      <c r="IK23" s="219">
        <v>0</v>
      </c>
      <c r="IL23" s="223">
        <v>0</v>
      </c>
      <c r="IM23" s="224">
        <v>0</v>
      </c>
      <c r="IN23" s="127"/>
      <c r="IO23" s="109">
        <v>223418</v>
      </c>
      <c r="IP23" s="109">
        <v>986916</v>
      </c>
      <c r="IQ23" s="109">
        <v>180667</v>
      </c>
      <c r="IR23" s="109">
        <v>431669</v>
      </c>
      <c r="IS23" s="109">
        <v>265687</v>
      </c>
      <c r="IT23" s="128">
        <v>2088357</v>
      </c>
      <c r="IU23" s="298">
        <v>2088357</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13047739</v>
      </c>
      <c r="JL23" s="109">
        <v>10976607</v>
      </c>
      <c r="JM23" s="109">
        <v>8923104</v>
      </c>
      <c r="JN23" s="109">
        <v>4462832</v>
      </c>
      <c r="JO23" s="109">
        <v>1861597</v>
      </c>
      <c r="JP23" s="110">
        <v>39271879</v>
      </c>
      <c r="JQ23" s="298">
        <v>39271879</v>
      </c>
      <c r="JR23" s="129">
        <v>0</v>
      </c>
      <c r="JS23" s="109">
        <v>0</v>
      </c>
      <c r="JT23" s="128">
        <v>0</v>
      </c>
      <c r="JU23" s="108">
        <v>0</v>
      </c>
      <c r="JV23" s="109">
        <v>744455</v>
      </c>
      <c r="JW23" s="109">
        <v>867001</v>
      </c>
      <c r="JX23" s="109">
        <v>3430475</v>
      </c>
      <c r="JY23" s="109">
        <v>1033147</v>
      </c>
      <c r="JZ23" s="109">
        <v>1017135</v>
      </c>
      <c r="KA23" s="110">
        <v>7092213</v>
      </c>
      <c r="KB23" s="298">
        <v>7092213</v>
      </c>
      <c r="KC23" s="221">
        <v>305405</v>
      </c>
      <c r="KD23" s="217">
        <v>1199857</v>
      </c>
      <c r="KE23" s="110">
        <v>1505262</v>
      </c>
      <c r="KF23" s="108">
        <v>0</v>
      </c>
      <c r="KG23" s="109">
        <v>7459681</v>
      </c>
      <c r="KH23" s="109">
        <v>8338729</v>
      </c>
      <c r="KI23" s="109">
        <v>15104214</v>
      </c>
      <c r="KJ23" s="109">
        <v>5332673</v>
      </c>
      <c r="KK23" s="109">
        <v>3000731</v>
      </c>
      <c r="KL23" s="110">
        <v>39236028</v>
      </c>
      <c r="KM23" s="130">
        <v>40741290</v>
      </c>
      <c r="KN23" s="219">
        <v>0</v>
      </c>
      <c r="KO23" s="223">
        <v>736475</v>
      </c>
      <c r="KP23" s="224">
        <v>736475</v>
      </c>
      <c r="KQ23" s="127"/>
      <c r="KR23" s="109">
        <v>12415860</v>
      </c>
      <c r="KS23" s="109">
        <v>20095169</v>
      </c>
      <c r="KT23" s="109">
        <v>26509631</v>
      </c>
      <c r="KU23" s="109">
        <v>16842179</v>
      </c>
      <c r="KV23" s="109">
        <v>7156824</v>
      </c>
      <c r="KW23" s="110">
        <v>83019663</v>
      </c>
      <c r="KX23" s="298">
        <v>83756138</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530610</v>
      </c>
      <c r="LP23" s="109">
        <v>1690651</v>
      </c>
      <c r="LQ23" s="109">
        <v>4538993</v>
      </c>
      <c r="LR23" s="109">
        <v>1179268</v>
      </c>
      <c r="LS23" s="110">
        <v>7939522</v>
      </c>
      <c r="LT23" s="298">
        <v>7939522</v>
      </c>
      <c r="LU23" s="129">
        <v>0</v>
      </c>
      <c r="LV23" s="109">
        <v>0</v>
      </c>
      <c r="LW23" s="110">
        <v>0</v>
      </c>
      <c r="LX23" s="132"/>
      <c r="LY23" s="109">
        <v>925199</v>
      </c>
      <c r="LZ23" s="109">
        <v>3475338</v>
      </c>
      <c r="MA23" s="109">
        <v>2774197</v>
      </c>
      <c r="MB23" s="109">
        <v>6555242</v>
      </c>
      <c r="MC23" s="109">
        <v>9724273</v>
      </c>
      <c r="MD23" s="110">
        <v>23454249</v>
      </c>
      <c r="ME23" s="111">
        <v>23454249</v>
      </c>
      <c r="MF23" s="129">
        <v>0</v>
      </c>
      <c r="MG23" s="109">
        <v>0</v>
      </c>
      <c r="MH23" s="110">
        <v>0</v>
      </c>
      <c r="MI23" s="132"/>
      <c r="MJ23" s="109">
        <v>7576499</v>
      </c>
      <c r="MK23" s="109">
        <v>25737165</v>
      </c>
      <c r="ML23" s="109">
        <v>79350136</v>
      </c>
      <c r="MM23" s="109">
        <v>160662220</v>
      </c>
      <c r="MN23" s="109">
        <v>106749032</v>
      </c>
      <c r="MO23" s="110">
        <v>380075052</v>
      </c>
      <c r="MP23" s="130">
        <v>380075052</v>
      </c>
      <c r="MQ23" s="129">
        <v>0</v>
      </c>
      <c r="MR23" s="109">
        <v>0</v>
      </c>
      <c r="MS23" s="110">
        <v>0</v>
      </c>
      <c r="MT23" s="132"/>
      <c r="MU23" s="109">
        <v>1327865</v>
      </c>
      <c r="MV23" s="109">
        <v>2834360</v>
      </c>
      <c r="MW23" s="109">
        <v>48479468</v>
      </c>
      <c r="MX23" s="109">
        <v>117333722</v>
      </c>
      <c r="MY23" s="109">
        <v>73709884</v>
      </c>
      <c r="MZ23" s="110">
        <v>243685299</v>
      </c>
      <c r="NA23" s="130">
        <v>243685299</v>
      </c>
      <c r="NB23" s="129">
        <v>0</v>
      </c>
      <c r="NC23" s="109">
        <v>0</v>
      </c>
      <c r="ND23" s="110">
        <v>0</v>
      </c>
      <c r="NE23" s="132"/>
      <c r="NF23" s="109">
        <v>6248634</v>
      </c>
      <c r="NG23" s="109">
        <v>22902805</v>
      </c>
      <c r="NH23" s="109">
        <v>30870668</v>
      </c>
      <c r="NI23" s="109">
        <v>38421605</v>
      </c>
      <c r="NJ23" s="109">
        <v>24400378</v>
      </c>
      <c r="NK23" s="110">
        <v>122844090</v>
      </c>
      <c r="NL23" s="298">
        <v>122844090</v>
      </c>
      <c r="NM23" s="129">
        <v>0</v>
      </c>
      <c r="NN23" s="109">
        <v>0</v>
      </c>
      <c r="NO23" s="110">
        <v>0</v>
      </c>
      <c r="NP23" s="132"/>
      <c r="NQ23" s="109">
        <v>0</v>
      </c>
      <c r="NR23" s="109">
        <v>0</v>
      </c>
      <c r="NS23" s="109">
        <v>0</v>
      </c>
      <c r="NT23" s="109">
        <v>373240</v>
      </c>
      <c r="NU23" s="109">
        <v>1233282</v>
      </c>
      <c r="NV23" s="110">
        <v>1606522</v>
      </c>
      <c r="NW23" s="111">
        <v>1606522</v>
      </c>
      <c r="NX23" s="129">
        <v>0</v>
      </c>
      <c r="NY23" s="109">
        <v>0</v>
      </c>
      <c r="NZ23" s="110">
        <v>0</v>
      </c>
      <c r="OA23" s="132"/>
      <c r="OB23" s="109">
        <v>0</v>
      </c>
      <c r="OC23" s="109">
        <v>0</v>
      </c>
      <c r="OD23" s="109">
        <v>0</v>
      </c>
      <c r="OE23" s="109">
        <v>4533653</v>
      </c>
      <c r="OF23" s="109">
        <v>7405488</v>
      </c>
      <c r="OG23" s="110">
        <v>11939141</v>
      </c>
      <c r="OH23" s="111">
        <v>11939141</v>
      </c>
      <c r="OI23" s="129">
        <v>9108465</v>
      </c>
      <c r="OJ23" s="109">
        <v>19503529</v>
      </c>
      <c r="OK23" s="128">
        <v>28611994</v>
      </c>
      <c r="OL23" s="108">
        <v>0</v>
      </c>
      <c r="OM23" s="109">
        <v>183302955</v>
      </c>
      <c r="ON23" s="109">
        <v>248317577</v>
      </c>
      <c r="OO23" s="109">
        <v>300644249</v>
      </c>
      <c r="OP23" s="109">
        <v>350230842</v>
      </c>
      <c r="OQ23" s="109">
        <v>240725360</v>
      </c>
      <c r="OR23" s="110">
        <v>1323220983</v>
      </c>
      <c r="OS23" s="130">
        <v>1351832977</v>
      </c>
    </row>
    <row r="24" spans="2:409" ht="21" customHeight="1" x14ac:dyDescent="0.2">
      <c r="B24" s="472" t="s">
        <v>19</v>
      </c>
      <c r="C24" s="100">
        <v>5420885</v>
      </c>
      <c r="D24" s="104">
        <v>9442488</v>
      </c>
      <c r="E24" s="103">
        <v>14863373</v>
      </c>
      <c r="F24" s="99">
        <v>0</v>
      </c>
      <c r="G24" s="104">
        <v>64574423</v>
      </c>
      <c r="H24" s="104">
        <v>71389259</v>
      </c>
      <c r="I24" s="104">
        <v>64661664</v>
      </c>
      <c r="J24" s="104">
        <v>48910080</v>
      </c>
      <c r="K24" s="104">
        <v>40141447</v>
      </c>
      <c r="L24" s="99">
        <v>289676873</v>
      </c>
      <c r="M24" s="106">
        <v>304540246</v>
      </c>
      <c r="N24" s="100">
        <v>1358006</v>
      </c>
      <c r="O24" s="104">
        <v>1806583</v>
      </c>
      <c r="P24" s="103">
        <v>3164589</v>
      </c>
      <c r="Q24" s="100">
        <v>0</v>
      </c>
      <c r="R24" s="104">
        <v>16974324</v>
      </c>
      <c r="S24" s="104">
        <v>17234715</v>
      </c>
      <c r="T24" s="104">
        <v>17932118</v>
      </c>
      <c r="U24" s="104">
        <v>18254749</v>
      </c>
      <c r="V24" s="104">
        <v>18339581</v>
      </c>
      <c r="W24" s="103">
        <v>88735487</v>
      </c>
      <c r="X24" s="106">
        <v>91900076</v>
      </c>
      <c r="Y24" s="100">
        <v>0</v>
      </c>
      <c r="Z24" s="104">
        <v>0</v>
      </c>
      <c r="AA24" s="103">
        <v>0</v>
      </c>
      <c r="AB24" s="100">
        <v>0</v>
      </c>
      <c r="AC24" s="104">
        <v>6905345</v>
      </c>
      <c r="AD24" s="104">
        <v>7915421</v>
      </c>
      <c r="AE24" s="104">
        <v>8864753</v>
      </c>
      <c r="AF24" s="104">
        <v>8931135</v>
      </c>
      <c r="AG24" s="104">
        <v>9902606</v>
      </c>
      <c r="AH24" s="103">
        <v>42519260</v>
      </c>
      <c r="AI24" s="106">
        <v>42519260</v>
      </c>
      <c r="AJ24" s="100">
        <v>20135</v>
      </c>
      <c r="AK24" s="104">
        <v>0</v>
      </c>
      <c r="AL24" s="103">
        <v>20135</v>
      </c>
      <c r="AM24" s="100">
        <v>0</v>
      </c>
      <c r="AN24" s="104">
        <v>273668</v>
      </c>
      <c r="AO24" s="104">
        <v>204603</v>
      </c>
      <c r="AP24" s="104">
        <v>696098</v>
      </c>
      <c r="AQ24" s="104">
        <v>1374081</v>
      </c>
      <c r="AR24" s="104">
        <v>2025997</v>
      </c>
      <c r="AS24" s="103">
        <v>4574447</v>
      </c>
      <c r="AT24" s="106">
        <v>4594582</v>
      </c>
      <c r="AU24" s="100">
        <v>814646</v>
      </c>
      <c r="AV24" s="104">
        <v>1370591</v>
      </c>
      <c r="AW24" s="103">
        <v>2185237</v>
      </c>
      <c r="AX24" s="100">
        <v>0</v>
      </c>
      <c r="AY24" s="104">
        <v>6678757</v>
      </c>
      <c r="AZ24" s="104">
        <v>5744049</v>
      </c>
      <c r="BA24" s="104">
        <v>4828851</v>
      </c>
      <c r="BB24" s="104">
        <v>4784320</v>
      </c>
      <c r="BC24" s="104">
        <v>4106299</v>
      </c>
      <c r="BD24" s="103">
        <v>26142276</v>
      </c>
      <c r="BE24" s="106">
        <v>28327513</v>
      </c>
      <c r="BF24" s="100">
        <v>54441</v>
      </c>
      <c r="BG24" s="104">
        <v>112716</v>
      </c>
      <c r="BH24" s="102">
        <v>167157</v>
      </c>
      <c r="BI24" s="101">
        <v>0</v>
      </c>
      <c r="BJ24" s="104">
        <v>728848</v>
      </c>
      <c r="BK24" s="104">
        <v>282336</v>
      </c>
      <c r="BL24" s="104">
        <v>350309</v>
      </c>
      <c r="BM24" s="104">
        <v>486153</v>
      </c>
      <c r="BN24" s="104">
        <v>110130</v>
      </c>
      <c r="BO24" s="103">
        <v>1957776</v>
      </c>
      <c r="BP24" s="106">
        <v>2124933</v>
      </c>
      <c r="BQ24" s="100">
        <v>468784</v>
      </c>
      <c r="BR24" s="104">
        <v>323276</v>
      </c>
      <c r="BS24" s="103">
        <v>792060</v>
      </c>
      <c r="BT24" s="100">
        <v>0</v>
      </c>
      <c r="BU24" s="104">
        <v>2387706</v>
      </c>
      <c r="BV24" s="104">
        <v>3088306</v>
      </c>
      <c r="BW24" s="104">
        <v>3192107</v>
      </c>
      <c r="BX24" s="104">
        <v>2679060</v>
      </c>
      <c r="BY24" s="104">
        <v>2194549</v>
      </c>
      <c r="BZ24" s="103">
        <v>13541728</v>
      </c>
      <c r="CA24" s="106">
        <v>14333788</v>
      </c>
      <c r="CB24" s="100">
        <v>713934</v>
      </c>
      <c r="CC24" s="104">
        <v>2893923</v>
      </c>
      <c r="CD24" s="103">
        <v>3607857</v>
      </c>
      <c r="CE24" s="100">
        <v>0</v>
      </c>
      <c r="CF24" s="104">
        <v>20206013</v>
      </c>
      <c r="CG24" s="104">
        <v>25344149</v>
      </c>
      <c r="CH24" s="104">
        <v>18947842</v>
      </c>
      <c r="CI24" s="104">
        <v>8933904</v>
      </c>
      <c r="CJ24" s="104">
        <v>6917822</v>
      </c>
      <c r="CK24" s="103">
        <v>80349730</v>
      </c>
      <c r="CL24" s="106">
        <v>83957587</v>
      </c>
      <c r="CM24" s="100">
        <v>0</v>
      </c>
      <c r="CN24" s="104">
        <v>0</v>
      </c>
      <c r="CO24" s="103">
        <v>0</v>
      </c>
      <c r="CP24" s="101">
        <v>0</v>
      </c>
      <c r="CQ24" s="104">
        <v>14822543</v>
      </c>
      <c r="CR24" s="104">
        <v>18307031</v>
      </c>
      <c r="CS24" s="104">
        <v>13042907</v>
      </c>
      <c r="CT24" s="104">
        <v>6366041</v>
      </c>
      <c r="CU24" s="104">
        <v>5538162</v>
      </c>
      <c r="CV24" s="103">
        <v>58076684</v>
      </c>
      <c r="CW24" s="106">
        <v>58076684</v>
      </c>
      <c r="CX24" s="100">
        <v>713934</v>
      </c>
      <c r="CY24" s="104">
        <v>2893923</v>
      </c>
      <c r="CZ24" s="103">
        <v>3607857</v>
      </c>
      <c r="DA24" s="100">
        <v>0</v>
      </c>
      <c r="DB24" s="104">
        <v>5383470</v>
      </c>
      <c r="DC24" s="104">
        <v>7037118</v>
      </c>
      <c r="DD24" s="104">
        <v>5904935</v>
      </c>
      <c r="DE24" s="104">
        <v>2567863</v>
      </c>
      <c r="DF24" s="104">
        <v>1379660</v>
      </c>
      <c r="DG24" s="103">
        <v>22273046</v>
      </c>
      <c r="DH24" s="106">
        <v>25880903</v>
      </c>
      <c r="DI24" s="100">
        <v>0</v>
      </c>
      <c r="DJ24" s="104">
        <v>70068</v>
      </c>
      <c r="DK24" s="102">
        <v>70068</v>
      </c>
      <c r="DL24" s="101">
        <v>0</v>
      </c>
      <c r="DM24" s="104">
        <v>1280285</v>
      </c>
      <c r="DN24" s="104">
        <v>3743794</v>
      </c>
      <c r="DO24" s="104">
        <v>4062377</v>
      </c>
      <c r="DP24" s="104">
        <v>3668101</v>
      </c>
      <c r="DQ24" s="104">
        <v>1691837</v>
      </c>
      <c r="DR24" s="103">
        <v>14446394</v>
      </c>
      <c r="DS24" s="106">
        <v>14516462</v>
      </c>
      <c r="DT24" s="100">
        <v>0</v>
      </c>
      <c r="DU24" s="104">
        <v>70068</v>
      </c>
      <c r="DV24" s="103">
        <v>70068</v>
      </c>
      <c r="DW24" s="100">
        <v>0</v>
      </c>
      <c r="DX24" s="104">
        <v>787474</v>
      </c>
      <c r="DY24" s="104">
        <v>3163936</v>
      </c>
      <c r="DZ24" s="104">
        <v>3601482</v>
      </c>
      <c r="EA24" s="104">
        <v>2663989</v>
      </c>
      <c r="EB24" s="104">
        <v>1370302</v>
      </c>
      <c r="EC24" s="103">
        <v>11587183</v>
      </c>
      <c r="ED24" s="106">
        <v>11657251</v>
      </c>
      <c r="EE24" s="100">
        <v>0</v>
      </c>
      <c r="EF24" s="102">
        <v>0</v>
      </c>
      <c r="EG24" s="103">
        <v>0</v>
      </c>
      <c r="EH24" s="100">
        <v>0</v>
      </c>
      <c r="EI24" s="104">
        <v>492811</v>
      </c>
      <c r="EJ24" s="104">
        <v>579858</v>
      </c>
      <c r="EK24" s="104">
        <v>460895</v>
      </c>
      <c r="EL24" s="104">
        <v>1004112</v>
      </c>
      <c r="EM24" s="104">
        <v>321535</v>
      </c>
      <c r="EN24" s="102">
        <v>2859211</v>
      </c>
      <c r="EO24" s="106">
        <v>2859211</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1561260</v>
      </c>
      <c r="FM24" s="104">
        <v>1806990</v>
      </c>
      <c r="FN24" s="103">
        <v>3368250</v>
      </c>
      <c r="FO24" s="100">
        <v>0</v>
      </c>
      <c r="FP24" s="104">
        <v>4120899</v>
      </c>
      <c r="FQ24" s="104">
        <v>6501344</v>
      </c>
      <c r="FR24" s="104">
        <v>5229353</v>
      </c>
      <c r="FS24" s="104">
        <v>4428896</v>
      </c>
      <c r="FT24" s="104">
        <v>3547724</v>
      </c>
      <c r="FU24" s="103">
        <v>23828216</v>
      </c>
      <c r="FV24" s="106">
        <v>27196466</v>
      </c>
      <c r="FW24" s="105">
        <v>835872</v>
      </c>
      <c r="FX24" s="104">
        <v>1390005</v>
      </c>
      <c r="FY24" s="102">
        <v>2225877</v>
      </c>
      <c r="FZ24" s="101">
        <v>0</v>
      </c>
      <c r="GA24" s="104">
        <v>3518518</v>
      </c>
      <c r="GB24" s="104">
        <v>6058126</v>
      </c>
      <c r="GC24" s="104">
        <v>4693370</v>
      </c>
      <c r="GD24" s="104">
        <v>4081160</v>
      </c>
      <c r="GE24" s="104">
        <v>3487334</v>
      </c>
      <c r="GF24" s="103">
        <v>21838508</v>
      </c>
      <c r="GG24" s="296">
        <v>24064385</v>
      </c>
      <c r="GH24" s="105">
        <v>72745</v>
      </c>
      <c r="GI24" s="104">
        <v>163862</v>
      </c>
      <c r="GJ24" s="102">
        <v>236607</v>
      </c>
      <c r="GK24" s="101">
        <v>0</v>
      </c>
      <c r="GL24" s="104">
        <v>195402</v>
      </c>
      <c r="GM24" s="104">
        <v>178581</v>
      </c>
      <c r="GN24" s="104">
        <v>211566</v>
      </c>
      <c r="GO24" s="104">
        <v>84573</v>
      </c>
      <c r="GP24" s="104">
        <v>60390</v>
      </c>
      <c r="GQ24" s="103">
        <v>730512</v>
      </c>
      <c r="GR24" s="106">
        <v>967119</v>
      </c>
      <c r="GS24" s="100">
        <v>652643</v>
      </c>
      <c r="GT24" s="104">
        <v>253123</v>
      </c>
      <c r="GU24" s="103">
        <v>905766</v>
      </c>
      <c r="GV24" s="100">
        <v>0</v>
      </c>
      <c r="GW24" s="104">
        <v>406979</v>
      </c>
      <c r="GX24" s="104">
        <v>264637</v>
      </c>
      <c r="GY24" s="104">
        <v>324417</v>
      </c>
      <c r="GZ24" s="104">
        <v>263163</v>
      </c>
      <c r="HA24" s="104">
        <v>0</v>
      </c>
      <c r="HB24" s="102">
        <v>1259196</v>
      </c>
      <c r="HC24" s="106">
        <v>2164962</v>
      </c>
      <c r="HD24" s="100">
        <v>832198</v>
      </c>
      <c r="HE24" s="104">
        <v>1493255</v>
      </c>
      <c r="HF24" s="102">
        <v>2325453</v>
      </c>
      <c r="HG24" s="101">
        <v>0</v>
      </c>
      <c r="HH24" s="104">
        <v>11323303</v>
      </c>
      <c r="HI24" s="104">
        <v>10157481</v>
      </c>
      <c r="HJ24" s="104">
        <v>12834643</v>
      </c>
      <c r="HK24" s="104">
        <v>10204854</v>
      </c>
      <c r="HL24" s="104">
        <v>7294901</v>
      </c>
      <c r="HM24" s="103">
        <v>51815182</v>
      </c>
      <c r="HN24" s="99">
        <v>54140635</v>
      </c>
      <c r="HO24" s="105">
        <v>955487</v>
      </c>
      <c r="HP24" s="104">
        <v>1371669</v>
      </c>
      <c r="HQ24" s="103">
        <v>2327156</v>
      </c>
      <c r="HR24" s="100">
        <v>0</v>
      </c>
      <c r="HS24" s="104">
        <v>10669599</v>
      </c>
      <c r="HT24" s="104">
        <v>8407776</v>
      </c>
      <c r="HU24" s="104">
        <v>5655331</v>
      </c>
      <c r="HV24" s="104">
        <v>3419576</v>
      </c>
      <c r="HW24" s="104">
        <v>2349582</v>
      </c>
      <c r="HX24" s="102">
        <v>30501864</v>
      </c>
      <c r="HY24" s="106">
        <v>32829020</v>
      </c>
      <c r="HZ24" s="137">
        <v>0</v>
      </c>
      <c r="IA24" s="122">
        <v>282255</v>
      </c>
      <c r="IB24" s="137">
        <v>282255</v>
      </c>
      <c r="IC24" s="121">
        <v>0</v>
      </c>
      <c r="ID24" s="122">
        <v>14076755</v>
      </c>
      <c r="IE24" s="123">
        <v>24378303</v>
      </c>
      <c r="IF24" s="124">
        <v>27733654</v>
      </c>
      <c r="IG24" s="122">
        <v>16401939</v>
      </c>
      <c r="IH24" s="124">
        <v>13786481</v>
      </c>
      <c r="II24" s="125">
        <v>96377132</v>
      </c>
      <c r="IJ24" s="137">
        <v>96659387</v>
      </c>
      <c r="IK24" s="219">
        <v>0</v>
      </c>
      <c r="IL24" s="223">
        <v>0</v>
      </c>
      <c r="IM24" s="224">
        <v>0</v>
      </c>
      <c r="IN24" s="127"/>
      <c r="IO24" s="109">
        <v>859549</v>
      </c>
      <c r="IP24" s="109">
        <v>1380857</v>
      </c>
      <c r="IQ24" s="109">
        <v>897203</v>
      </c>
      <c r="IR24" s="109">
        <v>703709</v>
      </c>
      <c r="IS24" s="109">
        <v>1415842</v>
      </c>
      <c r="IT24" s="128">
        <v>5257160</v>
      </c>
      <c r="IU24" s="298">
        <v>5257160</v>
      </c>
      <c r="IV24" s="129">
        <v>0</v>
      </c>
      <c r="IW24" s="109">
        <v>0</v>
      </c>
      <c r="IX24" s="110">
        <v>0</v>
      </c>
      <c r="IY24" s="131"/>
      <c r="IZ24" s="109">
        <v>22918</v>
      </c>
      <c r="JA24" s="109">
        <v>29495</v>
      </c>
      <c r="JB24" s="109">
        <v>34377</v>
      </c>
      <c r="JC24" s="109">
        <v>72162</v>
      </c>
      <c r="JD24" s="109">
        <v>67563</v>
      </c>
      <c r="JE24" s="110">
        <v>226515</v>
      </c>
      <c r="JF24" s="111">
        <v>226515</v>
      </c>
      <c r="JG24" s="129">
        <v>0</v>
      </c>
      <c r="JH24" s="109">
        <v>0</v>
      </c>
      <c r="JI24" s="128">
        <v>0</v>
      </c>
      <c r="JJ24" s="108">
        <v>0</v>
      </c>
      <c r="JK24" s="109">
        <v>5743564</v>
      </c>
      <c r="JL24" s="109">
        <v>7249876</v>
      </c>
      <c r="JM24" s="109">
        <v>5008729</v>
      </c>
      <c r="JN24" s="109">
        <v>3428571</v>
      </c>
      <c r="JO24" s="109">
        <v>1437645</v>
      </c>
      <c r="JP24" s="110">
        <v>22868385</v>
      </c>
      <c r="JQ24" s="298">
        <v>22868385</v>
      </c>
      <c r="JR24" s="129">
        <v>0</v>
      </c>
      <c r="JS24" s="109">
        <v>0</v>
      </c>
      <c r="JT24" s="128">
        <v>0</v>
      </c>
      <c r="JU24" s="108">
        <v>0</v>
      </c>
      <c r="JV24" s="109">
        <v>1009577</v>
      </c>
      <c r="JW24" s="109">
        <v>1857924</v>
      </c>
      <c r="JX24" s="109">
        <v>3028219</v>
      </c>
      <c r="JY24" s="109">
        <v>425220</v>
      </c>
      <c r="JZ24" s="109">
        <v>610961</v>
      </c>
      <c r="KA24" s="110">
        <v>6931901</v>
      </c>
      <c r="KB24" s="298">
        <v>6931901</v>
      </c>
      <c r="KC24" s="221">
        <v>0</v>
      </c>
      <c r="KD24" s="217">
        <v>282255</v>
      </c>
      <c r="KE24" s="110">
        <v>282255</v>
      </c>
      <c r="KF24" s="108">
        <v>0</v>
      </c>
      <c r="KG24" s="109">
        <v>2765994</v>
      </c>
      <c r="KH24" s="109">
        <v>7355242</v>
      </c>
      <c r="KI24" s="109">
        <v>7767282</v>
      </c>
      <c r="KJ24" s="109">
        <v>4868466</v>
      </c>
      <c r="KK24" s="109">
        <v>3069132</v>
      </c>
      <c r="KL24" s="110">
        <v>25826116</v>
      </c>
      <c r="KM24" s="130">
        <v>26108371</v>
      </c>
      <c r="KN24" s="219">
        <v>0</v>
      </c>
      <c r="KO24" s="223">
        <v>0</v>
      </c>
      <c r="KP24" s="224">
        <v>0</v>
      </c>
      <c r="KQ24" s="127"/>
      <c r="KR24" s="109">
        <v>3675153</v>
      </c>
      <c r="KS24" s="109">
        <v>6131349</v>
      </c>
      <c r="KT24" s="109">
        <v>9265772</v>
      </c>
      <c r="KU24" s="109">
        <v>5762167</v>
      </c>
      <c r="KV24" s="109">
        <v>4024747</v>
      </c>
      <c r="KW24" s="110">
        <v>28859188</v>
      </c>
      <c r="KX24" s="298">
        <v>28859188</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0</v>
      </c>
      <c r="LZ24" s="109">
        <v>373560</v>
      </c>
      <c r="MA24" s="109">
        <v>1732072</v>
      </c>
      <c r="MB24" s="109">
        <v>1141644</v>
      </c>
      <c r="MC24" s="109">
        <v>3160591</v>
      </c>
      <c r="MD24" s="110">
        <v>6407867</v>
      </c>
      <c r="ME24" s="111">
        <v>6407867</v>
      </c>
      <c r="MF24" s="129">
        <v>0</v>
      </c>
      <c r="MG24" s="109">
        <v>0</v>
      </c>
      <c r="MH24" s="110">
        <v>0</v>
      </c>
      <c r="MI24" s="132"/>
      <c r="MJ24" s="109">
        <v>4696088</v>
      </c>
      <c r="MK24" s="109">
        <v>14691101</v>
      </c>
      <c r="ML24" s="109">
        <v>51684882</v>
      </c>
      <c r="MM24" s="109">
        <v>57566983</v>
      </c>
      <c r="MN24" s="109">
        <v>43078928</v>
      </c>
      <c r="MO24" s="110">
        <v>171717982</v>
      </c>
      <c r="MP24" s="130">
        <v>171717982</v>
      </c>
      <c r="MQ24" s="129">
        <v>0</v>
      </c>
      <c r="MR24" s="109">
        <v>0</v>
      </c>
      <c r="MS24" s="110">
        <v>0</v>
      </c>
      <c r="MT24" s="132"/>
      <c r="MU24" s="109">
        <v>211522</v>
      </c>
      <c r="MV24" s="109">
        <v>988827</v>
      </c>
      <c r="MW24" s="109">
        <v>30809939</v>
      </c>
      <c r="MX24" s="109">
        <v>33195737</v>
      </c>
      <c r="MY24" s="109">
        <v>31910316</v>
      </c>
      <c r="MZ24" s="110">
        <v>97116341</v>
      </c>
      <c r="NA24" s="130">
        <v>97116341</v>
      </c>
      <c r="NB24" s="129">
        <v>0</v>
      </c>
      <c r="NC24" s="109">
        <v>0</v>
      </c>
      <c r="ND24" s="110">
        <v>0</v>
      </c>
      <c r="NE24" s="132"/>
      <c r="NF24" s="109">
        <v>4484566</v>
      </c>
      <c r="NG24" s="109">
        <v>13702274</v>
      </c>
      <c r="NH24" s="109">
        <v>20874943</v>
      </c>
      <c r="NI24" s="109">
        <v>22851243</v>
      </c>
      <c r="NJ24" s="109">
        <v>8233821</v>
      </c>
      <c r="NK24" s="110">
        <v>70146847</v>
      </c>
      <c r="NL24" s="298">
        <v>70146847</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1520003</v>
      </c>
      <c r="OF24" s="109">
        <v>2934791</v>
      </c>
      <c r="OG24" s="110">
        <v>4454794</v>
      </c>
      <c r="OH24" s="111">
        <v>4454794</v>
      </c>
      <c r="OI24" s="129">
        <v>5420885</v>
      </c>
      <c r="OJ24" s="109">
        <v>9724743</v>
      </c>
      <c r="OK24" s="128">
        <v>15145628</v>
      </c>
      <c r="OL24" s="108">
        <v>0</v>
      </c>
      <c r="OM24" s="109">
        <v>83347266</v>
      </c>
      <c r="ON24" s="109">
        <v>110458663</v>
      </c>
      <c r="OO24" s="109">
        <v>144080200</v>
      </c>
      <c r="OP24" s="109">
        <v>122879002</v>
      </c>
      <c r="OQ24" s="109">
        <v>97006856</v>
      </c>
      <c r="OR24" s="110">
        <v>557771987</v>
      </c>
      <c r="OS24" s="130">
        <v>572917615</v>
      </c>
    </row>
    <row r="25" spans="2:409" ht="21" customHeight="1" x14ac:dyDescent="0.2">
      <c r="B25" s="472" t="s">
        <v>20</v>
      </c>
      <c r="C25" s="100">
        <v>5107550</v>
      </c>
      <c r="D25" s="104">
        <v>11944252</v>
      </c>
      <c r="E25" s="103">
        <v>17051802</v>
      </c>
      <c r="F25" s="100">
        <v>0</v>
      </c>
      <c r="G25" s="104">
        <v>86650069</v>
      </c>
      <c r="H25" s="104">
        <v>82829896</v>
      </c>
      <c r="I25" s="104">
        <v>81625341</v>
      </c>
      <c r="J25" s="104">
        <v>72545493</v>
      </c>
      <c r="K25" s="104">
        <v>46000968</v>
      </c>
      <c r="L25" s="160">
        <v>369651767</v>
      </c>
      <c r="M25" s="106">
        <v>386703569</v>
      </c>
      <c r="N25" s="100">
        <v>1617698</v>
      </c>
      <c r="O25" s="104">
        <v>4363203</v>
      </c>
      <c r="P25" s="103">
        <v>5980901</v>
      </c>
      <c r="Q25" s="100">
        <v>0</v>
      </c>
      <c r="R25" s="104">
        <v>25577842</v>
      </c>
      <c r="S25" s="104">
        <v>24561704</v>
      </c>
      <c r="T25" s="104">
        <v>27709220</v>
      </c>
      <c r="U25" s="104">
        <v>27292168</v>
      </c>
      <c r="V25" s="104">
        <v>22575496</v>
      </c>
      <c r="W25" s="103">
        <v>127716430</v>
      </c>
      <c r="X25" s="106">
        <v>133697331</v>
      </c>
      <c r="Y25" s="100">
        <v>0</v>
      </c>
      <c r="Z25" s="104">
        <v>0</v>
      </c>
      <c r="AA25" s="103">
        <v>0</v>
      </c>
      <c r="AB25" s="100">
        <v>0</v>
      </c>
      <c r="AC25" s="104">
        <v>10374070</v>
      </c>
      <c r="AD25" s="104">
        <v>10448245</v>
      </c>
      <c r="AE25" s="104">
        <v>15505438</v>
      </c>
      <c r="AF25" s="104">
        <v>15614359</v>
      </c>
      <c r="AG25" s="104">
        <v>13151460</v>
      </c>
      <c r="AH25" s="103">
        <v>65093572</v>
      </c>
      <c r="AI25" s="106">
        <v>65093572</v>
      </c>
      <c r="AJ25" s="100">
        <v>0</v>
      </c>
      <c r="AK25" s="104">
        <v>0</v>
      </c>
      <c r="AL25" s="103">
        <v>0</v>
      </c>
      <c r="AM25" s="100">
        <v>0</v>
      </c>
      <c r="AN25" s="104">
        <v>163498</v>
      </c>
      <c r="AO25" s="104">
        <v>279816</v>
      </c>
      <c r="AP25" s="104">
        <v>968234</v>
      </c>
      <c r="AQ25" s="104">
        <v>1526284</v>
      </c>
      <c r="AR25" s="104">
        <v>2742388</v>
      </c>
      <c r="AS25" s="103">
        <v>5680220</v>
      </c>
      <c r="AT25" s="106">
        <v>5680220</v>
      </c>
      <c r="AU25" s="100">
        <v>951599</v>
      </c>
      <c r="AV25" s="104">
        <v>2813992</v>
      </c>
      <c r="AW25" s="103">
        <v>3765591</v>
      </c>
      <c r="AX25" s="100">
        <v>0</v>
      </c>
      <c r="AY25" s="104">
        <v>9695658</v>
      </c>
      <c r="AZ25" s="104">
        <v>8409556</v>
      </c>
      <c r="BA25" s="104">
        <v>5296857</v>
      </c>
      <c r="BB25" s="104">
        <v>5233920</v>
      </c>
      <c r="BC25" s="104">
        <v>3460967</v>
      </c>
      <c r="BD25" s="103">
        <v>32096958</v>
      </c>
      <c r="BE25" s="106">
        <v>35862549</v>
      </c>
      <c r="BF25" s="100">
        <v>309029</v>
      </c>
      <c r="BG25" s="104">
        <v>1064387</v>
      </c>
      <c r="BH25" s="102">
        <v>1373416</v>
      </c>
      <c r="BI25" s="101">
        <v>0</v>
      </c>
      <c r="BJ25" s="104">
        <v>1926806</v>
      </c>
      <c r="BK25" s="104">
        <v>1960329</v>
      </c>
      <c r="BL25" s="104">
        <v>1611239</v>
      </c>
      <c r="BM25" s="104">
        <v>1193922</v>
      </c>
      <c r="BN25" s="104">
        <v>670154</v>
      </c>
      <c r="BO25" s="103">
        <v>7362450</v>
      </c>
      <c r="BP25" s="106">
        <v>8735866</v>
      </c>
      <c r="BQ25" s="100">
        <v>357070</v>
      </c>
      <c r="BR25" s="104">
        <v>484824</v>
      </c>
      <c r="BS25" s="103">
        <v>841894</v>
      </c>
      <c r="BT25" s="100">
        <v>0</v>
      </c>
      <c r="BU25" s="104">
        <v>3417810</v>
      </c>
      <c r="BV25" s="104">
        <v>3463758</v>
      </c>
      <c r="BW25" s="104">
        <v>4327452</v>
      </c>
      <c r="BX25" s="104">
        <v>3723683</v>
      </c>
      <c r="BY25" s="104">
        <v>2550527</v>
      </c>
      <c r="BZ25" s="103">
        <v>17483230</v>
      </c>
      <c r="CA25" s="106">
        <v>18325124</v>
      </c>
      <c r="CB25" s="100">
        <v>429042</v>
      </c>
      <c r="CC25" s="104">
        <v>1359567</v>
      </c>
      <c r="CD25" s="103">
        <v>1788609</v>
      </c>
      <c r="CE25" s="100">
        <v>0</v>
      </c>
      <c r="CF25" s="104">
        <v>25599137</v>
      </c>
      <c r="CG25" s="104">
        <v>26639986</v>
      </c>
      <c r="CH25" s="104">
        <v>19169879</v>
      </c>
      <c r="CI25" s="104">
        <v>13052300</v>
      </c>
      <c r="CJ25" s="104">
        <v>5121304</v>
      </c>
      <c r="CK25" s="103">
        <v>89582606</v>
      </c>
      <c r="CL25" s="106">
        <v>91371215</v>
      </c>
      <c r="CM25" s="100">
        <v>0</v>
      </c>
      <c r="CN25" s="104">
        <v>0</v>
      </c>
      <c r="CO25" s="103">
        <v>0</v>
      </c>
      <c r="CP25" s="101">
        <v>0</v>
      </c>
      <c r="CQ25" s="104">
        <v>19411724</v>
      </c>
      <c r="CR25" s="104">
        <v>20099042</v>
      </c>
      <c r="CS25" s="104">
        <v>15560251</v>
      </c>
      <c r="CT25" s="104">
        <v>10010727</v>
      </c>
      <c r="CU25" s="104">
        <v>3836568</v>
      </c>
      <c r="CV25" s="103">
        <v>68918312</v>
      </c>
      <c r="CW25" s="106">
        <v>68918312</v>
      </c>
      <c r="CX25" s="100">
        <v>429042</v>
      </c>
      <c r="CY25" s="104">
        <v>1359567</v>
      </c>
      <c r="CZ25" s="103">
        <v>1788609</v>
      </c>
      <c r="DA25" s="100">
        <v>0</v>
      </c>
      <c r="DB25" s="104">
        <v>6187413</v>
      </c>
      <c r="DC25" s="104">
        <v>6540944</v>
      </c>
      <c r="DD25" s="104">
        <v>3609628</v>
      </c>
      <c r="DE25" s="104">
        <v>3041573</v>
      </c>
      <c r="DF25" s="104">
        <v>1284736</v>
      </c>
      <c r="DG25" s="103">
        <v>20664294</v>
      </c>
      <c r="DH25" s="106">
        <v>22452903</v>
      </c>
      <c r="DI25" s="100">
        <v>34058</v>
      </c>
      <c r="DJ25" s="104">
        <v>-52536</v>
      </c>
      <c r="DK25" s="102">
        <v>-18478</v>
      </c>
      <c r="DL25" s="101">
        <v>0</v>
      </c>
      <c r="DM25" s="104">
        <v>2980988</v>
      </c>
      <c r="DN25" s="104">
        <v>4279182</v>
      </c>
      <c r="DO25" s="104">
        <v>8105595</v>
      </c>
      <c r="DP25" s="104">
        <v>8303415</v>
      </c>
      <c r="DQ25" s="104">
        <v>3601216</v>
      </c>
      <c r="DR25" s="103">
        <v>27270396</v>
      </c>
      <c r="DS25" s="106">
        <v>27251918</v>
      </c>
      <c r="DT25" s="100">
        <v>34058</v>
      </c>
      <c r="DU25" s="104">
        <v>-52536</v>
      </c>
      <c r="DV25" s="103">
        <v>-18478</v>
      </c>
      <c r="DW25" s="100">
        <v>0</v>
      </c>
      <c r="DX25" s="104">
        <v>2699181</v>
      </c>
      <c r="DY25" s="104">
        <v>4136142</v>
      </c>
      <c r="DZ25" s="104">
        <v>7639911</v>
      </c>
      <c r="EA25" s="104">
        <v>7898563</v>
      </c>
      <c r="EB25" s="104">
        <v>3338541</v>
      </c>
      <c r="EC25" s="103">
        <v>25712338</v>
      </c>
      <c r="ED25" s="106">
        <v>25693860</v>
      </c>
      <c r="EE25" s="100">
        <v>0</v>
      </c>
      <c r="EF25" s="102">
        <v>0</v>
      </c>
      <c r="EG25" s="103">
        <v>0</v>
      </c>
      <c r="EH25" s="100">
        <v>0</v>
      </c>
      <c r="EI25" s="104">
        <v>281807</v>
      </c>
      <c r="EJ25" s="104">
        <v>143040</v>
      </c>
      <c r="EK25" s="104">
        <v>465684</v>
      </c>
      <c r="EL25" s="104">
        <v>404852</v>
      </c>
      <c r="EM25" s="104">
        <v>262675</v>
      </c>
      <c r="EN25" s="102">
        <v>1558058</v>
      </c>
      <c r="EO25" s="106">
        <v>1558058</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1236196</v>
      </c>
      <c r="FM25" s="104">
        <v>2862150</v>
      </c>
      <c r="FN25" s="103">
        <v>4098346</v>
      </c>
      <c r="FO25" s="100">
        <v>0</v>
      </c>
      <c r="FP25" s="104">
        <v>5898679</v>
      </c>
      <c r="FQ25" s="104">
        <v>7730612</v>
      </c>
      <c r="FR25" s="104">
        <v>6051859</v>
      </c>
      <c r="FS25" s="104">
        <v>5407183</v>
      </c>
      <c r="FT25" s="104">
        <v>3382329</v>
      </c>
      <c r="FU25" s="103">
        <v>28470662</v>
      </c>
      <c r="FV25" s="106">
        <v>32569008</v>
      </c>
      <c r="FW25" s="105">
        <v>774406</v>
      </c>
      <c r="FX25" s="104">
        <v>2334466</v>
      </c>
      <c r="FY25" s="102">
        <v>3108872</v>
      </c>
      <c r="FZ25" s="101">
        <v>0</v>
      </c>
      <c r="GA25" s="104">
        <v>4956775</v>
      </c>
      <c r="GB25" s="104">
        <v>6576105</v>
      </c>
      <c r="GC25" s="104">
        <v>5568789</v>
      </c>
      <c r="GD25" s="104">
        <v>4968847</v>
      </c>
      <c r="GE25" s="104">
        <v>3382329</v>
      </c>
      <c r="GF25" s="103">
        <v>25452845</v>
      </c>
      <c r="GG25" s="296">
        <v>28561717</v>
      </c>
      <c r="GH25" s="105">
        <v>14400</v>
      </c>
      <c r="GI25" s="104">
        <v>195184</v>
      </c>
      <c r="GJ25" s="102">
        <v>209584</v>
      </c>
      <c r="GK25" s="101">
        <v>0</v>
      </c>
      <c r="GL25" s="104">
        <v>306852</v>
      </c>
      <c r="GM25" s="104">
        <v>197343</v>
      </c>
      <c r="GN25" s="104">
        <v>233320</v>
      </c>
      <c r="GO25" s="104">
        <v>113202</v>
      </c>
      <c r="GP25" s="104">
        <v>0</v>
      </c>
      <c r="GQ25" s="103">
        <v>850717</v>
      </c>
      <c r="GR25" s="106">
        <v>1060301</v>
      </c>
      <c r="GS25" s="100">
        <v>447390</v>
      </c>
      <c r="GT25" s="104">
        <v>332500</v>
      </c>
      <c r="GU25" s="103">
        <v>779890</v>
      </c>
      <c r="GV25" s="100">
        <v>0</v>
      </c>
      <c r="GW25" s="104">
        <v>635052</v>
      </c>
      <c r="GX25" s="104">
        <v>957164</v>
      </c>
      <c r="GY25" s="104">
        <v>249750</v>
      </c>
      <c r="GZ25" s="104">
        <v>325134</v>
      </c>
      <c r="HA25" s="104">
        <v>0</v>
      </c>
      <c r="HB25" s="102">
        <v>2167100</v>
      </c>
      <c r="HC25" s="106">
        <v>2946990</v>
      </c>
      <c r="HD25" s="100">
        <v>823200</v>
      </c>
      <c r="HE25" s="104">
        <v>1314369</v>
      </c>
      <c r="HF25" s="102">
        <v>2137569</v>
      </c>
      <c r="HG25" s="101">
        <v>0</v>
      </c>
      <c r="HH25" s="104">
        <v>12728380</v>
      </c>
      <c r="HI25" s="104">
        <v>10234334</v>
      </c>
      <c r="HJ25" s="104">
        <v>13426245</v>
      </c>
      <c r="HK25" s="104">
        <v>13412246</v>
      </c>
      <c r="HL25" s="104">
        <v>8861338</v>
      </c>
      <c r="HM25" s="103">
        <v>58662543</v>
      </c>
      <c r="HN25" s="99">
        <v>60800112</v>
      </c>
      <c r="HO25" s="105">
        <v>967356</v>
      </c>
      <c r="HP25" s="104">
        <v>2097499</v>
      </c>
      <c r="HQ25" s="103">
        <v>3064855</v>
      </c>
      <c r="HR25" s="100">
        <v>0</v>
      </c>
      <c r="HS25" s="104">
        <v>13865043</v>
      </c>
      <c r="HT25" s="104">
        <v>9384078</v>
      </c>
      <c r="HU25" s="104">
        <v>7162543</v>
      </c>
      <c r="HV25" s="104">
        <v>5078181</v>
      </c>
      <c r="HW25" s="104">
        <v>2459285</v>
      </c>
      <c r="HX25" s="102">
        <v>37949130</v>
      </c>
      <c r="HY25" s="106">
        <v>41013985</v>
      </c>
      <c r="HZ25" s="118">
        <v>0</v>
      </c>
      <c r="IA25" s="119">
        <v>130270</v>
      </c>
      <c r="IB25" s="120">
        <v>130270</v>
      </c>
      <c r="IC25" s="133">
        <v>0</v>
      </c>
      <c r="ID25" s="119">
        <v>12898867</v>
      </c>
      <c r="IE25" s="134">
        <v>15998908</v>
      </c>
      <c r="IF25" s="120">
        <v>21969773</v>
      </c>
      <c r="IG25" s="119">
        <v>7378052</v>
      </c>
      <c r="IH25" s="120">
        <v>7436818</v>
      </c>
      <c r="II25" s="135">
        <v>65682418</v>
      </c>
      <c r="IJ25" s="126">
        <v>65812688</v>
      </c>
      <c r="IK25" s="219">
        <v>0</v>
      </c>
      <c r="IL25" s="223">
        <v>0</v>
      </c>
      <c r="IM25" s="224">
        <v>0</v>
      </c>
      <c r="IN25" s="127"/>
      <c r="IO25" s="109">
        <v>90882</v>
      </c>
      <c r="IP25" s="109">
        <v>84598</v>
      </c>
      <c r="IQ25" s="109">
        <v>0</v>
      </c>
      <c r="IR25" s="109">
        <v>0</v>
      </c>
      <c r="IS25" s="109">
        <v>261743</v>
      </c>
      <c r="IT25" s="128">
        <v>437223</v>
      </c>
      <c r="IU25" s="298">
        <v>437223</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6979090</v>
      </c>
      <c r="JL25" s="109">
        <v>5284381</v>
      </c>
      <c r="JM25" s="109">
        <v>5947904</v>
      </c>
      <c r="JN25" s="109">
        <v>1681204</v>
      </c>
      <c r="JO25" s="109">
        <v>716111</v>
      </c>
      <c r="JP25" s="110">
        <v>20608690</v>
      </c>
      <c r="JQ25" s="298">
        <v>20608690</v>
      </c>
      <c r="JR25" s="129">
        <v>0</v>
      </c>
      <c r="JS25" s="109">
        <v>0</v>
      </c>
      <c r="JT25" s="128">
        <v>0</v>
      </c>
      <c r="JU25" s="108">
        <v>0</v>
      </c>
      <c r="JV25" s="109">
        <v>208849</v>
      </c>
      <c r="JW25" s="109">
        <v>56247</v>
      </c>
      <c r="JX25" s="109">
        <v>571346</v>
      </c>
      <c r="JY25" s="109">
        <v>0</v>
      </c>
      <c r="JZ25" s="109">
        <v>336364</v>
      </c>
      <c r="KA25" s="110">
        <v>1172806</v>
      </c>
      <c r="KB25" s="298">
        <v>1172806</v>
      </c>
      <c r="KC25" s="221">
        <v>0</v>
      </c>
      <c r="KD25" s="217">
        <v>130270</v>
      </c>
      <c r="KE25" s="110">
        <v>130270</v>
      </c>
      <c r="KF25" s="108">
        <v>0</v>
      </c>
      <c r="KG25" s="109">
        <v>2735761</v>
      </c>
      <c r="KH25" s="109">
        <v>1425169</v>
      </c>
      <c r="KI25" s="109">
        <v>2264121</v>
      </c>
      <c r="KJ25" s="109">
        <v>532580</v>
      </c>
      <c r="KK25" s="109">
        <v>611299</v>
      </c>
      <c r="KL25" s="110">
        <v>7568930</v>
      </c>
      <c r="KM25" s="130">
        <v>7699200</v>
      </c>
      <c r="KN25" s="219">
        <v>0</v>
      </c>
      <c r="KO25" s="223">
        <v>0</v>
      </c>
      <c r="KP25" s="224">
        <v>0</v>
      </c>
      <c r="KQ25" s="127"/>
      <c r="KR25" s="109">
        <v>2884285</v>
      </c>
      <c r="KS25" s="109">
        <v>9148513</v>
      </c>
      <c r="KT25" s="109">
        <v>13186402</v>
      </c>
      <c r="KU25" s="109">
        <v>5164268</v>
      </c>
      <c r="KV25" s="109">
        <v>5511301</v>
      </c>
      <c r="KW25" s="110">
        <v>35894769</v>
      </c>
      <c r="KX25" s="298">
        <v>35894769</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6194002</v>
      </c>
      <c r="MK25" s="109">
        <v>18262677</v>
      </c>
      <c r="ML25" s="109">
        <v>49836396</v>
      </c>
      <c r="MM25" s="109">
        <v>81624348</v>
      </c>
      <c r="MN25" s="109">
        <v>43842519</v>
      </c>
      <c r="MO25" s="110">
        <v>199759942</v>
      </c>
      <c r="MP25" s="130">
        <v>199759942</v>
      </c>
      <c r="MQ25" s="129">
        <v>0</v>
      </c>
      <c r="MR25" s="109">
        <v>0</v>
      </c>
      <c r="MS25" s="110">
        <v>0</v>
      </c>
      <c r="MT25" s="132"/>
      <c r="MU25" s="109">
        <v>1089989</v>
      </c>
      <c r="MV25" s="109">
        <v>7451994</v>
      </c>
      <c r="MW25" s="109">
        <v>37378408</v>
      </c>
      <c r="MX25" s="109">
        <v>64844230</v>
      </c>
      <c r="MY25" s="109">
        <v>35016018</v>
      </c>
      <c r="MZ25" s="110">
        <v>145780639</v>
      </c>
      <c r="NA25" s="130">
        <v>145780639</v>
      </c>
      <c r="NB25" s="129">
        <v>0</v>
      </c>
      <c r="NC25" s="109">
        <v>0</v>
      </c>
      <c r="ND25" s="110">
        <v>0</v>
      </c>
      <c r="NE25" s="132"/>
      <c r="NF25" s="109">
        <v>5104013</v>
      </c>
      <c r="NG25" s="109">
        <v>10810683</v>
      </c>
      <c r="NH25" s="109">
        <v>12457988</v>
      </c>
      <c r="NI25" s="109">
        <v>15699512</v>
      </c>
      <c r="NJ25" s="109">
        <v>7577480</v>
      </c>
      <c r="NK25" s="110">
        <v>51649676</v>
      </c>
      <c r="NL25" s="298">
        <v>51649676</v>
      </c>
      <c r="NM25" s="129">
        <v>0</v>
      </c>
      <c r="NN25" s="109">
        <v>0</v>
      </c>
      <c r="NO25" s="110">
        <v>0</v>
      </c>
      <c r="NP25" s="132"/>
      <c r="NQ25" s="109">
        <v>0</v>
      </c>
      <c r="NR25" s="109">
        <v>0</v>
      </c>
      <c r="NS25" s="109">
        <v>0</v>
      </c>
      <c r="NT25" s="109">
        <v>361190</v>
      </c>
      <c r="NU25" s="109">
        <v>0</v>
      </c>
      <c r="NV25" s="110">
        <v>361190</v>
      </c>
      <c r="NW25" s="111">
        <v>361190</v>
      </c>
      <c r="NX25" s="129">
        <v>0</v>
      </c>
      <c r="NY25" s="109">
        <v>0</v>
      </c>
      <c r="NZ25" s="110">
        <v>0</v>
      </c>
      <c r="OA25" s="132"/>
      <c r="OB25" s="109">
        <v>0</v>
      </c>
      <c r="OC25" s="109">
        <v>0</v>
      </c>
      <c r="OD25" s="109">
        <v>0</v>
      </c>
      <c r="OE25" s="109">
        <v>719416</v>
      </c>
      <c r="OF25" s="109">
        <v>1249021</v>
      </c>
      <c r="OG25" s="110">
        <v>1968437</v>
      </c>
      <c r="OH25" s="111">
        <v>1968437</v>
      </c>
      <c r="OI25" s="129">
        <v>5107550</v>
      </c>
      <c r="OJ25" s="109">
        <v>12074522</v>
      </c>
      <c r="OK25" s="128">
        <v>17182072</v>
      </c>
      <c r="OL25" s="108">
        <v>0</v>
      </c>
      <c r="OM25" s="109">
        <v>105742938</v>
      </c>
      <c r="ON25" s="109">
        <v>117091481</v>
      </c>
      <c r="OO25" s="109">
        <v>153431510</v>
      </c>
      <c r="OP25" s="109">
        <v>161547893</v>
      </c>
      <c r="OQ25" s="109">
        <v>97280305</v>
      </c>
      <c r="OR25" s="110">
        <v>635094127</v>
      </c>
      <c r="OS25" s="130">
        <v>652276199</v>
      </c>
    </row>
    <row r="26" spans="2:409" ht="21" customHeight="1" x14ac:dyDescent="0.2">
      <c r="B26" s="472" t="s">
        <v>21</v>
      </c>
      <c r="C26" s="100">
        <v>8170320</v>
      </c>
      <c r="D26" s="104">
        <v>11844073</v>
      </c>
      <c r="E26" s="103">
        <v>20014393</v>
      </c>
      <c r="F26" s="99">
        <v>0</v>
      </c>
      <c r="G26" s="104">
        <v>69763690</v>
      </c>
      <c r="H26" s="104">
        <v>106100581</v>
      </c>
      <c r="I26" s="104">
        <v>92383200</v>
      </c>
      <c r="J26" s="104">
        <v>82361240</v>
      </c>
      <c r="K26" s="104">
        <v>59419604</v>
      </c>
      <c r="L26" s="160">
        <v>410028315</v>
      </c>
      <c r="M26" s="106">
        <v>430042708</v>
      </c>
      <c r="N26" s="100">
        <v>2404684</v>
      </c>
      <c r="O26" s="104">
        <v>4288667</v>
      </c>
      <c r="P26" s="103">
        <v>6693351</v>
      </c>
      <c r="Q26" s="100">
        <v>0</v>
      </c>
      <c r="R26" s="104">
        <v>21985119</v>
      </c>
      <c r="S26" s="104">
        <v>39672761</v>
      </c>
      <c r="T26" s="104">
        <v>31822285</v>
      </c>
      <c r="U26" s="104">
        <v>34696055</v>
      </c>
      <c r="V26" s="104">
        <v>28536380</v>
      </c>
      <c r="W26" s="103">
        <v>156712600</v>
      </c>
      <c r="X26" s="106">
        <v>163405951</v>
      </c>
      <c r="Y26" s="100">
        <v>0</v>
      </c>
      <c r="Z26" s="104">
        <v>0</v>
      </c>
      <c r="AA26" s="103">
        <v>0</v>
      </c>
      <c r="AB26" s="100">
        <v>0</v>
      </c>
      <c r="AC26" s="104">
        <v>9242366</v>
      </c>
      <c r="AD26" s="104">
        <v>20620074</v>
      </c>
      <c r="AE26" s="104">
        <v>17523023</v>
      </c>
      <c r="AF26" s="104">
        <v>21949183</v>
      </c>
      <c r="AG26" s="104">
        <v>16543527</v>
      </c>
      <c r="AH26" s="103">
        <v>85878173</v>
      </c>
      <c r="AI26" s="106">
        <v>85878173</v>
      </c>
      <c r="AJ26" s="100">
        <v>0</v>
      </c>
      <c r="AK26" s="104">
        <v>0</v>
      </c>
      <c r="AL26" s="103">
        <v>0</v>
      </c>
      <c r="AM26" s="100">
        <v>0</v>
      </c>
      <c r="AN26" s="104">
        <v>15793</v>
      </c>
      <c r="AO26" s="104">
        <v>318045</v>
      </c>
      <c r="AP26" s="104">
        <v>783733</v>
      </c>
      <c r="AQ26" s="104">
        <v>1932288</v>
      </c>
      <c r="AR26" s="104">
        <v>2850659</v>
      </c>
      <c r="AS26" s="103">
        <v>5900518</v>
      </c>
      <c r="AT26" s="106">
        <v>5900518</v>
      </c>
      <c r="AU26" s="100">
        <v>1302843</v>
      </c>
      <c r="AV26" s="104">
        <v>2953786</v>
      </c>
      <c r="AW26" s="103">
        <v>4256629</v>
      </c>
      <c r="AX26" s="100">
        <v>0</v>
      </c>
      <c r="AY26" s="104">
        <v>8411738</v>
      </c>
      <c r="AZ26" s="104">
        <v>12212283</v>
      </c>
      <c r="BA26" s="104">
        <v>7932042</v>
      </c>
      <c r="BB26" s="104">
        <v>6395747</v>
      </c>
      <c r="BC26" s="104">
        <v>5522207</v>
      </c>
      <c r="BD26" s="103">
        <v>40474017</v>
      </c>
      <c r="BE26" s="106">
        <v>44730646</v>
      </c>
      <c r="BF26" s="100">
        <v>452924</v>
      </c>
      <c r="BG26" s="104">
        <v>807714</v>
      </c>
      <c r="BH26" s="102">
        <v>1260638</v>
      </c>
      <c r="BI26" s="101">
        <v>0</v>
      </c>
      <c r="BJ26" s="104">
        <v>682342</v>
      </c>
      <c r="BK26" s="104">
        <v>1429496</v>
      </c>
      <c r="BL26" s="104">
        <v>904890</v>
      </c>
      <c r="BM26" s="104">
        <v>547417</v>
      </c>
      <c r="BN26" s="104">
        <v>250912</v>
      </c>
      <c r="BO26" s="103">
        <v>3815057</v>
      </c>
      <c r="BP26" s="106">
        <v>5075695</v>
      </c>
      <c r="BQ26" s="100">
        <v>648917</v>
      </c>
      <c r="BR26" s="104">
        <v>527167</v>
      </c>
      <c r="BS26" s="103">
        <v>1176084</v>
      </c>
      <c r="BT26" s="100">
        <v>0</v>
      </c>
      <c r="BU26" s="104">
        <v>3632880</v>
      </c>
      <c r="BV26" s="104">
        <v>5092863</v>
      </c>
      <c r="BW26" s="104">
        <v>4678597</v>
      </c>
      <c r="BX26" s="104">
        <v>3871420</v>
      </c>
      <c r="BY26" s="104">
        <v>3369075</v>
      </c>
      <c r="BZ26" s="103">
        <v>20644835</v>
      </c>
      <c r="CA26" s="106">
        <v>21820919</v>
      </c>
      <c r="CB26" s="100">
        <v>654936</v>
      </c>
      <c r="CC26" s="104">
        <v>1581927</v>
      </c>
      <c r="CD26" s="103">
        <v>2236863</v>
      </c>
      <c r="CE26" s="100">
        <v>0</v>
      </c>
      <c r="CF26" s="104">
        <v>19962977</v>
      </c>
      <c r="CG26" s="104">
        <v>29310311</v>
      </c>
      <c r="CH26" s="104">
        <v>23426151</v>
      </c>
      <c r="CI26" s="104">
        <v>13917419</v>
      </c>
      <c r="CJ26" s="104">
        <v>5043145</v>
      </c>
      <c r="CK26" s="103">
        <v>91660003</v>
      </c>
      <c r="CL26" s="106">
        <v>93896866</v>
      </c>
      <c r="CM26" s="100">
        <v>0</v>
      </c>
      <c r="CN26" s="104">
        <v>0</v>
      </c>
      <c r="CO26" s="103">
        <v>0</v>
      </c>
      <c r="CP26" s="101">
        <v>0</v>
      </c>
      <c r="CQ26" s="104">
        <v>17269848</v>
      </c>
      <c r="CR26" s="104">
        <v>25396480</v>
      </c>
      <c r="CS26" s="104">
        <v>20885850</v>
      </c>
      <c r="CT26" s="104">
        <v>12242873</v>
      </c>
      <c r="CU26" s="104">
        <v>4235650</v>
      </c>
      <c r="CV26" s="103">
        <v>80030701</v>
      </c>
      <c r="CW26" s="106">
        <v>80030701</v>
      </c>
      <c r="CX26" s="100">
        <v>654936</v>
      </c>
      <c r="CY26" s="104">
        <v>1581927</v>
      </c>
      <c r="CZ26" s="103">
        <v>2236863</v>
      </c>
      <c r="DA26" s="100">
        <v>0</v>
      </c>
      <c r="DB26" s="104">
        <v>2693129</v>
      </c>
      <c r="DC26" s="104">
        <v>3913831</v>
      </c>
      <c r="DD26" s="104">
        <v>2540301</v>
      </c>
      <c r="DE26" s="104">
        <v>1674546</v>
      </c>
      <c r="DF26" s="104">
        <v>807495</v>
      </c>
      <c r="DG26" s="103">
        <v>11629302</v>
      </c>
      <c r="DH26" s="106">
        <v>13866165</v>
      </c>
      <c r="DI26" s="100">
        <v>20641</v>
      </c>
      <c r="DJ26" s="104">
        <v>88714</v>
      </c>
      <c r="DK26" s="102">
        <v>109355</v>
      </c>
      <c r="DL26" s="101">
        <v>0</v>
      </c>
      <c r="DM26" s="104">
        <v>1546124</v>
      </c>
      <c r="DN26" s="104">
        <v>3822624</v>
      </c>
      <c r="DO26" s="104">
        <v>9546626</v>
      </c>
      <c r="DP26" s="104">
        <v>10332464</v>
      </c>
      <c r="DQ26" s="104">
        <v>5563081</v>
      </c>
      <c r="DR26" s="103">
        <v>30810919</v>
      </c>
      <c r="DS26" s="106">
        <v>30920274</v>
      </c>
      <c r="DT26" s="100">
        <v>20641</v>
      </c>
      <c r="DU26" s="104">
        <v>88714</v>
      </c>
      <c r="DV26" s="103">
        <v>109355</v>
      </c>
      <c r="DW26" s="100">
        <v>0</v>
      </c>
      <c r="DX26" s="104">
        <v>1405464</v>
      </c>
      <c r="DY26" s="104">
        <v>3422487</v>
      </c>
      <c r="DZ26" s="104">
        <v>9310047</v>
      </c>
      <c r="EA26" s="104">
        <v>10148608</v>
      </c>
      <c r="EB26" s="104">
        <v>5529777</v>
      </c>
      <c r="EC26" s="103">
        <v>29816383</v>
      </c>
      <c r="ED26" s="106">
        <v>29925738</v>
      </c>
      <c r="EE26" s="100">
        <v>0</v>
      </c>
      <c r="EF26" s="102">
        <v>0</v>
      </c>
      <c r="EG26" s="103">
        <v>0</v>
      </c>
      <c r="EH26" s="100">
        <v>0</v>
      </c>
      <c r="EI26" s="104">
        <v>140660</v>
      </c>
      <c r="EJ26" s="104">
        <v>400137</v>
      </c>
      <c r="EK26" s="104">
        <v>236579</v>
      </c>
      <c r="EL26" s="104">
        <v>183856</v>
      </c>
      <c r="EM26" s="104">
        <v>33304</v>
      </c>
      <c r="EN26" s="102">
        <v>994536</v>
      </c>
      <c r="EO26" s="106">
        <v>994536</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2794084</v>
      </c>
      <c r="FM26" s="104">
        <v>2384730</v>
      </c>
      <c r="FN26" s="103">
        <v>5178814</v>
      </c>
      <c r="FO26" s="100">
        <v>0</v>
      </c>
      <c r="FP26" s="104">
        <v>3313334</v>
      </c>
      <c r="FQ26" s="104">
        <v>9771673</v>
      </c>
      <c r="FR26" s="104">
        <v>7024557</v>
      </c>
      <c r="FS26" s="104">
        <v>6011460</v>
      </c>
      <c r="FT26" s="104">
        <v>4068329</v>
      </c>
      <c r="FU26" s="103">
        <v>30189353</v>
      </c>
      <c r="FV26" s="106">
        <v>35368167</v>
      </c>
      <c r="FW26" s="105">
        <v>1031246</v>
      </c>
      <c r="FX26" s="104">
        <v>2126898</v>
      </c>
      <c r="FY26" s="102">
        <v>3158144</v>
      </c>
      <c r="FZ26" s="101">
        <v>0</v>
      </c>
      <c r="GA26" s="104">
        <v>2879219</v>
      </c>
      <c r="GB26" s="104">
        <v>9378985</v>
      </c>
      <c r="GC26" s="104">
        <v>6674201</v>
      </c>
      <c r="GD26" s="104">
        <v>5587434</v>
      </c>
      <c r="GE26" s="104">
        <v>3943778</v>
      </c>
      <c r="GF26" s="103">
        <v>28463617</v>
      </c>
      <c r="GG26" s="296">
        <v>31621761</v>
      </c>
      <c r="GH26" s="105">
        <v>120680</v>
      </c>
      <c r="GI26" s="104">
        <v>44352</v>
      </c>
      <c r="GJ26" s="102">
        <v>165032</v>
      </c>
      <c r="GK26" s="101">
        <v>0</v>
      </c>
      <c r="GL26" s="104">
        <v>92718</v>
      </c>
      <c r="GM26" s="104">
        <v>128988</v>
      </c>
      <c r="GN26" s="104">
        <v>232996</v>
      </c>
      <c r="GO26" s="104">
        <v>129501</v>
      </c>
      <c r="GP26" s="104">
        <v>54351</v>
      </c>
      <c r="GQ26" s="103">
        <v>638554</v>
      </c>
      <c r="GR26" s="106">
        <v>803586</v>
      </c>
      <c r="GS26" s="100">
        <v>1642158</v>
      </c>
      <c r="GT26" s="104">
        <v>213480</v>
      </c>
      <c r="GU26" s="103">
        <v>1855638</v>
      </c>
      <c r="GV26" s="100">
        <v>0</v>
      </c>
      <c r="GW26" s="104">
        <v>341397</v>
      </c>
      <c r="GX26" s="104">
        <v>263700</v>
      </c>
      <c r="GY26" s="104">
        <v>117360</v>
      </c>
      <c r="GZ26" s="104">
        <v>294525</v>
      </c>
      <c r="HA26" s="104">
        <v>70200</v>
      </c>
      <c r="HB26" s="102">
        <v>1087182</v>
      </c>
      <c r="HC26" s="106">
        <v>2942820</v>
      </c>
      <c r="HD26" s="100">
        <v>968560</v>
      </c>
      <c r="HE26" s="104">
        <v>1554879</v>
      </c>
      <c r="HF26" s="102">
        <v>2523439</v>
      </c>
      <c r="HG26" s="101">
        <v>0</v>
      </c>
      <c r="HH26" s="104">
        <v>11353324</v>
      </c>
      <c r="HI26" s="104">
        <v>10596373</v>
      </c>
      <c r="HJ26" s="104">
        <v>12292455</v>
      </c>
      <c r="HK26" s="104">
        <v>11766747</v>
      </c>
      <c r="HL26" s="104">
        <v>13104546</v>
      </c>
      <c r="HM26" s="103">
        <v>59113445</v>
      </c>
      <c r="HN26" s="99">
        <v>61636884</v>
      </c>
      <c r="HO26" s="105">
        <v>1327415</v>
      </c>
      <c r="HP26" s="104">
        <v>1945156</v>
      </c>
      <c r="HQ26" s="103">
        <v>3272571</v>
      </c>
      <c r="HR26" s="100">
        <v>0</v>
      </c>
      <c r="HS26" s="104">
        <v>11602812</v>
      </c>
      <c r="HT26" s="104">
        <v>12926839</v>
      </c>
      <c r="HU26" s="104">
        <v>8271126</v>
      </c>
      <c r="HV26" s="104">
        <v>5637095</v>
      </c>
      <c r="HW26" s="104">
        <v>3104123</v>
      </c>
      <c r="HX26" s="102">
        <v>41541995</v>
      </c>
      <c r="HY26" s="106">
        <v>44814566</v>
      </c>
      <c r="HZ26" s="137">
        <v>0</v>
      </c>
      <c r="IA26" s="122">
        <v>0</v>
      </c>
      <c r="IB26" s="137">
        <v>0</v>
      </c>
      <c r="IC26" s="121">
        <v>0</v>
      </c>
      <c r="ID26" s="122">
        <v>14343599</v>
      </c>
      <c r="IE26" s="123">
        <v>22115344</v>
      </c>
      <c r="IF26" s="124">
        <v>22396530</v>
      </c>
      <c r="IG26" s="122">
        <v>11067341</v>
      </c>
      <c r="IH26" s="124">
        <v>8354841</v>
      </c>
      <c r="II26" s="125">
        <v>78277655</v>
      </c>
      <c r="IJ26" s="137">
        <v>78277655</v>
      </c>
      <c r="IK26" s="219">
        <v>0</v>
      </c>
      <c r="IL26" s="223">
        <v>0</v>
      </c>
      <c r="IM26" s="224">
        <v>0</v>
      </c>
      <c r="IN26" s="127"/>
      <c r="IO26" s="109">
        <v>230146</v>
      </c>
      <c r="IP26" s="109">
        <v>776003</v>
      </c>
      <c r="IQ26" s="109">
        <v>417160</v>
      </c>
      <c r="IR26" s="109">
        <v>897868</v>
      </c>
      <c r="IS26" s="109">
        <v>403775</v>
      </c>
      <c r="IT26" s="128">
        <v>2724952</v>
      </c>
      <c r="IU26" s="298">
        <v>2724952</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7700211</v>
      </c>
      <c r="JL26" s="109">
        <v>10130915</v>
      </c>
      <c r="JM26" s="109">
        <v>6115147</v>
      </c>
      <c r="JN26" s="109">
        <v>3721679</v>
      </c>
      <c r="JO26" s="109">
        <v>1091609</v>
      </c>
      <c r="JP26" s="110">
        <v>28759561</v>
      </c>
      <c r="JQ26" s="298">
        <v>28759561</v>
      </c>
      <c r="JR26" s="129">
        <v>0</v>
      </c>
      <c r="JS26" s="109">
        <v>0</v>
      </c>
      <c r="JT26" s="128">
        <v>0</v>
      </c>
      <c r="JU26" s="108">
        <v>0</v>
      </c>
      <c r="JV26" s="109">
        <v>0</v>
      </c>
      <c r="JW26" s="109">
        <v>0</v>
      </c>
      <c r="JX26" s="109">
        <v>0</v>
      </c>
      <c r="JY26" s="109">
        <v>110474</v>
      </c>
      <c r="JZ26" s="109">
        <v>0</v>
      </c>
      <c r="KA26" s="110">
        <v>110474</v>
      </c>
      <c r="KB26" s="298">
        <v>110474</v>
      </c>
      <c r="KC26" s="221">
        <v>0</v>
      </c>
      <c r="KD26" s="217">
        <v>0</v>
      </c>
      <c r="KE26" s="110">
        <v>0</v>
      </c>
      <c r="KF26" s="108">
        <v>0</v>
      </c>
      <c r="KG26" s="109">
        <v>1418651</v>
      </c>
      <c r="KH26" s="109">
        <v>994828</v>
      </c>
      <c r="KI26" s="109">
        <v>4608202</v>
      </c>
      <c r="KJ26" s="109">
        <v>1944483</v>
      </c>
      <c r="KK26" s="109">
        <v>618265</v>
      </c>
      <c r="KL26" s="110">
        <v>9584429</v>
      </c>
      <c r="KM26" s="130">
        <v>9584429</v>
      </c>
      <c r="KN26" s="219">
        <v>0</v>
      </c>
      <c r="KO26" s="223">
        <v>0</v>
      </c>
      <c r="KP26" s="224">
        <v>0</v>
      </c>
      <c r="KQ26" s="127"/>
      <c r="KR26" s="109">
        <v>4684506</v>
      </c>
      <c r="KS26" s="109">
        <v>9817488</v>
      </c>
      <c r="KT26" s="109">
        <v>10986649</v>
      </c>
      <c r="KU26" s="109">
        <v>4083709</v>
      </c>
      <c r="KV26" s="109">
        <v>3578819</v>
      </c>
      <c r="KW26" s="110">
        <v>33151171</v>
      </c>
      <c r="KX26" s="298">
        <v>33151171</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310085</v>
      </c>
      <c r="LZ26" s="109">
        <v>396110</v>
      </c>
      <c r="MA26" s="109">
        <v>269372</v>
      </c>
      <c r="MB26" s="109">
        <v>309128</v>
      </c>
      <c r="MC26" s="109">
        <v>2662373</v>
      </c>
      <c r="MD26" s="110">
        <v>3947068</v>
      </c>
      <c r="ME26" s="111">
        <v>3947068</v>
      </c>
      <c r="MF26" s="129">
        <v>0</v>
      </c>
      <c r="MG26" s="109">
        <v>0</v>
      </c>
      <c r="MH26" s="110">
        <v>0</v>
      </c>
      <c r="MI26" s="132"/>
      <c r="MJ26" s="109">
        <v>6217856</v>
      </c>
      <c r="MK26" s="109">
        <v>11467604</v>
      </c>
      <c r="ML26" s="109">
        <v>59427614</v>
      </c>
      <c r="MM26" s="109">
        <v>73681217</v>
      </c>
      <c r="MN26" s="109">
        <v>58967058</v>
      </c>
      <c r="MO26" s="110">
        <v>209761349</v>
      </c>
      <c r="MP26" s="130">
        <v>209761349</v>
      </c>
      <c r="MQ26" s="129">
        <v>0</v>
      </c>
      <c r="MR26" s="109">
        <v>0</v>
      </c>
      <c r="MS26" s="110">
        <v>0</v>
      </c>
      <c r="MT26" s="132"/>
      <c r="MU26" s="109">
        <v>892176</v>
      </c>
      <c r="MV26" s="109">
        <v>3911265</v>
      </c>
      <c r="MW26" s="109">
        <v>43765196</v>
      </c>
      <c r="MX26" s="109">
        <v>53083897</v>
      </c>
      <c r="MY26" s="109">
        <v>42338348</v>
      </c>
      <c r="MZ26" s="110">
        <v>143990882</v>
      </c>
      <c r="NA26" s="130">
        <v>143990882</v>
      </c>
      <c r="NB26" s="129">
        <v>0</v>
      </c>
      <c r="NC26" s="109">
        <v>0</v>
      </c>
      <c r="ND26" s="110">
        <v>0</v>
      </c>
      <c r="NE26" s="132"/>
      <c r="NF26" s="109">
        <v>5325680</v>
      </c>
      <c r="NG26" s="109">
        <v>7556339</v>
      </c>
      <c r="NH26" s="109">
        <v>15291519</v>
      </c>
      <c r="NI26" s="109">
        <v>17254101</v>
      </c>
      <c r="NJ26" s="109">
        <v>7405570</v>
      </c>
      <c r="NK26" s="110">
        <v>52833209</v>
      </c>
      <c r="NL26" s="298">
        <v>52833209</v>
      </c>
      <c r="NM26" s="129">
        <v>0</v>
      </c>
      <c r="NN26" s="109">
        <v>0</v>
      </c>
      <c r="NO26" s="110">
        <v>0</v>
      </c>
      <c r="NP26" s="132"/>
      <c r="NQ26" s="109">
        <v>0</v>
      </c>
      <c r="NR26" s="109">
        <v>0</v>
      </c>
      <c r="NS26" s="109">
        <v>0</v>
      </c>
      <c r="NT26" s="109">
        <v>315708</v>
      </c>
      <c r="NU26" s="109">
        <v>1628239</v>
      </c>
      <c r="NV26" s="110">
        <v>1943947</v>
      </c>
      <c r="NW26" s="111">
        <v>1943947</v>
      </c>
      <c r="NX26" s="129">
        <v>0</v>
      </c>
      <c r="NY26" s="109">
        <v>0</v>
      </c>
      <c r="NZ26" s="110">
        <v>0</v>
      </c>
      <c r="OA26" s="132"/>
      <c r="OB26" s="109">
        <v>0</v>
      </c>
      <c r="OC26" s="109">
        <v>0</v>
      </c>
      <c r="OD26" s="109">
        <v>370899</v>
      </c>
      <c r="OE26" s="109">
        <v>3027511</v>
      </c>
      <c r="OF26" s="109">
        <v>7594901</v>
      </c>
      <c r="OG26" s="110">
        <v>10993311</v>
      </c>
      <c r="OH26" s="111">
        <v>10993311</v>
      </c>
      <c r="OI26" s="129">
        <v>8170320</v>
      </c>
      <c r="OJ26" s="109">
        <v>11844073</v>
      </c>
      <c r="OK26" s="128">
        <v>20014393</v>
      </c>
      <c r="OL26" s="108">
        <v>0</v>
      </c>
      <c r="OM26" s="109">
        <v>90325145</v>
      </c>
      <c r="ON26" s="109">
        <v>139683529</v>
      </c>
      <c r="OO26" s="109">
        <v>174207344</v>
      </c>
      <c r="OP26" s="109">
        <v>167109798</v>
      </c>
      <c r="OQ26" s="109">
        <v>126741503</v>
      </c>
      <c r="OR26" s="110">
        <v>698067319</v>
      </c>
      <c r="OS26" s="130">
        <v>718081712</v>
      </c>
    </row>
    <row r="27" spans="2:409" ht="21" customHeight="1" x14ac:dyDescent="0.2">
      <c r="B27" s="472" t="s">
        <v>22</v>
      </c>
      <c r="C27" s="100">
        <v>1195187</v>
      </c>
      <c r="D27" s="104">
        <v>3353060</v>
      </c>
      <c r="E27" s="103">
        <v>4548247</v>
      </c>
      <c r="F27" s="99">
        <v>0</v>
      </c>
      <c r="G27" s="104">
        <v>24456172</v>
      </c>
      <c r="H27" s="104">
        <v>30987637</v>
      </c>
      <c r="I27" s="104">
        <v>25134701</v>
      </c>
      <c r="J27" s="104">
        <v>26609371</v>
      </c>
      <c r="K27" s="104">
        <v>19431815</v>
      </c>
      <c r="L27" s="160">
        <v>126619696</v>
      </c>
      <c r="M27" s="106">
        <v>131167943</v>
      </c>
      <c r="N27" s="100">
        <v>179619</v>
      </c>
      <c r="O27" s="104">
        <v>297063</v>
      </c>
      <c r="P27" s="103">
        <v>476682</v>
      </c>
      <c r="Q27" s="100">
        <v>0</v>
      </c>
      <c r="R27" s="104">
        <v>5696088</v>
      </c>
      <c r="S27" s="104">
        <v>7796625</v>
      </c>
      <c r="T27" s="104">
        <v>5365970</v>
      </c>
      <c r="U27" s="104">
        <v>8753059</v>
      </c>
      <c r="V27" s="104">
        <v>8879167</v>
      </c>
      <c r="W27" s="103">
        <v>36490909</v>
      </c>
      <c r="X27" s="106">
        <v>36967591</v>
      </c>
      <c r="Y27" s="100">
        <v>0</v>
      </c>
      <c r="Z27" s="104">
        <v>0</v>
      </c>
      <c r="AA27" s="103">
        <v>0</v>
      </c>
      <c r="AB27" s="100">
        <v>0</v>
      </c>
      <c r="AC27" s="104">
        <v>2675358</v>
      </c>
      <c r="AD27" s="104">
        <v>3034630</v>
      </c>
      <c r="AE27" s="104">
        <v>2517724</v>
      </c>
      <c r="AF27" s="104">
        <v>4527066</v>
      </c>
      <c r="AG27" s="104">
        <v>4783710</v>
      </c>
      <c r="AH27" s="103">
        <v>17538488</v>
      </c>
      <c r="AI27" s="106">
        <v>17538488</v>
      </c>
      <c r="AJ27" s="100">
        <v>0</v>
      </c>
      <c r="AK27" s="104">
        <v>0</v>
      </c>
      <c r="AL27" s="103">
        <v>0</v>
      </c>
      <c r="AM27" s="100">
        <v>0</v>
      </c>
      <c r="AN27" s="104">
        <v>227458</v>
      </c>
      <c r="AO27" s="104">
        <v>75483</v>
      </c>
      <c r="AP27" s="104">
        <v>98058</v>
      </c>
      <c r="AQ27" s="104">
        <v>544865</v>
      </c>
      <c r="AR27" s="104">
        <v>1498923</v>
      </c>
      <c r="AS27" s="103">
        <v>2444787</v>
      </c>
      <c r="AT27" s="106">
        <v>2444787</v>
      </c>
      <c r="AU27" s="100">
        <v>137787</v>
      </c>
      <c r="AV27" s="104">
        <v>139716</v>
      </c>
      <c r="AW27" s="103">
        <v>277503</v>
      </c>
      <c r="AX27" s="100">
        <v>0</v>
      </c>
      <c r="AY27" s="104">
        <v>1823639</v>
      </c>
      <c r="AZ27" s="104">
        <v>3148274</v>
      </c>
      <c r="BA27" s="104">
        <v>1695278</v>
      </c>
      <c r="BB27" s="104">
        <v>2388943</v>
      </c>
      <c r="BC27" s="104">
        <v>1918040</v>
      </c>
      <c r="BD27" s="103">
        <v>10974174</v>
      </c>
      <c r="BE27" s="106">
        <v>11251677</v>
      </c>
      <c r="BF27" s="100">
        <v>0</v>
      </c>
      <c r="BG27" s="104">
        <v>33264</v>
      </c>
      <c r="BH27" s="102">
        <v>33264</v>
      </c>
      <c r="BI27" s="101">
        <v>0</v>
      </c>
      <c r="BJ27" s="104">
        <v>338614</v>
      </c>
      <c r="BK27" s="104">
        <v>333775</v>
      </c>
      <c r="BL27" s="104">
        <v>193186</v>
      </c>
      <c r="BM27" s="104">
        <v>136521</v>
      </c>
      <c r="BN27" s="104">
        <v>115808</v>
      </c>
      <c r="BO27" s="103">
        <v>1117904</v>
      </c>
      <c r="BP27" s="106">
        <v>1151168</v>
      </c>
      <c r="BQ27" s="100">
        <v>41832</v>
      </c>
      <c r="BR27" s="104">
        <v>124083</v>
      </c>
      <c r="BS27" s="103">
        <v>165915</v>
      </c>
      <c r="BT27" s="100">
        <v>0</v>
      </c>
      <c r="BU27" s="104">
        <v>631019</v>
      </c>
      <c r="BV27" s="104">
        <v>1204463</v>
      </c>
      <c r="BW27" s="104">
        <v>861724</v>
      </c>
      <c r="BX27" s="104">
        <v>1155664</v>
      </c>
      <c r="BY27" s="104">
        <v>562686</v>
      </c>
      <c r="BZ27" s="103">
        <v>4415556</v>
      </c>
      <c r="CA27" s="106">
        <v>4581471</v>
      </c>
      <c r="CB27" s="100">
        <v>34770</v>
      </c>
      <c r="CC27" s="104">
        <v>211584</v>
      </c>
      <c r="CD27" s="103">
        <v>246354</v>
      </c>
      <c r="CE27" s="100">
        <v>0</v>
      </c>
      <c r="CF27" s="104">
        <v>6540494</v>
      </c>
      <c r="CG27" s="104">
        <v>10017948</v>
      </c>
      <c r="CH27" s="104">
        <v>6905602</v>
      </c>
      <c r="CI27" s="104">
        <v>3891850</v>
      </c>
      <c r="CJ27" s="104">
        <v>2819328</v>
      </c>
      <c r="CK27" s="103">
        <v>30175222</v>
      </c>
      <c r="CL27" s="106">
        <v>30421576</v>
      </c>
      <c r="CM27" s="100">
        <v>0</v>
      </c>
      <c r="CN27" s="104">
        <v>0</v>
      </c>
      <c r="CO27" s="103">
        <v>0</v>
      </c>
      <c r="CP27" s="101">
        <v>0</v>
      </c>
      <c r="CQ27" s="104">
        <v>5389098</v>
      </c>
      <c r="CR27" s="104">
        <v>7694740</v>
      </c>
      <c r="CS27" s="104">
        <v>6008163</v>
      </c>
      <c r="CT27" s="104">
        <v>3043535</v>
      </c>
      <c r="CU27" s="104">
        <v>2353022</v>
      </c>
      <c r="CV27" s="103">
        <v>24488558</v>
      </c>
      <c r="CW27" s="106">
        <v>24488558</v>
      </c>
      <c r="CX27" s="100">
        <v>34770</v>
      </c>
      <c r="CY27" s="104">
        <v>211584</v>
      </c>
      <c r="CZ27" s="103">
        <v>246354</v>
      </c>
      <c r="DA27" s="100">
        <v>0</v>
      </c>
      <c r="DB27" s="104">
        <v>1151396</v>
      </c>
      <c r="DC27" s="104">
        <v>2323208</v>
      </c>
      <c r="DD27" s="104">
        <v>897439</v>
      </c>
      <c r="DE27" s="104">
        <v>848315</v>
      </c>
      <c r="DF27" s="104">
        <v>466306</v>
      </c>
      <c r="DG27" s="103">
        <v>5686664</v>
      </c>
      <c r="DH27" s="106">
        <v>5933018</v>
      </c>
      <c r="DI27" s="100">
        <v>0</v>
      </c>
      <c r="DJ27" s="104">
        <v>69141</v>
      </c>
      <c r="DK27" s="102">
        <v>69141</v>
      </c>
      <c r="DL27" s="101">
        <v>0</v>
      </c>
      <c r="DM27" s="104">
        <v>904227</v>
      </c>
      <c r="DN27" s="104">
        <v>973587</v>
      </c>
      <c r="DO27" s="104">
        <v>2891087</v>
      </c>
      <c r="DP27" s="104">
        <v>3724179</v>
      </c>
      <c r="DQ27" s="104">
        <v>1640146</v>
      </c>
      <c r="DR27" s="103">
        <v>10133226</v>
      </c>
      <c r="DS27" s="106">
        <v>10202367</v>
      </c>
      <c r="DT27" s="100">
        <v>0</v>
      </c>
      <c r="DU27" s="104">
        <v>69141</v>
      </c>
      <c r="DV27" s="103">
        <v>69141</v>
      </c>
      <c r="DW27" s="100">
        <v>0</v>
      </c>
      <c r="DX27" s="104">
        <v>845169</v>
      </c>
      <c r="DY27" s="104">
        <v>931413</v>
      </c>
      <c r="DZ27" s="104">
        <v>2472545</v>
      </c>
      <c r="EA27" s="104">
        <v>3020381</v>
      </c>
      <c r="EB27" s="104">
        <v>1565295</v>
      </c>
      <c r="EC27" s="103">
        <v>8834803</v>
      </c>
      <c r="ED27" s="106">
        <v>8903944</v>
      </c>
      <c r="EE27" s="100">
        <v>0</v>
      </c>
      <c r="EF27" s="102">
        <v>0</v>
      </c>
      <c r="EG27" s="103">
        <v>0</v>
      </c>
      <c r="EH27" s="100">
        <v>0</v>
      </c>
      <c r="EI27" s="104">
        <v>59058</v>
      </c>
      <c r="EJ27" s="104">
        <v>42174</v>
      </c>
      <c r="EK27" s="104">
        <v>418542</v>
      </c>
      <c r="EL27" s="104">
        <v>703798</v>
      </c>
      <c r="EM27" s="104">
        <v>74851</v>
      </c>
      <c r="EN27" s="102">
        <v>1298423</v>
      </c>
      <c r="EO27" s="106">
        <v>1298423</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318001</v>
      </c>
      <c r="FM27" s="104">
        <v>1161724</v>
      </c>
      <c r="FN27" s="103">
        <v>1479725</v>
      </c>
      <c r="FO27" s="100">
        <v>0</v>
      </c>
      <c r="FP27" s="104">
        <v>2043011</v>
      </c>
      <c r="FQ27" s="104">
        <v>3724571</v>
      </c>
      <c r="FR27" s="104">
        <v>2237994</v>
      </c>
      <c r="FS27" s="104">
        <v>2218198</v>
      </c>
      <c r="FT27" s="104">
        <v>1621762</v>
      </c>
      <c r="FU27" s="103">
        <v>11845536</v>
      </c>
      <c r="FV27" s="106">
        <v>13325261</v>
      </c>
      <c r="FW27" s="105">
        <v>268724</v>
      </c>
      <c r="FX27" s="104">
        <v>1081696</v>
      </c>
      <c r="FY27" s="102">
        <v>1350420</v>
      </c>
      <c r="FZ27" s="101">
        <v>0</v>
      </c>
      <c r="GA27" s="104">
        <v>1507689</v>
      </c>
      <c r="GB27" s="104">
        <v>3294371</v>
      </c>
      <c r="GC27" s="104">
        <v>2237994</v>
      </c>
      <c r="GD27" s="104">
        <v>1933502</v>
      </c>
      <c r="GE27" s="104">
        <v>1621762</v>
      </c>
      <c r="GF27" s="103">
        <v>10595318</v>
      </c>
      <c r="GG27" s="296">
        <v>11945738</v>
      </c>
      <c r="GH27" s="105">
        <v>26507</v>
      </c>
      <c r="GI27" s="104">
        <v>80028</v>
      </c>
      <c r="GJ27" s="102">
        <v>106535</v>
      </c>
      <c r="GK27" s="101">
        <v>0</v>
      </c>
      <c r="GL27" s="104">
        <v>94743</v>
      </c>
      <c r="GM27" s="104">
        <v>44100</v>
      </c>
      <c r="GN27" s="104">
        <v>0</v>
      </c>
      <c r="GO27" s="104">
        <v>200430</v>
      </c>
      <c r="GP27" s="104">
        <v>0</v>
      </c>
      <c r="GQ27" s="103">
        <v>339273</v>
      </c>
      <c r="GR27" s="106">
        <v>445808</v>
      </c>
      <c r="GS27" s="100">
        <v>22770</v>
      </c>
      <c r="GT27" s="104">
        <v>0</v>
      </c>
      <c r="GU27" s="103">
        <v>22770</v>
      </c>
      <c r="GV27" s="100">
        <v>0</v>
      </c>
      <c r="GW27" s="104">
        <v>440579</v>
      </c>
      <c r="GX27" s="104">
        <v>386100</v>
      </c>
      <c r="GY27" s="104">
        <v>0</v>
      </c>
      <c r="GZ27" s="104">
        <v>84266</v>
      </c>
      <c r="HA27" s="104">
        <v>0</v>
      </c>
      <c r="HB27" s="102">
        <v>910945</v>
      </c>
      <c r="HC27" s="106">
        <v>933715</v>
      </c>
      <c r="HD27" s="100">
        <v>399517</v>
      </c>
      <c r="HE27" s="104">
        <v>779542</v>
      </c>
      <c r="HF27" s="102">
        <v>1179059</v>
      </c>
      <c r="HG27" s="101">
        <v>0</v>
      </c>
      <c r="HH27" s="104">
        <v>4730628</v>
      </c>
      <c r="HI27" s="104">
        <v>3629473</v>
      </c>
      <c r="HJ27" s="104">
        <v>4890329</v>
      </c>
      <c r="HK27" s="104">
        <v>6086688</v>
      </c>
      <c r="HL27" s="104">
        <v>3215908</v>
      </c>
      <c r="HM27" s="103">
        <v>22553026</v>
      </c>
      <c r="HN27" s="99">
        <v>23732085</v>
      </c>
      <c r="HO27" s="105">
        <v>263280</v>
      </c>
      <c r="HP27" s="104">
        <v>834006</v>
      </c>
      <c r="HQ27" s="103">
        <v>1097286</v>
      </c>
      <c r="HR27" s="100">
        <v>0</v>
      </c>
      <c r="HS27" s="104">
        <v>4541724</v>
      </c>
      <c r="HT27" s="104">
        <v>4845433</v>
      </c>
      <c r="HU27" s="104">
        <v>2843719</v>
      </c>
      <c r="HV27" s="104">
        <v>1935397</v>
      </c>
      <c r="HW27" s="104">
        <v>1255504</v>
      </c>
      <c r="HX27" s="102">
        <v>15421777</v>
      </c>
      <c r="HY27" s="106">
        <v>16519063</v>
      </c>
      <c r="HZ27" s="118">
        <v>192717</v>
      </c>
      <c r="IA27" s="119">
        <v>246501</v>
      </c>
      <c r="IB27" s="120">
        <v>439218</v>
      </c>
      <c r="IC27" s="133">
        <v>0</v>
      </c>
      <c r="ID27" s="119">
        <v>11072392</v>
      </c>
      <c r="IE27" s="134">
        <v>15573198</v>
      </c>
      <c r="IF27" s="120">
        <v>13271673</v>
      </c>
      <c r="IG27" s="119">
        <v>13220393</v>
      </c>
      <c r="IH27" s="120">
        <v>5934564</v>
      </c>
      <c r="II27" s="135">
        <v>59072220</v>
      </c>
      <c r="IJ27" s="126">
        <v>59511438</v>
      </c>
      <c r="IK27" s="219">
        <v>0</v>
      </c>
      <c r="IL27" s="223">
        <v>0</v>
      </c>
      <c r="IM27" s="224">
        <v>0</v>
      </c>
      <c r="IN27" s="127"/>
      <c r="IO27" s="109">
        <v>0</v>
      </c>
      <c r="IP27" s="109">
        <v>719156</v>
      </c>
      <c r="IQ27" s="109">
        <v>678990</v>
      </c>
      <c r="IR27" s="109">
        <v>675618</v>
      </c>
      <c r="IS27" s="109">
        <v>0</v>
      </c>
      <c r="IT27" s="128">
        <v>2073764</v>
      </c>
      <c r="IU27" s="298">
        <v>2073764</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5845318</v>
      </c>
      <c r="JL27" s="109">
        <v>6676283</v>
      </c>
      <c r="JM27" s="109">
        <v>5467919</v>
      </c>
      <c r="JN27" s="109">
        <v>2722902</v>
      </c>
      <c r="JO27" s="109">
        <v>1036107</v>
      </c>
      <c r="JP27" s="110">
        <v>21748529</v>
      </c>
      <c r="JQ27" s="298">
        <v>21748529</v>
      </c>
      <c r="JR27" s="129">
        <v>0</v>
      </c>
      <c r="JS27" s="109">
        <v>0</v>
      </c>
      <c r="JT27" s="128">
        <v>0</v>
      </c>
      <c r="JU27" s="108">
        <v>0</v>
      </c>
      <c r="JV27" s="109">
        <v>188253</v>
      </c>
      <c r="JW27" s="109">
        <v>469251</v>
      </c>
      <c r="JX27" s="109">
        <v>488320</v>
      </c>
      <c r="JY27" s="109">
        <v>198720</v>
      </c>
      <c r="JZ27" s="109">
        <v>517050</v>
      </c>
      <c r="KA27" s="110">
        <v>1861594</v>
      </c>
      <c r="KB27" s="298">
        <v>1861594</v>
      </c>
      <c r="KC27" s="221">
        <v>192717</v>
      </c>
      <c r="KD27" s="217">
        <v>246501</v>
      </c>
      <c r="KE27" s="110">
        <v>439218</v>
      </c>
      <c r="KF27" s="108">
        <v>0</v>
      </c>
      <c r="KG27" s="109">
        <v>2671907</v>
      </c>
      <c r="KH27" s="109">
        <v>3648700</v>
      </c>
      <c r="KI27" s="109">
        <v>2772039</v>
      </c>
      <c r="KJ27" s="109">
        <v>2516679</v>
      </c>
      <c r="KK27" s="109">
        <v>1146456</v>
      </c>
      <c r="KL27" s="110">
        <v>12755781</v>
      </c>
      <c r="KM27" s="130">
        <v>13194999</v>
      </c>
      <c r="KN27" s="219">
        <v>0</v>
      </c>
      <c r="KO27" s="223">
        <v>0</v>
      </c>
      <c r="KP27" s="224">
        <v>0</v>
      </c>
      <c r="KQ27" s="127"/>
      <c r="KR27" s="109">
        <v>2366914</v>
      </c>
      <c r="KS27" s="109">
        <v>4059808</v>
      </c>
      <c r="KT27" s="109">
        <v>2015319</v>
      </c>
      <c r="KU27" s="109">
        <v>3206196</v>
      </c>
      <c r="KV27" s="109">
        <v>941463</v>
      </c>
      <c r="KW27" s="110">
        <v>12589700</v>
      </c>
      <c r="KX27" s="298">
        <v>12589700</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1849086</v>
      </c>
      <c r="LQ27" s="109">
        <v>3900278</v>
      </c>
      <c r="LR27" s="109">
        <v>2293488</v>
      </c>
      <c r="LS27" s="110">
        <v>8042852</v>
      </c>
      <c r="LT27" s="298">
        <v>8042852</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3270279</v>
      </c>
      <c r="MK27" s="109">
        <v>8298711</v>
      </c>
      <c r="ML27" s="109">
        <v>23018436</v>
      </c>
      <c r="MM27" s="109">
        <v>33185072</v>
      </c>
      <c r="MN27" s="109">
        <v>15830905</v>
      </c>
      <c r="MO27" s="110">
        <v>83603403</v>
      </c>
      <c r="MP27" s="130">
        <v>83603403</v>
      </c>
      <c r="MQ27" s="129">
        <v>0</v>
      </c>
      <c r="MR27" s="109">
        <v>0</v>
      </c>
      <c r="MS27" s="110">
        <v>0</v>
      </c>
      <c r="MT27" s="132"/>
      <c r="MU27" s="109">
        <v>863675</v>
      </c>
      <c r="MV27" s="109">
        <v>1196598</v>
      </c>
      <c r="MW27" s="109">
        <v>13984772</v>
      </c>
      <c r="MX27" s="109">
        <v>18013200</v>
      </c>
      <c r="MY27" s="109">
        <v>10448393</v>
      </c>
      <c r="MZ27" s="110">
        <v>44506638</v>
      </c>
      <c r="NA27" s="130">
        <v>44506638</v>
      </c>
      <c r="NB27" s="129">
        <v>0</v>
      </c>
      <c r="NC27" s="109">
        <v>0</v>
      </c>
      <c r="ND27" s="110">
        <v>0</v>
      </c>
      <c r="NE27" s="132"/>
      <c r="NF27" s="109">
        <v>2406604</v>
      </c>
      <c r="NG27" s="109">
        <v>7102113</v>
      </c>
      <c r="NH27" s="109">
        <v>9033664</v>
      </c>
      <c r="NI27" s="109">
        <v>11247321</v>
      </c>
      <c r="NJ27" s="109">
        <v>4162285</v>
      </c>
      <c r="NK27" s="110">
        <v>33951987</v>
      </c>
      <c r="NL27" s="298">
        <v>33951987</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3924551</v>
      </c>
      <c r="OF27" s="109">
        <v>1220227</v>
      </c>
      <c r="OG27" s="110">
        <v>5144778</v>
      </c>
      <c r="OH27" s="111">
        <v>5144778</v>
      </c>
      <c r="OI27" s="129">
        <v>1387904</v>
      </c>
      <c r="OJ27" s="109">
        <v>3599561</v>
      </c>
      <c r="OK27" s="128">
        <v>4987465</v>
      </c>
      <c r="OL27" s="108">
        <v>0</v>
      </c>
      <c r="OM27" s="109">
        <v>38798843</v>
      </c>
      <c r="ON27" s="109">
        <v>54859546</v>
      </c>
      <c r="OO27" s="109">
        <v>61424810</v>
      </c>
      <c r="OP27" s="109">
        <v>73014836</v>
      </c>
      <c r="OQ27" s="109">
        <v>41197284</v>
      </c>
      <c r="OR27" s="110">
        <v>269295319</v>
      </c>
      <c r="OS27" s="130">
        <v>274282784</v>
      </c>
    </row>
    <row r="28" spans="2:409" ht="21" customHeight="1" x14ac:dyDescent="0.2">
      <c r="B28" s="472" t="s">
        <v>23</v>
      </c>
      <c r="C28" s="100">
        <v>3264312</v>
      </c>
      <c r="D28" s="104">
        <v>6828413</v>
      </c>
      <c r="E28" s="103">
        <v>10092725</v>
      </c>
      <c r="F28" s="99">
        <v>0</v>
      </c>
      <c r="G28" s="104">
        <v>53001255</v>
      </c>
      <c r="H28" s="104">
        <v>63782555</v>
      </c>
      <c r="I28" s="104">
        <v>51185844</v>
      </c>
      <c r="J28" s="104">
        <v>53947042</v>
      </c>
      <c r="K28" s="104">
        <v>34537296</v>
      </c>
      <c r="L28" s="160">
        <v>256453992</v>
      </c>
      <c r="M28" s="106">
        <v>266546717</v>
      </c>
      <c r="N28" s="100">
        <v>1077306</v>
      </c>
      <c r="O28" s="104">
        <v>2594796</v>
      </c>
      <c r="P28" s="103">
        <v>3672102</v>
      </c>
      <c r="Q28" s="100">
        <v>0</v>
      </c>
      <c r="R28" s="104">
        <v>13653581</v>
      </c>
      <c r="S28" s="104">
        <v>17319254</v>
      </c>
      <c r="T28" s="104">
        <v>13142312</v>
      </c>
      <c r="U28" s="104">
        <v>17723873</v>
      </c>
      <c r="V28" s="104">
        <v>14308066</v>
      </c>
      <c r="W28" s="103">
        <v>76147086</v>
      </c>
      <c r="X28" s="106">
        <v>79819188</v>
      </c>
      <c r="Y28" s="100">
        <v>0</v>
      </c>
      <c r="Z28" s="104">
        <v>0</v>
      </c>
      <c r="AA28" s="103">
        <v>0</v>
      </c>
      <c r="AB28" s="100">
        <v>0</v>
      </c>
      <c r="AC28" s="104">
        <v>6307041</v>
      </c>
      <c r="AD28" s="104">
        <v>6599064</v>
      </c>
      <c r="AE28" s="104">
        <v>7027800</v>
      </c>
      <c r="AF28" s="104">
        <v>9072136</v>
      </c>
      <c r="AG28" s="104">
        <v>7852431</v>
      </c>
      <c r="AH28" s="103">
        <v>36858472</v>
      </c>
      <c r="AI28" s="106">
        <v>36858472</v>
      </c>
      <c r="AJ28" s="100">
        <v>0</v>
      </c>
      <c r="AK28" s="104">
        <v>0</v>
      </c>
      <c r="AL28" s="103">
        <v>0</v>
      </c>
      <c r="AM28" s="100">
        <v>0</v>
      </c>
      <c r="AN28" s="104">
        <v>92066</v>
      </c>
      <c r="AO28" s="104">
        <v>145151</v>
      </c>
      <c r="AP28" s="104">
        <v>306576</v>
      </c>
      <c r="AQ28" s="104">
        <v>1223113</v>
      </c>
      <c r="AR28" s="104">
        <v>1494136</v>
      </c>
      <c r="AS28" s="103">
        <v>3261042</v>
      </c>
      <c r="AT28" s="106">
        <v>3261042</v>
      </c>
      <c r="AU28" s="100">
        <v>720891</v>
      </c>
      <c r="AV28" s="104">
        <v>2093528</v>
      </c>
      <c r="AW28" s="103">
        <v>2814419</v>
      </c>
      <c r="AX28" s="100">
        <v>0</v>
      </c>
      <c r="AY28" s="104">
        <v>4031599</v>
      </c>
      <c r="AZ28" s="104">
        <v>7419006</v>
      </c>
      <c r="BA28" s="104">
        <v>3354006</v>
      </c>
      <c r="BB28" s="104">
        <v>4040718</v>
      </c>
      <c r="BC28" s="104">
        <v>2805807</v>
      </c>
      <c r="BD28" s="103">
        <v>21651136</v>
      </c>
      <c r="BE28" s="106">
        <v>24465555</v>
      </c>
      <c r="BF28" s="100">
        <v>153116</v>
      </c>
      <c r="BG28" s="104">
        <v>337828</v>
      </c>
      <c r="BH28" s="102">
        <v>490944</v>
      </c>
      <c r="BI28" s="101">
        <v>0</v>
      </c>
      <c r="BJ28" s="104">
        <v>371011</v>
      </c>
      <c r="BK28" s="104">
        <v>691183</v>
      </c>
      <c r="BL28" s="104">
        <v>355254</v>
      </c>
      <c r="BM28" s="104">
        <v>365419</v>
      </c>
      <c r="BN28" s="104">
        <v>325491</v>
      </c>
      <c r="BO28" s="103">
        <v>2108358</v>
      </c>
      <c r="BP28" s="106">
        <v>2599302</v>
      </c>
      <c r="BQ28" s="100">
        <v>203299</v>
      </c>
      <c r="BR28" s="104">
        <v>163440</v>
      </c>
      <c r="BS28" s="103">
        <v>366739</v>
      </c>
      <c r="BT28" s="100">
        <v>0</v>
      </c>
      <c r="BU28" s="104">
        <v>2851864</v>
      </c>
      <c r="BV28" s="104">
        <v>2464850</v>
      </c>
      <c r="BW28" s="104">
        <v>2098676</v>
      </c>
      <c r="BX28" s="104">
        <v>3022487</v>
      </c>
      <c r="BY28" s="104">
        <v>1830201</v>
      </c>
      <c r="BZ28" s="103">
        <v>12268078</v>
      </c>
      <c r="CA28" s="106">
        <v>12634817</v>
      </c>
      <c r="CB28" s="100">
        <v>26747</v>
      </c>
      <c r="CC28" s="104">
        <v>504338</v>
      </c>
      <c r="CD28" s="103">
        <v>531085</v>
      </c>
      <c r="CE28" s="100">
        <v>0</v>
      </c>
      <c r="CF28" s="104">
        <v>18124017</v>
      </c>
      <c r="CG28" s="104">
        <v>21035927</v>
      </c>
      <c r="CH28" s="104">
        <v>16944191</v>
      </c>
      <c r="CI28" s="104">
        <v>11614720</v>
      </c>
      <c r="CJ28" s="104">
        <v>4536458</v>
      </c>
      <c r="CK28" s="103">
        <v>72255313</v>
      </c>
      <c r="CL28" s="106">
        <v>72786398</v>
      </c>
      <c r="CM28" s="100">
        <v>0</v>
      </c>
      <c r="CN28" s="104">
        <v>0</v>
      </c>
      <c r="CO28" s="103">
        <v>0</v>
      </c>
      <c r="CP28" s="101">
        <v>0</v>
      </c>
      <c r="CQ28" s="104">
        <v>15923638</v>
      </c>
      <c r="CR28" s="104">
        <v>17492473</v>
      </c>
      <c r="CS28" s="104">
        <v>13794102</v>
      </c>
      <c r="CT28" s="104">
        <v>9059781</v>
      </c>
      <c r="CU28" s="104">
        <v>3927857</v>
      </c>
      <c r="CV28" s="103">
        <v>60197851</v>
      </c>
      <c r="CW28" s="106">
        <v>60197851</v>
      </c>
      <c r="CX28" s="100">
        <v>26747</v>
      </c>
      <c r="CY28" s="104">
        <v>504338</v>
      </c>
      <c r="CZ28" s="103">
        <v>531085</v>
      </c>
      <c r="DA28" s="100">
        <v>0</v>
      </c>
      <c r="DB28" s="104">
        <v>2200379</v>
      </c>
      <c r="DC28" s="104">
        <v>3543454</v>
      </c>
      <c r="DD28" s="104">
        <v>3150089</v>
      </c>
      <c r="DE28" s="104">
        <v>2554939</v>
      </c>
      <c r="DF28" s="104">
        <v>608601</v>
      </c>
      <c r="DG28" s="103">
        <v>12057462</v>
      </c>
      <c r="DH28" s="106">
        <v>12588547</v>
      </c>
      <c r="DI28" s="100">
        <v>59124</v>
      </c>
      <c r="DJ28" s="104">
        <v>66588</v>
      </c>
      <c r="DK28" s="102">
        <v>125712</v>
      </c>
      <c r="DL28" s="101">
        <v>0</v>
      </c>
      <c r="DM28" s="104">
        <v>1037940</v>
      </c>
      <c r="DN28" s="104">
        <v>2460105</v>
      </c>
      <c r="DO28" s="104">
        <v>5186884</v>
      </c>
      <c r="DP28" s="104">
        <v>3936639</v>
      </c>
      <c r="DQ28" s="104">
        <v>2938174</v>
      </c>
      <c r="DR28" s="103">
        <v>15559742</v>
      </c>
      <c r="DS28" s="106">
        <v>15685454</v>
      </c>
      <c r="DT28" s="100">
        <v>33811</v>
      </c>
      <c r="DU28" s="104">
        <v>66588</v>
      </c>
      <c r="DV28" s="103">
        <v>100399</v>
      </c>
      <c r="DW28" s="100">
        <v>0</v>
      </c>
      <c r="DX28" s="104">
        <v>1006332</v>
      </c>
      <c r="DY28" s="104">
        <v>2368492</v>
      </c>
      <c r="DZ28" s="104">
        <v>5097687</v>
      </c>
      <c r="EA28" s="104">
        <v>3637784</v>
      </c>
      <c r="EB28" s="104">
        <v>2619458</v>
      </c>
      <c r="EC28" s="103">
        <v>14729753</v>
      </c>
      <c r="ED28" s="106">
        <v>14830152</v>
      </c>
      <c r="EE28" s="100">
        <v>25313</v>
      </c>
      <c r="EF28" s="102">
        <v>0</v>
      </c>
      <c r="EG28" s="103">
        <v>25313</v>
      </c>
      <c r="EH28" s="100">
        <v>0</v>
      </c>
      <c r="EI28" s="104">
        <v>31608</v>
      </c>
      <c r="EJ28" s="104">
        <v>91613</v>
      </c>
      <c r="EK28" s="104">
        <v>89197</v>
      </c>
      <c r="EL28" s="104">
        <v>298855</v>
      </c>
      <c r="EM28" s="104">
        <v>318716</v>
      </c>
      <c r="EN28" s="102">
        <v>829989</v>
      </c>
      <c r="EO28" s="106">
        <v>855302</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033468</v>
      </c>
      <c r="FM28" s="104">
        <v>2114963</v>
      </c>
      <c r="FN28" s="103">
        <v>3148431</v>
      </c>
      <c r="FO28" s="100">
        <v>0</v>
      </c>
      <c r="FP28" s="104">
        <v>2763822</v>
      </c>
      <c r="FQ28" s="104">
        <v>6473283</v>
      </c>
      <c r="FR28" s="104">
        <v>3996631</v>
      </c>
      <c r="FS28" s="104">
        <v>4350524</v>
      </c>
      <c r="FT28" s="104">
        <v>2172465</v>
      </c>
      <c r="FU28" s="103">
        <v>19756725</v>
      </c>
      <c r="FV28" s="106">
        <v>22905156</v>
      </c>
      <c r="FW28" s="105">
        <v>468349</v>
      </c>
      <c r="FX28" s="104">
        <v>1734533</v>
      </c>
      <c r="FY28" s="102">
        <v>2202882</v>
      </c>
      <c r="FZ28" s="101">
        <v>0</v>
      </c>
      <c r="GA28" s="104">
        <v>2250204</v>
      </c>
      <c r="GB28" s="104">
        <v>5667545</v>
      </c>
      <c r="GC28" s="104">
        <v>3493207</v>
      </c>
      <c r="GD28" s="104">
        <v>3929840</v>
      </c>
      <c r="GE28" s="104">
        <v>2090142</v>
      </c>
      <c r="GF28" s="103">
        <v>17430938</v>
      </c>
      <c r="GG28" s="296">
        <v>19633820</v>
      </c>
      <c r="GH28" s="105">
        <v>27324</v>
      </c>
      <c r="GI28" s="104">
        <v>18450</v>
      </c>
      <c r="GJ28" s="102">
        <v>45774</v>
      </c>
      <c r="GK28" s="101">
        <v>0</v>
      </c>
      <c r="GL28" s="104">
        <v>65088</v>
      </c>
      <c r="GM28" s="104">
        <v>164488</v>
      </c>
      <c r="GN28" s="104">
        <v>31590</v>
      </c>
      <c r="GO28" s="104">
        <v>160620</v>
      </c>
      <c r="GP28" s="104">
        <v>54153</v>
      </c>
      <c r="GQ28" s="103">
        <v>475939</v>
      </c>
      <c r="GR28" s="106">
        <v>521713</v>
      </c>
      <c r="GS28" s="100">
        <v>537795</v>
      </c>
      <c r="GT28" s="104">
        <v>361980</v>
      </c>
      <c r="GU28" s="103">
        <v>899775</v>
      </c>
      <c r="GV28" s="100">
        <v>0</v>
      </c>
      <c r="GW28" s="104">
        <v>448530</v>
      </c>
      <c r="GX28" s="104">
        <v>641250</v>
      </c>
      <c r="GY28" s="104">
        <v>471834</v>
      </c>
      <c r="GZ28" s="104">
        <v>260064</v>
      </c>
      <c r="HA28" s="104">
        <v>28170</v>
      </c>
      <c r="HB28" s="102">
        <v>1849848</v>
      </c>
      <c r="HC28" s="106">
        <v>2749623</v>
      </c>
      <c r="HD28" s="100">
        <v>472287</v>
      </c>
      <c r="HE28" s="104">
        <v>215811</v>
      </c>
      <c r="HF28" s="102">
        <v>688098</v>
      </c>
      <c r="HG28" s="101">
        <v>0</v>
      </c>
      <c r="HH28" s="104">
        <v>9684097</v>
      </c>
      <c r="HI28" s="104">
        <v>8505755</v>
      </c>
      <c r="HJ28" s="104">
        <v>6823178</v>
      </c>
      <c r="HK28" s="104">
        <v>12467828</v>
      </c>
      <c r="HL28" s="104">
        <v>8694012</v>
      </c>
      <c r="HM28" s="103">
        <v>46174870</v>
      </c>
      <c r="HN28" s="99">
        <v>46862968</v>
      </c>
      <c r="HO28" s="105">
        <v>595380</v>
      </c>
      <c r="HP28" s="104">
        <v>1331917</v>
      </c>
      <c r="HQ28" s="103">
        <v>1927297</v>
      </c>
      <c r="HR28" s="100">
        <v>0</v>
      </c>
      <c r="HS28" s="104">
        <v>7737798</v>
      </c>
      <c r="HT28" s="104">
        <v>7988231</v>
      </c>
      <c r="HU28" s="104">
        <v>5092648</v>
      </c>
      <c r="HV28" s="104">
        <v>3853458</v>
      </c>
      <c r="HW28" s="104">
        <v>1888121</v>
      </c>
      <c r="HX28" s="102">
        <v>26560256</v>
      </c>
      <c r="HY28" s="106">
        <v>28487553</v>
      </c>
      <c r="HZ28" s="137">
        <v>0</v>
      </c>
      <c r="IA28" s="122">
        <v>0</v>
      </c>
      <c r="IB28" s="137">
        <v>0</v>
      </c>
      <c r="IC28" s="121">
        <v>0</v>
      </c>
      <c r="ID28" s="122">
        <v>12885798</v>
      </c>
      <c r="IE28" s="123">
        <v>6392524</v>
      </c>
      <c r="IF28" s="124">
        <v>9500257</v>
      </c>
      <c r="IG28" s="122">
        <v>7635851</v>
      </c>
      <c r="IH28" s="124">
        <v>3489443</v>
      </c>
      <c r="II28" s="125">
        <v>39903873</v>
      </c>
      <c r="IJ28" s="137">
        <v>39903873</v>
      </c>
      <c r="IK28" s="219">
        <v>0</v>
      </c>
      <c r="IL28" s="223">
        <v>0</v>
      </c>
      <c r="IM28" s="224">
        <v>0</v>
      </c>
      <c r="IN28" s="127"/>
      <c r="IO28" s="109">
        <v>0</v>
      </c>
      <c r="IP28" s="109">
        <v>0</v>
      </c>
      <c r="IQ28" s="109">
        <v>352002</v>
      </c>
      <c r="IR28" s="109">
        <v>0</v>
      </c>
      <c r="IS28" s="109">
        <v>324165</v>
      </c>
      <c r="IT28" s="128">
        <v>676167</v>
      </c>
      <c r="IU28" s="298">
        <v>676167</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2852779</v>
      </c>
      <c r="JL28" s="109">
        <v>2585167</v>
      </c>
      <c r="JM28" s="109">
        <v>2701697</v>
      </c>
      <c r="JN28" s="109">
        <v>2063983</v>
      </c>
      <c r="JO28" s="109">
        <v>850468</v>
      </c>
      <c r="JP28" s="110">
        <v>11054094</v>
      </c>
      <c r="JQ28" s="298">
        <v>11054094</v>
      </c>
      <c r="JR28" s="129">
        <v>0</v>
      </c>
      <c r="JS28" s="109">
        <v>0</v>
      </c>
      <c r="JT28" s="128">
        <v>0</v>
      </c>
      <c r="JU28" s="108">
        <v>0</v>
      </c>
      <c r="JV28" s="109">
        <v>0</v>
      </c>
      <c r="JW28" s="109">
        <v>0</v>
      </c>
      <c r="JX28" s="109">
        <v>350782</v>
      </c>
      <c r="JY28" s="109">
        <v>287262</v>
      </c>
      <c r="JZ28" s="109">
        <v>0</v>
      </c>
      <c r="KA28" s="110">
        <v>638044</v>
      </c>
      <c r="KB28" s="298">
        <v>638044</v>
      </c>
      <c r="KC28" s="221">
        <v>0</v>
      </c>
      <c r="KD28" s="217">
        <v>0</v>
      </c>
      <c r="KE28" s="110">
        <v>0</v>
      </c>
      <c r="KF28" s="108">
        <v>0</v>
      </c>
      <c r="KG28" s="109">
        <v>649405</v>
      </c>
      <c r="KH28" s="109">
        <v>-1157665</v>
      </c>
      <c r="KI28" s="109">
        <v>656862</v>
      </c>
      <c r="KJ28" s="109">
        <v>583218</v>
      </c>
      <c r="KK28" s="109">
        <v>311881</v>
      </c>
      <c r="KL28" s="110">
        <v>1043701</v>
      </c>
      <c r="KM28" s="130">
        <v>1043701</v>
      </c>
      <c r="KN28" s="219">
        <v>0</v>
      </c>
      <c r="KO28" s="223">
        <v>0</v>
      </c>
      <c r="KP28" s="224">
        <v>0</v>
      </c>
      <c r="KQ28" s="127"/>
      <c r="KR28" s="109">
        <v>9383614</v>
      </c>
      <c r="KS28" s="109">
        <v>4965022</v>
      </c>
      <c r="KT28" s="109">
        <v>5438914</v>
      </c>
      <c r="KU28" s="109">
        <v>4381521</v>
      </c>
      <c r="KV28" s="109">
        <v>2002929</v>
      </c>
      <c r="KW28" s="110">
        <v>26172000</v>
      </c>
      <c r="KX28" s="298">
        <v>26172000</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319867</v>
      </c>
      <c r="MC28" s="109">
        <v>0</v>
      </c>
      <c r="MD28" s="110">
        <v>319867</v>
      </c>
      <c r="ME28" s="111">
        <v>319867</v>
      </c>
      <c r="MF28" s="129">
        <v>0</v>
      </c>
      <c r="MG28" s="109">
        <v>0</v>
      </c>
      <c r="MH28" s="110">
        <v>0</v>
      </c>
      <c r="MI28" s="132"/>
      <c r="MJ28" s="109">
        <v>3803926</v>
      </c>
      <c r="MK28" s="109">
        <v>10104073</v>
      </c>
      <c r="ML28" s="109">
        <v>34124252</v>
      </c>
      <c r="MM28" s="109">
        <v>54751202</v>
      </c>
      <c r="MN28" s="109">
        <v>41862748</v>
      </c>
      <c r="MO28" s="110">
        <v>144646201</v>
      </c>
      <c r="MP28" s="130">
        <v>144646201</v>
      </c>
      <c r="MQ28" s="129">
        <v>0</v>
      </c>
      <c r="MR28" s="109">
        <v>0</v>
      </c>
      <c r="MS28" s="110">
        <v>0</v>
      </c>
      <c r="MT28" s="132"/>
      <c r="MU28" s="109">
        <v>436230</v>
      </c>
      <c r="MV28" s="109">
        <v>2360188</v>
      </c>
      <c r="MW28" s="109">
        <v>22665262</v>
      </c>
      <c r="MX28" s="109">
        <v>35350565</v>
      </c>
      <c r="MY28" s="109">
        <v>27369125</v>
      </c>
      <c r="MZ28" s="110">
        <v>88181370</v>
      </c>
      <c r="NA28" s="130">
        <v>88181370</v>
      </c>
      <c r="NB28" s="129">
        <v>0</v>
      </c>
      <c r="NC28" s="109">
        <v>0</v>
      </c>
      <c r="ND28" s="110">
        <v>0</v>
      </c>
      <c r="NE28" s="132"/>
      <c r="NF28" s="109">
        <v>3367696</v>
      </c>
      <c r="NG28" s="109">
        <v>7743885</v>
      </c>
      <c r="NH28" s="109">
        <v>11458990</v>
      </c>
      <c r="NI28" s="109">
        <v>18217435</v>
      </c>
      <c r="NJ28" s="109">
        <v>10239531</v>
      </c>
      <c r="NK28" s="110">
        <v>51027537</v>
      </c>
      <c r="NL28" s="298">
        <v>51027537</v>
      </c>
      <c r="NM28" s="129">
        <v>0</v>
      </c>
      <c r="NN28" s="109">
        <v>0</v>
      </c>
      <c r="NO28" s="110">
        <v>0</v>
      </c>
      <c r="NP28" s="132"/>
      <c r="NQ28" s="109">
        <v>0</v>
      </c>
      <c r="NR28" s="109">
        <v>0</v>
      </c>
      <c r="NS28" s="109">
        <v>0</v>
      </c>
      <c r="NT28" s="109">
        <v>0</v>
      </c>
      <c r="NU28" s="109">
        <v>677518</v>
      </c>
      <c r="NV28" s="110">
        <v>677518</v>
      </c>
      <c r="NW28" s="111">
        <v>677518</v>
      </c>
      <c r="NX28" s="129">
        <v>0</v>
      </c>
      <c r="NY28" s="109">
        <v>0</v>
      </c>
      <c r="NZ28" s="110">
        <v>0</v>
      </c>
      <c r="OA28" s="132"/>
      <c r="OB28" s="109">
        <v>0</v>
      </c>
      <c r="OC28" s="109">
        <v>0</v>
      </c>
      <c r="OD28" s="109">
        <v>0</v>
      </c>
      <c r="OE28" s="109">
        <v>1183202</v>
      </c>
      <c r="OF28" s="109">
        <v>3576574</v>
      </c>
      <c r="OG28" s="110">
        <v>4759776</v>
      </c>
      <c r="OH28" s="111">
        <v>4759776</v>
      </c>
      <c r="OI28" s="129">
        <v>3264312</v>
      </c>
      <c r="OJ28" s="109">
        <v>6828413</v>
      </c>
      <c r="OK28" s="128">
        <v>10092725</v>
      </c>
      <c r="OL28" s="108">
        <v>0</v>
      </c>
      <c r="OM28" s="109">
        <v>69690979</v>
      </c>
      <c r="ON28" s="109">
        <v>80279152</v>
      </c>
      <c r="OO28" s="109">
        <v>94810353</v>
      </c>
      <c r="OP28" s="109">
        <v>116334095</v>
      </c>
      <c r="OQ28" s="109">
        <v>79889487</v>
      </c>
      <c r="OR28" s="110">
        <v>441004066</v>
      </c>
      <c r="OS28" s="130">
        <v>451096791</v>
      </c>
    </row>
    <row r="29" spans="2:409" ht="21" customHeight="1" x14ac:dyDescent="0.2">
      <c r="B29" s="472" t="s">
        <v>24</v>
      </c>
      <c r="C29" s="100">
        <v>3173578</v>
      </c>
      <c r="D29" s="104">
        <v>3442891</v>
      </c>
      <c r="E29" s="103">
        <v>6616469</v>
      </c>
      <c r="F29" s="99">
        <v>0</v>
      </c>
      <c r="G29" s="104">
        <v>27567895</v>
      </c>
      <c r="H29" s="104">
        <v>28360088</v>
      </c>
      <c r="I29" s="104">
        <v>24983128</v>
      </c>
      <c r="J29" s="104">
        <v>26300388</v>
      </c>
      <c r="K29" s="104">
        <v>20153597</v>
      </c>
      <c r="L29" s="160">
        <v>127365096</v>
      </c>
      <c r="M29" s="106">
        <v>133981565</v>
      </c>
      <c r="N29" s="100">
        <v>706760</v>
      </c>
      <c r="O29" s="104">
        <v>838259</v>
      </c>
      <c r="P29" s="103">
        <v>1545019</v>
      </c>
      <c r="Q29" s="100">
        <v>0</v>
      </c>
      <c r="R29" s="104">
        <v>6721020</v>
      </c>
      <c r="S29" s="104">
        <v>8270892</v>
      </c>
      <c r="T29" s="104">
        <v>8274157</v>
      </c>
      <c r="U29" s="104">
        <v>8726277</v>
      </c>
      <c r="V29" s="104">
        <v>10147477</v>
      </c>
      <c r="W29" s="103">
        <v>42139823</v>
      </c>
      <c r="X29" s="106">
        <v>43684842</v>
      </c>
      <c r="Y29" s="100">
        <v>0</v>
      </c>
      <c r="Z29" s="104">
        <v>0</v>
      </c>
      <c r="AA29" s="103">
        <v>0</v>
      </c>
      <c r="AB29" s="100">
        <v>0</v>
      </c>
      <c r="AC29" s="104">
        <v>2612070</v>
      </c>
      <c r="AD29" s="104">
        <v>3478451</v>
      </c>
      <c r="AE29" s="104">
        <v>5293520</v>
      </c>
      <c r="AF29" s="104">
        <v>4259669</v>
      </c>
      <c r="AG29" s="104">
        <v>5950773</v>
      </c>
      <c r="AH29" s="103">
        <v>21594483</v>
      </c>
      <c r="AI29" s="106">
        <v>21594483</v>
      </c>
      <c r="AJ29" s="100">
        <v>0</v>
      </c>
      <c r="AK29" s="104">
        <v>0</v>
      </c>
      <c r="AL29" s="103">
        <v>0</v>
      </c>
      <c r="AM29" s="100">
        <v>0</v>
      </c>
      <c r="AN29" s="104">
        <v>52822</v>
      </c>
      <c r="AO29" s="104">
        <v>106516</v>
      </c>
      <c r="AP29" s="104">
        <v>137995</v>
      </c>
      <c r="AQ29" s="104">
        <v>833049</v>
      </c>
      <c r="AR29" s="104">
        <v>1453527</v>
      </c>
      <c r="AS29" s="103">
        <v>2583909</v>
      </c>
      <c r="AT29" s="106">
        <v>2583909</v>
      </c>
      <c r="AU29" s="100">
        <v>438266</v>
      </c>
      <c r="AV29" s="104">
        <v>652235</v>
      </c>
      <c r="AW29" s="103">
        <v>1090501</v>
      </c>
      <c r="AX29" s="100">
        <v>0</v>
      </c>
      <c r="AY29" s="104">
        <v>2671531</v>
      </c>
      <c r="AZ29" s="104">
        <v>3338785</v>
      </c>
      <c r="BA29" s="104">
        <v>1575966</v>
      </c>
      <c r="BB29" s="104">
        <v>2139179</v>
      </c>
      <c r="BC29" s="104">
        <v>1594615</v>
      </c>
      <c r="BD29" s="103">
        <v>11320076</v>
      </c>
      <c r="BE29" s="106">
        <v>12410577</v>
      </c>
      <c r="BF29" s="100">
        <v>0</v>
      </c>
      <c r="BG29" s="104">
        <v>29244</v>
      </c>
      <c r="BH29" s="102">
        <v>29244</v>
      </c>
      <c r="BI29" s="101">
        <v>0</v>
      </c>
      <c r="BJ29" s="104">
        <v>141679</v>
      </c>
      <c r="BK29" s="104">
        <v>220565</v>
      </c>
      <c r="BL29" s="104">
        <v>66687</v>
      </c>
      <c r="BM29" s="104">
        <v>78744</v>
      </c>
      <c r="BN29" s="104">
        <v>123837</v>
      </c>
      <c r="BO29" s="103">
        <v>631512</v>
      </c>
      <c r="BP29" s="106">
        <v>660756</v>
      </c>
      <c r="BQ29" s="100">
        <v>268494</v>
      </c>
      <c r="BR29" s="104">
        <v>156780</v>
      </c>
      <c r="BS29" s="103">
        <v>425274</v>
      </c>
      <c r="BT29" s="100">
        <v>0</v>
      </c>
      <c r="BU29" s="104">
        <v>1242918</v>
      </c>
      <c r="BV29" s="104">
        <v>1126575</v>
      </c>
      <c r="BW29" s="104">
        <v>1199989</v>
      </c>
      <c r="BX29" s="104">
        <v>1415636</v>
      </c>
      <c r="BY29" s="104">
        <v>1024725</v>
      </c>
      <c r="BZ29" s="103">
        <v>6009843</v>
      </c>
      <c r="CA29" s="106">
        <v>6435117</v>
      </c>
      <c r="CB29" s="100">
        <v>267517</v>
      </c>
      <c r="CC29" s="104">
        <v>535226</v>
      </c>
      <c r="CD29" s="103">
        <v>802743</v>
      </c>
      <c r="CE29" s="100">
        <v>0</v>
      </c>
      <c r="CF29" s="104">
        <v>8795334</v>
      </c>
      <c r="CG29" s="104">
        <v>8230594</v>
      </c>
      <c r="CH29" s="104">
        <v>5474768</v>
      </c>
      <c r="CI29" s="104">
        <v>3206596</v>
      </c>
      <c r="CJ29" s="104">
        <v>2368999</v>
      </c>
      <c r="CK29" s="103">
        <v>28076291</v>
      </c>
      <c r="CL29" s="106">
        <v>28879034</v>
      </c>
      <c r="CM29" s="100">
        <v>0</v>
      </c>
      <c r="CN29" s="104">
        <v>0</v>
      </c>
      <c r="CO29" s="103">
        <v>0</v>
      </c>
      <c r="CP29" s="101">
        <v>0</v>
      </c>
      <c r="CQ29" s="104">
        <v>6069305</v>
      </c>
      <c r="CR29" s="104">
        <v>5958308</v>
      </c>
      <c r="CS29" s="104">
        <v>3703888</v>
      </c>
      <c r="CT29" s="104">
        <v>2164828</v>
      </c>
      <c r="CU29" s="104">
        <v>975006</v>
      </c>
      <c r="CV29" s="103">
        <v>18871335</v>
      </c>
      <c r="CW29" s="106">
        <v>18871335</v>
      </c>
      <c r="CX29" s="100">
        <v>267517</v>
      </c>
      <c r="CY29" s="104">
        <v>535226</v>
      </c>
      <c r="CZ29" s="103">
        <v>802743</v>
      </c>
      <c r="DA29" s="100">
        <v>0</v>
      </c>
      <c r="DB29" s="104">
        <v>2726029</v>
      </c>
      <c r="DC29" s="104">
        <v>2272286</v>
      </c>
      <c r="DD29" s="104">
        <v>1770880</v>
      </c>
      <c r="DE29" s="104">
        <v>1041768</v>
      </c>
      <c r="DF29" s="104">
        <v>1393993</v>
      </c>
      <c r="DG29" s="103">
        <v>9204956</v>
      </c>
      <c r="DH29" s="106">
        <v>10007699</v>
      </c>
      <c r="DI29" s="100">
        <v>24627</v>
      </c>
      <c r="DJ29" s="104">
        <v>15850</v>
      </c>
      <c r="DK29" s="102">
        <v>40477</v>
      </c>
      <c r="DL29" s="101">
        <v>0</v>
      </c>
      <c r="DM29" s="104">
        <v>915763</v>
      </c>
      <c r="DN29" s="104">
        <v>1168322</v>
      </c>
      <c r="DO29" s="104">
        <v>1859407</v>
      </c>
      <c r="DP29" s="104">
        <v>2625544</v>
      </c>
      <c r="DQ29" s="104">
        <v>803810</v>
      </c>
      <c r="DR29" s="103">
        <v>7372846</v>
      </c>
      <c r="DS29" s="106">
        <v>7413323</v>
      </c>
      <c r="DT29" s="100">
        <v>24627</v>
      </c>
      <c r="DU29" s="104">
        <v>15850</v>
      </c>
      <c r="DV29" s="103">
        <v>40477</v>
      </c>
      <c r="DW29" s="100">
        <v>0</v>
      </c>
      <c r="DX29" s="104">
        <v>826448</v>
      </c>
      <c r="DY29" s="104">
        <v>1168322</v>
      </c>
      <c r="DZ29" s="104">
        <v>1801722</v>
      </c>
      <c r="EA29" s="104">
        <v>2466908</v>
      </c>
      <c r="EB29" s="104">
        <v>732021</v>
      </c>
      <c r="EC29" s="103">
        <v>6995421</v>
      </c>
      <c r="ED29" s="106">
        <v>7035898</v>
      </c>
      <c r="EE29" s="100">
        <v>0</v>
      </c>
      <c r="EF29" s="102">
        <v>0</v>
      </c>
      <c r="EG29" s="103">
        <v>0</v>
      </c>
      <c r="EH29" s="100">
        <v>0</v>
      </c>
      <c r="EI29" s="104">
        <v>89315</v>
      </c>
      <c r="EJ29" s="104">
        <v>0</v>
      </c>
      <c r="EK29" s="104">
        <v>57685</v>
      </c>
      <c r="EL29" s="104">
        <v>158636</v>
      </c>
      <c r="EM29" s="104">
        <v>71789</v>
      </c>
      <c r="EN29" s="102">
        <v>377425</v>
      </c>
      <c r="EO29" s="106">
        <v>377425</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950915</v>
      </c>
      <c r="FM29" s="104">
        <v>596206</v>
      </c>
      <c r="FN29" s="103">
        <v>1547121</v>
      </c>
      <c r="FO29" s="100">
        <v>0</v>
      </c>
      <c r="FP29" s="104">
        <v>1357800</v>
      </c>
      <c r="FQ29" s="104">
        <v>2353806</v>
      </c>
      <c r="FR29" s="104">
        <v>1683131</v>
      </c>
      <c r="FS29" s="104">
        <v>1423093</v>
      </c>
      <c r="FT29" s="104">
        <v>1374226</v>
      </c>
      <c r="FU29" s="103">
        <v>8192056</v>
      </c>
      <c r="FV29" s="106">
        <v>9739177</v>
      </c>
      <c r="FW29" s="105">
        <v>390147</v>
      </c>
      <c r="FX29" s="104">
        <v>462259</v>
      </c>
      <c r="FY29" s="102">
        <v>852406</v>
      </c>
      <c r="FZ29" s="101">
        <v>0</v>
      </c>
      <c r="GA29" s="104">
        <v>1029345</v>
      </c>
      <c r="GB29" s="104">
        <v>2196495</v>
      </c>
      <c r="GC29" s="104">
        <v>1560875</v>
      </c>
      <c r="GD29" s="104">
        <v>1423093</v>
      </c>
      <c r="GE29" s="104">
        <v>1234226</v>
      </c>
      <c r="GF29" s="103">
        <v>7444034</v>
      </c>
      <c r="GG29" s="296">
        <v>8296440</v>
      </c>
      <c r="GH29" s="105">
        <v>58506</v>
      </c>
      <c r="GI29" s="104">
        <v>39447</v>
      </c>
      <c r="GJ29" s="102">
        <v>97953</v>
      </c>
      <c r="GK29" s="101">
        <v>0</v>
      </c>
      <c r="GL29" s="104">
        <v>90855</v>
      </c>
      <c r="GM29" s="104">
        <v>38511</v>
      </c>
      <c r="GN29" s="104">
        <v>34056</v>
      </c>
      <c r="GO29" s="104">
        <v>0</v>
      </c>
      <c r="GP29" s="104">
        <v>0</v>
      </c>
      <c r="GQ29" s="103">
        <v>163422</v>
      </c>
      <c r="GR29" s="106">
        <v>261375</v>
      </c>
      <c r="GS29" s="100">
        <v>502262</v>
      </c>
      <c r="GT29" s="104">
        <v>94500</v>
      </c>
      <c r="GU29" s="103">
        <v>596762</v>
      </c>
      <c r="GV29" s="100">
        <v>0</v>
      </c>
      <c r="GW29" s="104">
        <v>237600</v>
      </c>
      <c r="GX29" s="104">
        <v>118800</v>
      </c>
      <c r="GY29" s="104">
        <v>88200</v>
      </c>
      <c r="GZ29" s="104">
        <v>0</v>
      </c>
      <c r="HA29" s="104">
        <v>140000</v>
      </c>
      <c r="HB29" s="102">
        <v>584600</v>
      </c>
      <c r="HC29" s="106">
        <v>1181362</v>
      </c>
      <c r="HD29" s="100">
        <v>675695</v>
      </c>
      <c r="HE29" s="104">
        <v>962421</v>
      </c>
      <c r="HF29" s="102">
        <v>1638116</v>
      </c>
      <c r="HG29" s="101">
        <v>0</v>
      </c>
      <c r="HH29" s="104">
        <v>5994323</v>
      </c>
      <c r="HI29" s="104">
        <v>5211182</v>
      </c>
      <c r="HJ29" s="104">
        <v>5450780</v>
      </c>
      <c r="HK29" s="104">
        <v>8944124</v>
      </c>
      <c r="HL29" s="104">
        <v>4503085</v>
      </c>
      <c r="HM29" s="103">
        <v>30103494</v>
      </c>
      <c r="HN29" s="99">
        <v>31741610</v>
      </c>
      <c r="HO29" s="105">
        <v>548064</v>
      </c>
      <c r="HP29" s="104">
        <v>494929</v>
      </c>
      <c r="HQ29" s="103">
        <v>1042993</v>
      </c>
      <c r="HR29" s="100">
        <v>0</v>
      </c>
      <c r="HS29" s="104">
        <v>3783655</v>
      </c>
      <c r="HT29" s="104">
        <v>3125292</v>
      </c>
      <c r="HU29" s="104">
        <v>2240885</v>
      </c>
      <c r="HV29" s="104">
        <v>1374754</v>
      </c>
      <c r="HW29" s="104">
        <v>956000</v>
      </c>
      <c r="HX29" s="102">
        <v>11480586</v>
      </c>
      <c r="HY29" s="106">
        <v>12523579</v>
      </c>
      <c r="HZ29" s="118">
        <v>0</v>
      </c>
      <c r="IA29" s="119">
        <v>162380</v>
      </c>
      <c r="IB29" s="120">
        <v>162380</v>
      </c>
      <c r="IC29" s="133">
        <v>0</v>
      </c>
      <c r="ID29" s="119">
        <v>4826081</v>
      </c>
      <c r="IE29" s="134">
        <v>4419138</v>
      </c>
      <c r="IF29" s="120">
        <v>7439186</v>
      </c>
      <c r="IG29" s="119">
        <v>4718735</v>
      </c>
      <c r="IH29" s="120">
        <v>1660775</v>
      </c>
      <c r="II29" s="135">
        <v>23063915</v>
      </c>
      <c r="IJ29" s="126">
        <v>23226295</v>
      </c>
      <c r="IK29" s="219">
        <v>0</v>
      </c>
      <c r="IL29" s="223">
        <v>0</v>
      </c>
      <c r="IM29" s="224">
        <v>0</v>
      </c>
      <c r="IN29" s="127"/>
      <c r="IO29" s="109">
        <v>147968</v>
      </c>
      <c r="IP29" s="109">
        <v>223850</v>
      </c>
      <c r="IQ29" s="109">
        <v>1021281</v>
      </c>
      <c r="IR29" s="109">
        <v>620935</v>
      </c>
      <c r="IS29" s="109">
        <v>0</v>
      </c>
      <c r="IT29" s="128">
        <v>2014034</v>
      </c>
      <c r="IU29" s="298">
        <v>2014034</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1914383</v>
      </c>
      <c r="JL29" s="109">
        <v>1186830</v>
      </c>
      <c r="JM29" s="109">
        <v>1875020</v>
      </c>
      <c r="JN29" s="109">
        <v>355569</v>
      </c>
      <c r="JO29" s="109">
        <v>227948</v>
      </c>
      <c r="JP29" s="110">
        <v>5559750</v>
      </c>
      <c r="JQ29" s="298">
        <v>5559750</v>
      </c>
      <c r="JR29" s="129">
        <v>0</v>
      </c>
      <c r="JS29" s="109">
        <v>0</v>
      </c>
      <c r="JT29" s="128">
        <v>0</v>
      </c>
      <c r="JU29" s="108">
        <v>0</v>
      </c>
      <c r="JV29" s="109">
        <v>501008</v>
      </c>
      <c r="JW29" s="109">
        <v>575075</v>
      </c>
      <c r="JX29" s="109">
        <v>507213</v>
      </c>
      <c r="JY29" s="109">
        <v>452102</v>
      </c>
      <c r="JZ29" s="109">
        <v>110120</v>
      </c>
      <c r="KA29" s="110">
        <v>2145518</v>
      </c>
      <c r="KB29" s="298">
        <v>2145518</v>
      </c>
      <c r="KC29" s="221">
        <v>0</v>
      </c>
      <c r="KD29" s="217">
        <v>162380</v>
      </c>
      <c r="KE29" s="110">
        <v>162380</v>
      </c>
      <c r="KF29" s="108">
        <v>0</v>
      </c>
      <c r="KG29" s="109">
        <v>1768815</v>
      </c>
      <c r="KH29" s="109">
        <v>1434407</v>
      </c>
      <c r="KI29" s="109">
        <v>2348202</v>
      </c>
      <c r="KJ29" s="109">
        <v>1337211</v>
      </c>
      <c r="KK29" s="109">
        <v>314582</v>
      </c>
      <c r="KL29" s="110">
        <v>7203217</v>
      </c>
      <c r="KM29" s="130">
        <v>7365597</v>
      </c>
      <c r="KN29" s="219">
        <v>0</v>
      </c>
      <c r="KO29" s="223">
        <v>0</v>
      </c>
      <c r="KP29" s="224">
        <v>0</v>
      </c>
      <c r="KQ29" s="127"/>
      <c r="KR29" s="109">
        <v>493907</v>
      </c>
      <c r="KS29" s="109">
        <v>998976</v>
      </c>
      <c r="KT29" s="109">
        <v>1687470</v>
      </c>
      <c r="KU29" s="109">
        <v>1952918</v>
      </c>
      <c r="KV29" s="109">
        <v>1008125</v>
      </c>
      <c r="KW29" s="110">
        <v>6141396</v>
      </c>
      <c r="KX29" s="298">
        <v>6141396</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2869265</v>
      </c>
      <c r="MK29" s="109">
        <v>2655677</v>
      </c>
      <c r="ML29" s="109">
        <v>12564407</v>
      </c>
      <c r="MM29" s="109">
        <v>32140403</v>
      </c>
      <c r="MN29" s="109">
        <v>20597570</v>
      </c>
      <c r="MO29" s="110">
        <v>70827322</v>
      </c>
      <c r="MP29" s="130">
        <v>70827322</v>
      </c>
      <c r="MQ29" s="129">
        <v>0</v>
      </c>
      <c r="MR29" s="109">
        <v>0</v>
      </c>
      <c r="MS29" s="110">
        <v>0</v>
      </c>
      <c r="MT29" s="132"/>
      <c r="MU29" s="109">
        <v>0</v>
      </c>
      <c r="MV29" s="109">
        <v>0</v>
      </c>
      <c r="MW29" s="109">
        <v>6609790</v>
      </c>
      <c r="MX29" s="109">
        <v>22537228</v>
      </c>
      <c r="MY29" s="109">
        <v>16151451</v>
      </c>
      <c r="MZ29" s="110">
        <v>45298469</v>
      </c>
      <c r="NA29" s="130">
        <v>45298469</v>
      </c>
      <c r="NB29" s="129">
        <v>0</v>
      </c>
      <c r="NC29" s="109">
        <v>0</v>
      </c>
      <c r="ND29" s="110">
        <v>0</v>
      </c>
      <c r="NE29" s="132"/>
      <c r="NF29" s="109">
        <v>2869265</v>
      </c>
      <c r="NG29" s="109">
        <v>2655677</v>
      </c>
      <c r="NH29" s="109">
        <v>5954617</v>
      </c>
      <c r="NI29" s="109">
        <v>9603175</v>
      </c>
      <c r="NJ29" s="109">
        <v>4446119</v>
      </c>
      <c r="NK29" s="110">
        <v>25528853</v>
      </c>
      <c r="NL29" s="298">
        <v>25528853</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3173578</v>
      </c>
      <c r="OJ29" s="109">
        <v>3605271</v>
      </c>
      <c r="OK29" s="128">
        <v>6778849</v>
      </c>
      <c r="OL29" s="108">
        <v>0</v>
      </c>
      <c r="OM29" s="109">
        <v>35263241</v>
      </c>
      <c r="ON29" s="109">
        <v>35434903</v>
      </c>
      <c r="OO29" s="109">
        <v>44986721</v>
      </c>
      <c r="OP29" s="109">
        <v>63159526</v>
      </c>
      <c r="OQ29" s="109">
        <v>42411942</v>
      </c>
      <c r="OR29" s="110">
        <v>221256333</v>
      </c>
      <c r="OS29" s="130">
        <v>228035182</v>
      </c>
    </row>
    <row r="30" spans="2:409" ht="21" customHeight="1" x14ac:dyDescent="0.2">
      <c r="B30" s="472" t="s">
        <v>25</v>
      </c>
      <c r="C30" s="100">
        <v>2876519</v>
      </c>
      <c r="D30" s="104">
        <v>4158724</v>
      </c>
      <c r="E30" s="103">
        <v>7035243</v>
      </c>
      <c r="F30" s="99">
        <v>0</v>
      </c>
      <c r="G30" s="104">
        <v>28492444</v>
      </c>
      <c r="H30" s="104">
        <v>32320433</v>
      </c>
      <c r="I30" s="104">
        <v>26909703</v>
      </c>
      <c r="J30" s="104">
        <v>26476100</v>
      </c>
      <c r="K30" s="104">
        <v>15820865</v>
      </c>
      <c r="L30" s="160">
        <v>130019545</v>
      </c>
      <c r="M30" s="106">
        <v>137054788</v>
      </c>
      <c r="N30" s="100">
        <v>555737</v>
      </c>
      <c r="O30" s="104">
        <v>1448011</v>
      </c>
      <c r="P30" s="103">
        <v>2003748</v>
      </c>
      <c r="Q30" s="100">
        <v>0</v>
      </c>
      <c r="R30" s="104">
        <v>7342183</v>
      </c>
      <c r="S30" s="104">
        <v>9812264</v>
      </c>
      <c r="T30" s="104">
        <v>9466804</v>
      </c>
      <c r="U30" s="104">
        <v>9283003</v>
      </c>
      <c r="V30" s="104">
        <v>8655114</v>
      </c>
      <c r="W30" s="103">
        <v>44559368</v>
      </c>
      <c r="X30" s="106">
        <v>46563116</v>
      </c>
      <c r="Y30" s="100">
        <v>0</v>
      </c>
      <c r="Z30" s="104">
        <v>0</v>
      </c>
      <c r="AA30" s="103">
        <v>0</v>
      </c>
      <c r="AB30" s="100">
        <v>0</v>
      </c>
      <c r="AC30" s="104">
        <v>3285211</v>
      </c>
      <c r="AD30" s="104">
        <v>4687487</v>
      </c>
      <c r="AE30" s="104">
        <v>5905524</v>
      </c>
      <c r="AF30" s="104">
        <v>5492991</v>
      </c>
      <c r="AG30" s="104">
        <v>5180623</v>
      </c>
      <c r="AH30" s="103">
        <v>24551836</v>
      </c>
      <c r="AI30" s="106">
        <v>24551836</v>
      </c>
      <c r="AJ30" s="100">
        <v>0</v>
      </c>
      <c r="AK30" s="104">
        <v>0</v>
      </c>
      <c r="AL30" s="103">
        <v>0</v>
      </c>
      <c r="AM30" s="100">
        <v>0</v>
      </c>
      <c r="AN30" s="104">
        <v>136291</v>
      </c>
      <c r="AO30" s="104">
        <v>454550</v>
      </c>
      <c r="AP30" s="104">
        <v>759564</v>
      </c>
      <c r="AQ30" s="104">
        <v>1164088</v>
      </c>
      <c r="AR30" s="104">
        <v>1466703</v>
      </c>
      <c r="AS30" s="103">
        <v>3981196</v>
      </c>
      <c r="AT30" s="106">
        <v>3981196</v>
      </c>
      <c r="AU30" s="100">
        <v>388772</v>
      </c>
      <c r="AV30" s="104">
        <v>1147345</v>
      </c>
      <c r="AW30" s="103">
        <v>1536117</v>
      </c>
      <c r="AX30" s="100">
        <v>0</v>
      </c>
      <c r="AY30" s="104">
        <v>2880442</v>
      </c>
      <c r="AZ30" s="104">
        <v>3513991</v>
      </c>
      <c r="BA30" s="104">
        <v>1646277</v>
      </c>
      <c r="BB30" s="104">
        <v>1441208</v>
      </c>
      <c r="BC30" s="104">
        <v>1200722</v>
      </c>
      <c r="BD30" s="103">
        <v>10682640</v>
      </c>
      <c r="BE30" s="106">
        <v>12218757</v>
      </c>
      <c r="BF30" s="100">
        <v>11887</v>
      </c>
      <c r="BG30" s="104">
        <v>177292</v>
      </c>
      <c r="BH30" s="102">
        <v>189179</v>
      </c>
      <c r="BI30" s="101">
        <v>0</v>
      </c>
      <c r="BJ30" s="104">
        <v>120879</v>
      </c>
      <c r="BK30" s="104">
        <v>422614</v>
      </c>
      <c r="BL30" s="104">
        <v>200924</v>
      </c>
      <c r="BM30" s="104">
        <v>149109</v>
      </c>
      <c r="BN30" s="104">
        <v>131046</v>
      </c>
      <c r="BO30" s="103">
        <v>1024572</v>
      </c>
      <c r="BP30" s="106">
        <v>1213751</v>
      </c>
      <c r="BQ30" s="100">
        <v>155078</v>
      </c>
      <c r="BR30" s="104">
        <v>123374</v>
      </c>
      <c r="BS30" s="103">
        <v>278452</v>
      </c>
      <c r="BT30" s="100">
        <v>0</v>
      </c>
      <c r="BU30" s="104">
        <v>919360</v>
      </c>
      <c r="BV30" s="104">
        <v>733622</v>
      </c>
      <c r="BW30" s="104">
        <v>954515</v>
      </c>
      <c r="BX30" s="104">
        <v>1035607</v>
      </c>
      <c r="BY30" s="104">
        <v>676020</v>
      </c>
      <c r="BZ30" s="103">
        <v>4319124</v>
      </c>
      <c r="CA30" s="106">
        <v>4597576</v>
      </c>
      <c r="CB30" s="100">
        <v>282171</v>
      </c>
      <c r="CC30" s="104">
        <v>675694</v>
      </c>
      <c r="CD30" s="103">
        <v>957865</v>
      </c>
      <c r="CE30" s="100">
        <v>0</v>
      </c>
      <c r="CF30" s="104">
        <v>11152652</v>
      </c>
      <c r="CG30" s="104">
        <v>11700235</v>
      </c>
      <c r="CH30" s="104">
        <v>7924806</v>
      </c>
      <c r="CI30" s="104">
        <v>6218729</v>
      </c>
      <c r="CJ30" s="104">
        <v>1362413</v>
      </c>
      <c r="CK30" s="103">
        <v>38358835</v>
      </c>
      <c r="CL30" s="106">
        <v>39316700</v>
      </c>
      <c r="CM30" s="100">
        <v>0</v>
      </c>
      <c r="CN30" s="104">
        <v>0</v>
      </c>
      <c r="CO30" s="103">
        <v>0</v>
      </c>
      <c r="CP30" s="101">
        <v>0</v>
      </c>
      <c r="CQ30" s="104">
        <v>8954554</v>
      </c>
      <c r="CR30" s="104">
        <v>7651727</v>
      </c>
      <c r="CS30" s="104">
        <v>5829233</v>
      </c>
      <c r="CT30" s="104">
        <v>4589063</v>
      </c>
      <c r="CU30" s="104">
        <v>984145</v>
      </c>
      <c r="CV30" s="103">
        <v>28008722</v>
      </c>
      <c r="CW30" s="106">
        <v>28008722</v>
      </c>
      <c r="CX30" s="100">
        <v>282171</v>
      </c>
      <c r="CY30" s="104">
        <v>675694</v>
      </c>
      <c r="CZ30" s="103">
        <v>957865</v>
      </c>
      <c r="DA30" s="100">
        <v>0</v>
      </c>
      <c r="DB30" s="104">
        <v>2198098</v>
      </c>
      <c r="DC30" s="104">
        <v>4048508</v>
      </c>
      <c r="DD30" s="104">
        <v>2095573</v>
      </c>
      <c r="DE30" s="104">
        <v>1629666</v>
      </c>
      <c r="DF30" s="104">
        <v>378268</v>
      </c>
      <c r="DG30" s="103">
        <v>10350113</v>
      </c>
      <c r="DH30" s="106">
        <v>11307978</v>
      </c>
      <c r="DI30" s="100">
        <v>4284</v>
      </c>
      <c r="DJ30" s="104">
        <v>0</v>
      </c>
      <c r="DK30" s="102">
        <v>4284</v>
      </c>
      <c r="DL30" s="101">
        <v>0</v>
      </c>
      <c r="DM30" s="104">
        <v>962100</v>
      </c>
      <c r="DN30" s="104">
        <v>1822776</v>
      </c>
      <c r="DO30" s="104">
        <v>2021727</v>
      </c>
      <c r="DP30" s="104">
        <v>1686495</v>
      </c>
      <c r="DQ30" s="104">
        <v>491774</v>
      </c>
      <c r="DR30" s="103">
        <v>6984872</v>
      </c>
      <c r="DS30" s="106">
        <v>6989156</v>
      </c>
      <c r="DT30" s="100">
        <v>4284</v>
      </c>
      <c r="DU30" s="104">
        <v>0</v>
      </c>
      <c r="DV30" s="103">
        <v>4284</v>
      </c>
      <c r="DW30" s="100">
        <v>0</v>
      </c>
      <c r="DX30" s="104">
        <v>798352</v>
      </c>
      <c r="DY30" s="104">
        <v>1405433</v>
      </c>
      <c r="DZ30" s="104">
        <v>1982471</v>
      </c>
      <c r="EA30" s="104">
        <v>1283748</v>
      </c>
      <c r="EB30" s="104">
        <v>93249</v>
      </c>
      <c r="EC30" s="103">
        <v>5563253</v>
      </c>
      <c r="ED30" s="106">
        <v>5567537</v>
      </c>
      <c r="EE30" s="100">
        <v>0</v>
      </c>
      <c r="EF30" s="102">
        <v>0</v>
      </c>
      <c r="EG30" s="103">
        <v>0</v>
      </c>
      <c r="EH30" s="100">
        <v>0</v>
      </c>
      <c r="EI30" s="104">
        <v>163748</v>
      </c>
      <c r="EJ30" s="104">
        <v>417343</v>
      </c>
      <c r="EK30" s="104">
        <v>39256</v>
      </c>
      <c r="EL30" s="104">
        <v>402747</v>
      </c>
      <c r="EM30" s="104">
        <v>398525</v>
      </c>
      <c r="EN30" s="102">
        <v>1421619</v>
      </c>
      <c r="EO30" s="106">
        <v>1421619</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1135376</v>
      </c>
      <c r="FM30" s="104">
        <v>1016971</v>
      </c>
      <c r="FN30" s="103">
        <v>2152347</v>
      </c>
      <c r="FO30" s="100">
        <v>0</v>
      </c>
      <c r="FP30" s="104">
        <v>1640115</v>
      </c>
      <c r="FQ30" s="104">
        <v>3271657</v>
      </c>
      <c r="FR30" s="104">
        <v>2074560</v>
      </c>
      <c r="FS30" s="104">
        <v>1950666</v>
      </c>
      <c r="FT30" s="104">
        <v>1024426</v>
      </c>
      <c r="FU30" s="103">
        <v>9961424</v>
      </c>
      <c r="FV30" s="106">
        <v>12113771</v>
      </c>
      <c r="FW30" s="105">
        <v>409977</v>
      </c>
      <c r="FX30" s="104">
        <v>921571</v>
      </c>
      <c r="FY30" s="102">
        <v>1331548</v>
      </c>
      <c r="FZ30" s="101">
        <v>0</v>
      </c>
      <c r="GA30" s="104">
        <v>996905</v>
      </c>
      <c r="GB30" s="104">
        <v>3226387</v>
      </c>
      <c r="GC30" s="104">
        <v>2074560</v>
      </c>
      <c r="GD30" s="104">
        <v>1929629</v>
      </c>
      <c r="GE30" s="104">
        <v>956026</v>
      </c>
      <c r="GF30" s="103">
        <v>9183507</v>
      </c>
      <c r="GG30" s="296">
        <v>10515055</v>
      </c>
      <c r="GH30" s="105">
        <v>144900</v>
      </c>
      <c r="GI30" s="104">
        <v>51300</v>
      </c>
      <c r="GJ30" s="102">
        <v>196200</v>
      </c>
      <c r="GK30" s="101">
        <v>0</v>
      </c>
      <c r="GL30" s="104">
        <v>10350</v>
      </c>
      <c r="GM30" s="104">
        <v>45270</v>
      </c>
      <c r="GN30" s="104">
        <v>0</v>
      </c>
      <c r="GO30" s="104">
        <v>21037</v>
      </c>
      <c r="GP30" s="104">
        <v>68400</v>
      </c>
      <c r="GQ30" s="103">
        <v>145057</v>
      </c>
      <c r="GR30" s="106">
        <v>341257</v>
      </c>
      <c r="GS30" s="100">
        <v>580499</v>
      </c>
      <c r="GT30" s="104">
        <v>44100</v>
      </c>
      <c r="GU30" s="103">
        <v>624599</v>
      </c>
      <c r="GV30" s="100">
        <v>0</v>
      </c>
      <c r="GW30" s="104">
        <v>632860</v>
      </c>
      <c r="GX30" s="104">
        <v>0</v>
      </c>
      <c r="GY30" s="104">
        <v>0</v>
      </c>
      <c r="GZ30" s="104">
        <v>0</v>
      </c>
      <c r="HA30" s="104">
        <v>0</v>
      </c>
      <c r="HB30" s="102">
        <v>632860</v>
      </c>
      <c r="HC30" s="106">
        <v>1257459</v>
      </c>
      <c r="HD30" s="100">
        <v>429835</v>
      </c>
      <c r="HE30" s="104">
        <v>189402</v>
      </c>
      <c r="HF30" s="102">
        <v>619237</v>
      </c>
      <c r="HG30" s="101">
        <v>0</v>
      </c>
      <c r="HH30" s="104">
        <v>2604973</v>
      </c>
      <c r="HI30" s="104">
        <v>1754052</v>
      </c>
      <c r="HJ30" s="104">
        <v>2869058</v>
      </c>
      <c r="HK30" s="104">
        <v>5507257</v>
      </c>
      <c r="HL30" s="104">
        <v>3520659</v>
      </c>
      <c r="HM30" s="103">
        <v>16255999</v>
      </c>
      <c r="HN30" s="99">
        <v>16875236</v>
      </c>
      <c r="HO30" s="105">
        <v>469116</v>
      </c>
      <c r="HP30" s="104">
        <v>828646</v>
      </c>
      <c r="HQ30" s="103">
        <v>1297762</v>
      </c>
      <c r="HR30" s="100">
        <v>0</v>
      </c>
      <c r="HS30" s="104">
        <v>4790421</v>
      </c>
      <c r="HT30" s="104">
        <v>3959449</v>
      </c>
      <c r="HU30" s="104">
        <v>2552748</v>
      </c>
      <c r="HV30" s="104">
        <v>1829950</v>
      </c>
      <c r="HW30" s="104">
        <v>766479</v>
      </c>
      <c r="HX30" s="102">
        <v>13899047</v>
      </c>
      <c r="HY30" s="106">
        <v>15196809</v>
      </c>
      <c r="HZ30" s="137">
        <v>87720</v>
      </c>
      <c r="IA30" s="122">
        <v>0</v>
      </c>
      <c r="IB30" s="137">
        <v>87720</v>
      </c>
      <c r="IC30" s="121">
        <v>0</v>
      </c>
      <c r="ID30" s="122">
        <v>7300442</v>
      </c>
      <c r="IE30" s="123">
        <v>4481133</v>
      </c>
      <c r="IF30" s="124">
        <v>3797885</v>
      </c>
      <c r="IG30" s="122">
        <v>3077016</v>
      </c>
      <c r="IH30" s="124">
        <v>356767</v>
      </c>
      <c r="II30" s="125">
        <v>19013243</v>
      </c>
      <c r="IJ30" s="137">
        <v>19100963</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4459544</v>
      </c>
      <c r="JL30" s="109">
        <v>1916998</v>
      </c>
      <c r="JM30" s="109">
        <v>1202862</v>
      </c>
      <c r="JN30" s="109">
        <v>310005</v>
      </c>
      <c r="JO30" s="109">
        <v>68082</v>
      </c>
      <c r="JP30" s="110">
        <v>7957491</v>
      </c>
      <c r="JQ30" s="298">
        <v>7957491</v>
      </c>
      <c r="JR30" s="129">
        <v>0</v>
      </c>
      <c r="JS30" s="109">
        <v>0</v>
      </c>
      <c r="JT30" s="128">
        <v>0</v>
      </c>
      <c r="JU30" s="108">
        <v>0</v>
      </c>
      <c r="JV30" s="109">
        <v>0</v>
      </c>
      <c r="JW30" s="109">
        <v>0</v>
      </c>
      <c r="JX30" s="109">
        <v>0</v>
      </c>
      <c r="JY30" s="109">
        <v>0</v>
      </c>
      <c r="JZ30" s="109">
        <v>0</v>
      </c>
      <c r="KA30" s="110">
        <v>0</v>
      </c>
      <c r="KB30" s="298">
        <v>0</v>
      </c>
      <c r="KC30" s="221">
        <v>87720</v>
      </c>
      <c r="KD30" s="217">
        <v>0</v>
      </c>
      <c r="KE30" s="110">
        <v>87720</v>
      </c>
      <c r="KF30" s="108">
        <v>0</v>
      </c>
      <c r="KG30" s="109">
        <v>362963</v>
      </c>
      <c r="KH30" s="109">
        <v>707023</v>
      </c>
      <c r="KI30" s="109">
        <v>243621</v>
      </c>
      <c r="KJ30" s="109">
        <v>820108</v>
      </c>
      <c r="KK30" s="109">
        <v>0</v>
      </c>
      <c r="KL30" s="110">
        <v>2133715</v>
      </c>
      <c r="KM30" s="130">
        <v>2221435</v>
      </c>
      <c r="KN30" s="219">
        <v>0</v>
      </c>
      <c r="KO30" s="223">
        <v>0</v>
      </c>
      <c r="KP30" s="224">
        <v>0</v>
      </c>
      <c r="KQ30" s="127"/>
      <c r="KR30" s="109">
        <v>2477935</v>
      </c>
      <c r="KS30" s="109">
        <v>1857112</v>
      </c>
      <c r="KT30" s="109">
        <v>2351402</v>
      </c>
      <c r="KU30" s="109">
        <v>1946903</v>
      </c>
      <c r="KV30" s="109">
        <v>288685</v>
      </c>
      <c r="KW30" s="110">
        <v>8922037</v>
      </c>
      <c r="KX30" s="298">
        <v>8922037</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3474262</v>
      </c>
      <c r="MK30" s="109">
        <v>6094279</v>
      </c>
      <c r="ML30" s="109">
        <v>20012214</v>
      </c>
      <c r="MM30" s="109">
        <v>34767711</v>
      </c>
      <c r="MN30" s="109">
        <v>25906355</v>
      </c>
      <c r="MO30" s="110">
        <v>90254821</v>
      </c>
      <c r="MP30" s="130">
        <v>90254821</v>
      </c>
      <c r="MQ30" s="129">
        <v>0</v>
      </c>
      <c r="MR30" s="109">
        <v>0</v>
      </c>
      <c r="MS30" s="110">
        <v>0</v>
      </c>
      <c r="MT30" s="132"/>
      <c r="MU30" s="109">
        <v>205744</v>
      </c>
      <c r="MV30" s="109">
        <v>1350237</v>
      </c>
      <c r="MW30" s="109">
        <v>15396887</v>
      </c>
      <c r="MX30" s="109">
        <v>19799260</v>
      </c>
      <c r="MY30" s="109">
        <v>16854611</v>
      </c>
      <c r="MZ30" s="110">
        <v>53606739</v>
      </c>
      <c r="NA30" s="130">
        <v>53606739</v>
      </c>
      <c r="NB30" s="129">
        <v>0</v>
      </c>
      <c r="NC30" s="109">
        <v>0</v>
      </c>
      <c r="ND30" s="110">
        <v>0</v>
      </c>
      <c r="NE30" s="132"/>
      <c r="NF30" s="109">
        <v>3268518</v>
      </c>
      <c r="NG30" s="109">
        <v>4744042</v>
      </c>
      <c r="NH30" s="109">
        <v>4615327</v>
      </c>
      <c r="NI30" s="109">
        <v>14968451</v>
      </c>
      <c r="NJ30" s="109">
        <v>7793051</v>
      </c>
      <c r="NK30" s="110">
        <v>35389389</v>
      </c>
      <c r="NL30" s="298">
        <v>35389389</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1258693</v>
      </c>
      <c r="OG30" s="110">
        <v>1258693</v>
      </c>
      <c r="OH30" s="111">
        <v>1258693</v>
      </c>
      <c r="OI30" s="129">
        <v>2964239</v>
      </c>
      <c r="OJ30" s="109">
        <v>4158724</v>
      </c>
      <c r="OK30" s="128">
        <v>7122963</v>
      </c>
      <c r="OL30" s="108">
        <v>0</v>
      </c>
      <c r="OM30" s="109">
        <v>39267148</v>
      </c>
      <c r="ON30" s="109">
        <v>42895845</v>
      </c>
      <c r="OO30" s="109">
        <v>50719802</v>
      </c>
      <c r="OP30" s="109">
        <v>64320827</v>
      </c>
      <c r="OQ30" s="109">
        <v>42083987</v>
      </c>
      <c r="OR30" s="110">
        <v>239287609</v>
      </c>
      <c r="OS30" s="130">
        <v>246410572</v>
      </c>
    </row>
    <row r="31" spans="2:409" ht="21" customHeight="1" x14ac:dyDescent="0.2">
      <c r="B31" s="472" t="s">
        <v>26</v>
      </c>
      <c r="C31" s="100">
        <v>1553156</v>
      </c>
      <c r="D31" s="104">
        <v>2605045</v>
      </c>
      <c r="E31" s="103">
        <v>4158201</v>
      </c>
      <c r="F31" s="99">
        <v>0</v>
      </c>
      <c r="G31" s="104">
        <v>23879592</v>
      </c>
      <c r="H31" s="104">
        <v>27180295</v>
      </c>
      <c r="I31" s="104">
        <v>25458922</v>
      </c>
      <c r="J31" s="104">
        <v>19548808</v>
      </c>
      <c r="K31" s="104">
        <v>19935146</v>
      </c>
      <c r="L31" s="160">
        <v>116002763</v>
      </c>
      <c r="M31" s="106">
        <v>120160964</v>
      </c>
      <c r="N31" s="100">
        <v>342657</v>
      </c>
      <c r="O31" s="104">
        <v>636844</v>
      </c>
      <c r="P31" s="103">
        <v>979501</v>
      </c>
      <c r="Q31" s="100">
        <v>0</v>
      </c>
      <c r="R31" s="104">
        <v>5614617</v>
      </c>
      <c r="S31" s="104">
        <v>7494228</v>
      </c>
      <c r="T31" s="104">
        <v>7981792</v>
      </c>
      <c r="U31" s="104">
        <v>8380503</v>
      </c>
      <c r="V31" s="104">
        <v>9665447</v>
      </c>
      <c r="W31" s="103">
        <v>39136587</v>
      </c>
      <c r="X31" s="106">
        <v>40116088</v>
      </c>
      <c r="Y31" s="100">
        <v>0</v>
      </c>
      <c r="Z31" s="104">
        <v>0</v>
      </c>
      <c r="AA31" s="103">
        <v>0</v>
      </c>
      <c r="AB31" s="100">
        <v>0</v>
      </c>
      <c r="AC31" s="104">
        <v>2727798</v>
      </c>
      <c r="AD31" s="104">
        <v>4111253</v>
      </c>
      <c r="AE31" s="104">
        <v>4514760</v>
      </c>
      <c r="AF31" s="104">
        <v>5210277</v>
      </c>
      <c r="AG31" s="104">
        <v>5906349</v>
      </c>
      <c r="AH31" s="103">
        <v>22470437</v>
      </c>
      <c r="AI31" s="106">
        <v>22470437</v>
      </c>
      <c r="AJ31" s="100">
        <v>0</v>
      </c>
      <c r="AK31" s="104">
        <v>0</v>
      </c>
      <c r="AL31" s="103">
        <v>0</v>
      </c>
      <c r="AM31" s="100">
        <v>0</v>
      </c>
      <c r="AN31" s="104">
        <v>0</v>
      </c>
      <c r="AO31" s="104">
        <v>31037</v>
      </c>
      <c r="AP31" s="104">
        <v>210442</v>
      </c>
      <c r="AQ31" s="104">
        <v>478280</v>
      </c>
      <c r="AR31" s="104">
        <v>1202211</v>
      </c>
      <c r="AS31" s="103">
        <v>1921970</v>
      </c>
      <c r="AT31" s="106">
        <v>1921970</v>
      </c>
      <c r="AU31" s="100">
        <v>198073</v>
      </c>
      <c r="AV31" s="104">
        <v>483864</v>
      </c>
      <c r="AW31" s="103">
        <v>681937</v>
      </c>
      <c r="AX31" s="100">
        <v>0</v>
      </c>
      <c r="AY31" s="104">
        <v>2183210</v>
      </c>
      <c r="AZ31" s="104">
        <v>2352720</v>
      </c>
      <c r="BA31" s="104">
        <v>1845432</v>
      </c>
      <c r="BB31" s="104">
        <v>1860159</v>
      </c>
      <c r="BC31" s="104">
        <v>1917130</v>
      </c>
      <c r="BD31" s="103">
        <v>10158651</v>
      </c>
      <c r="BE31" s="106">
        <v>10840588</v>
      </c>
      <c r="BF31" s="100">
        <v>0</v>
      </c>
      <c r="BG31" s="104">
        <v>54318</v>
      </c>
      <c r="BH31" s="102">
        <v>54318</v>
      </c>
      <c r="BI31" s="101">
        <v>0</v>
      </c>
      <c r="BJ31" s="104">
        <v>0</v>
      </c>
      <c r="BK31" s="104">
        <v>74841</v>
      </c>
      <c r="BL31" s="104">
        <v>299273</v>
      </c>
      <c r="BM31" s="104">
        <v>77189</v>
      </c>
      <c r="BN31" s="104">
        <v>118611</v>
      </c>
      <c r="BO31" s="103">
        <v>569914</v>
      </c>
      <c r="BP31" s="106">
        <v>624232</v>
      </c>
      <c r="BQ31" s="100">
        <v>144584</v>
      </c>
      <c r="BR31" s="104">
        <v>98662</v>
      </c>
      <c r="BS31" s="103">
        <v>243246</v>
      </c>
      <c r="BT31" s="100">
        <v>0</v>
      </c>
      <c r="BU31" s="104">
        <v>703609</v>
      </c>
      <c r="BV31" s="104">
        <v>924377</v>
      </c>
      <c r="BW31" s="104">
        <v>1111885</v>
      </c>
      <c r="BX31" s="104">
        <v>754598</v>
      </c>
      <c r="BY31" s="104">
        <v>521146</v>
      </c>
      <c r="BZ31" s="103">
        <v>4015615</v>
      </c>
      <c r="CA31" s="106">
        <v>4258861</v>
      </c>
      <c r="CB31" s="100">
        <v>180819</v>
      </c>
      <c r="CC31" s="104">
        <v>211835</v>
      </c>
      <c r="CD31" s="103">
        <v>392654</v>
      </c>
      <c r="CE31" s="100">
        <v>0</v>
      </c>
      <c r="CF31" s="104">
        <v>6890407</v>
      </c>
      <c r="CG31" s="104">
        <v>7830674</v>
      </c>
      <c r="CH31" s="104">
        <v>5674942</v>
      </c>
      <c r="CI31" s="104">
        <v>3132477</v>
      </c>
      <c r="CJ31" s="104">
        <v>3193655</v>
      </c>
      <c r="CK31" s="103">
        <v>26722155</v>
      </c>
      <c r="CL31" s="106">
        <v>27114809</v>
      </c>
      <c r="CM31" s="100">
        <v>0</v>
      </c>
      <c r="CN31" s="104">
        <v>0</v>
      </c>
      <c r="CO31" s="103">
        <v>0</v>
      </c>
      <c r="CP31" s="101">
        <v>0</v>
      </c>
      <c r="CQ31" s="104">
        <v>6069199</v>
      </c>
      <c r="CR31" s="104">
        <v>6398174</v>
      </c>
      <c r="CS31" s="104">
        <v>4666155</v>
      </c>
      <c r="CT31" s="104">
        <v>2342590</v>
      </c>
      <c r="CU31" s="104">
        <v>2599355</v>
      </c>
      <c r="CV31" s="103">
        <v>22075473</v>
      </c>
      <c r="CW31" s="106">
        <v>22075473</v>
      </c>
      <c r="CX31" s="100">
        <v>180819</v>
      </c>
      <c r="CY31" s="104">
        <v>211835</v>
      </c>
      <c r="CZ31" s="103">
        <v>392654</v>
      </c>
      <c r="DA31" s="100">
        <v>0</v>
      </c>
      <c r="DB31" s="104">
        <v>821208</v>
      </c>
      <c r="DC31" s="104">
        <v>1432500</v>
      </c>
      <c r="DD31" s="104">
        <v>1008787</v>
      </c>
      <c r="DE31" s="104">
        <v>789887</v>
      </c>
      <c r="DF31" s="104">
        <v>594300</v>
      </c>
      <c r="DG31" s="103">
        <v>4646682</v>
      </c>
      <c r="DH31" s="106">
        <v>5039336</v>
      </c>
      <c r="DI31" s="100">
        <v>0</v>
      </c>
      <c r="DJ31" s="104">
        <v>0</v>
      </c>
      <c r="DK31" s="102">
        <v>0</v>
      </c>
      <c r="DL31" s="101">
        <v>0</v>
      </c>
      <c r="DM31" s="104">
        <v>1130484</v>
      </c>
      <c r="DN31" s="104">
        <v>1544521</v>
      </c>
      <c r="DO31" s="104">
        <v>2054841</v>
      </c>
      <c r="DP31" s="104">
        <v>2235972</v>
      </c>
      <c r="DQ31" s="104">
        <v>1584038</v>
      </c>
      <c r="DR31" s="103">
        <v>8549856</v>
      </c>
      <c r="DS31" s="106">
        <v>8549856</v>
      </c>
      <c r="DT31" s="100">
        <v>0</v>
      </c>
      <c r="DU31" s="104">
        <v>0</v>
      </c>
      <c r="DV31" s="103">
        <v>0</v>
      </c>
      <c r="DW31" s="100">
        <v>0</v>
      </c>
      <c r="DX31" s="104">
        <v>958796</v>
      </c>
      <c r="DY31" s="104">
        <v>1476328</v>
      </c>
      <c r="DZ31" s="104">
        <v>1976488</v>
      </c>
      <c r="EA31" s="104">
        <v>2062085</v>
      </c>
      <c r="EB31" s="104">
        <v>1436996</v>
      </c>
      <c r="EC31" s="103">
        <v>7910693</v>
      </c>
      <c r="ED31" s="106">
        <v>7910693</v>
      </c>
      <c r="EE31" s="100">
        <v>0</v>
      </c>
      <c r="EF31" s="102">
        <v>0</v>
      </c>
      <c r="EG31" s="103">
        <v>0</v>
      </c>
      <c r="EH31" s="100">
        <v>0</v>
      </c>
      <c r="EI31" s="104">
        <v>171688</v>
      </c>
      <c r="EJ31" s="104">
        <v>68193</v>
      </c>
      <c r="EK31" s="104">
        <v>78353</v>
      </c>
      <c r="EL31" s="104">
        <v>173887</v>
      </c>
      <c r="EM31" s="104">
        <v>147042</v>
      </c>
      <c r="EN31" s="102">
        <v>639163</v>
      </c>
      <c r="EO31" s="106">
        <v>639163</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341006</v>
      </c>
      <c r="FM31" s="104">
        <v>715743</v>
      </c>
      <c r="FN31" s="103">
        <v>1056749</v>
      </c>
      <c r="FO31" s="100">
        <v>0</v>
      </c>
      <c r="FP31" s="104">
        <v>1565335</v>
      </c>
      <c r="FQ31" s="104">
        <v>2514334</v>
      </c>
      <c r="FR31" s="104">
        <v>1669975</v>
      </c>
      <c r="FS31" s="104">
        <v>1698809</v>
      </c>
      <c r="FT31" s="104">
        <v>1708043</v>
      </c>
      <c r="FU31" s="103">
        <v>9156496</v>
      </c>
      <c r="FV31" s="106">
        <v>10213245</v>
      </c>
      <c r="FW31" s="105">
        <v>289346</v>
      </c>
      <c r="FX31" s="104">
        <v>541410</v>
      </c>
      <c r="FY31" s="102">
        <v>830756</v>
      </c>
      <c r="FZ31" s="101">
        <v>0</v>
      </c>
      <c r="GA31" s="104">
        <v>1116005</v>
      </c>
      <c r="GB31" s="104">
        <v>2243092</v>
      </c>
      <c r="GC31" s="104">
        <v>1643149</v>
      </c>
      <c r="GD31" s="104">
        <v>1620437</v>
      </c>
      <c r="GE31" s="104">
        <v>1620518</v>
      </c>
      <c r="GF31" s="103">
        <v>8243201</v>
      </c>
      <c r="GG31" s="296">
        <v>9073957</v>
      </c>
      <c r="GH31" s="105">
        <v>0</v>
      </c>
      <c r="GI31" s="104">
        <v>75680</v>
      </c>
      <c r="GJ31" s="102">
        <v>75680</v>
      </c>
      <c r="GK31" s="101">
        <v>0</v>
      </c>
      <c r="GL31" s="104">
        <v>16200</v>
      </c>
      <c r="GM31" s="104">
        <v>145242</v>
      </c>
      <c r="GN31" s="104">
        <v>0</v>
      </c>
      <c r="GO31" s="104">
        <v>22572</v>
      </c>
      <c r="GP31" s="104">
        <v>87525</v>
      </c>
      <c r="GQ31" s="103">
        <v>271539</v>
      </c>
      <c r="GR31" s="106">
        <v>347219</v>
      </c>
      <c r="GS31" s="100">
        <v>51660</v>
      </c>
      <c r="GT31" s="104">
        <v>98653</v>
      </c>
      <c r="GU31" s="103">
        <v>150313</v>
      </c>
      <c r="GV31" s="100">
        <v>0</v>
      </c>
      <c r="GW31" s="104">
        <v>433130</v>
      </c>
      <c r="GX31" s="104">
        <v>126000</v>
      </c>
      <c r="GY31" s="104">
        <v>26826</v>
      </c>
      <c r="GZ31" s="104">
        <v>55800</v>
      </c>
      <c r="HA31" s="104">
        <v>0</v>
      </c>
      <c r="HB31" s="102">
        <v>641756</v>
      </c>
      <c r="HC31" s="106">
        <v>792069</v>
      </c>
      <c r="HD31" s="100">
        <v>392079</v>
      </c>
      <c r="HE31" s="104">
        <v>481122</v>
      </c>
      <c r="HF31" s="102">
        <v>873201</v>
      </c>
      <c r="HG31" s="101">
        <v>0</v>
      </c>
      <c r="HH31" s="104">
        <v>4190201</v>
      </c>
      <c r="HI31" s="104">
        <v>4186513</v>
      </c>
      <c r="HJ31" s="104">
        <v>5310086</v>
      </c>
      <c r="HK31" s="104">
        <v>2495124</v>
      </c>
      <c r="HL31" s="104">
        <v>2522244</v>
      </c>
      <c r="HM31" s="103">
        <v>18704168</v>
      </c>
      <c r="HN31" s="99">
        <v>19577369</v>
      </c>
      <c r="HO31" s="105">
        <v>296595</v>
      </c>
      <c r="HP31" s="104">
        <v>559501</v>
      </c>
      <c r="HQ31" s="103">
        <v>856096</v>
      </c>
      <c r="HR31" s="100">
        <v>0</v>
      </c>
      <c r="HS31" s="104">
        <v>4488548</v>
      </c>
      <c r="HT31" s="104">
        <v>3610025</v>
      </c>
      <c r="HU31" s="104">
        <v>2767286</v>
      </c>
      <c r="HV31" s="104">
        <v>1605923</v>
      </c>
      <c r="HW31" s="104">
        <v>1261719</v>
      </c>
      <c r="HX31" s="102">
        <v>13733501</v>
      </c>
      <c r="HY31" s="106">
        <v>14589597</v>
      </c>
      <c r="HZ31" s="118">
        <v>0</v>
      </c>
      <c r="IA31" s="119">
        <v>91695</v>
      </c>
      <c r="IB31" s="120">
        <v>91695</v>
      </c>
      <c r="IC31" s="133">
        <v>0</v>
      </c>
      <c r="ID31" s="119">
        <v>4236655</v>
      </c>
      <c r="IE31" s="134">
        <v>8916666</v>
      </c>
      <c r="IF31" s="120">
        <v>8984318</v>
      </c>
      <c r="IG31" s="119">
        <v>4307624</v>
      </c>
      <c r="IH31" s="120">
        <v>1477484</v>
      </c>
      <c r="II31" s="135">
        <v>27922747</v>
      </c>
      <c r="IJ31" s="126">
        <v>28014442</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1848519</v>
      </c>
      <c r="JL31" s="109">
        <v>3056881</v>
      </c>
      <c r="JM31" s="109">
        <v>2495773</v>
      </c>
      <c r="JN31" s="109">
        <v>836420</v>
      </c>
      <c r="JO31" s="109">
        <v>1002824</v>
      </c>
      <c r="JP31" s="110">
        <v>9240417</v>
      </c>
      <c r="JQ31" s="298">
        <v>9240417</v>
      </c>
      <c r="JR31" s="129">
        <v>0</v>
      </c>
      <c r="JS31" s="109">
        <v>0</v>
      </c>
      <c r="JT31" s="128">
        <v>0</v>
      </c>
      <c r="JU31" s="108">
        <v>0</v>
      </c>
      <c r="JV31" s="109">
        <v>0</v>
      </c>
      <c r="JW31" s="109">
        <v>313339</v>
      </c>
      <c r="JX31" s="109">
        <v>407035</v>
      </c>
      <c r="JY31" s="109">
        <v>318447</v>
      </c>
      <c r="JZ31" s="109">
        <v>146529</v>
      </c>
      <c r="KA31" s="110">
        <v>1185350</v>
      </c>
      <c r="KB31" s="298">
        <v>1185350</v>
      </c>
      <c r="KC31" s="221">
        <v>0</v>
      </c>
      <c r="KD31" s="217">
        <v>91695</v>
      </c>
      <c r="KE31" s="110">
        <v>91695</v>
      </c>
      <c r="KF31" s="108">
        <v>0</v>
      </c>
      <c r="KG31" s="109">
        <v>638237</v>
      </c>
      <c r="KH31" s="109">
        <v>1150943</v>
      </c>
      <c r="KI31" s="109">
        <v>1236767</v>
      </c>
      <c r="KJ31" s="109">
        <v>295653</v>
      </c>
      <c r="KK31" s="109">
        <v>322271</v>
      </c>
      <c r="KL31" s="110">
        <v>3643871</v>
      </c>
      <c r="KM31" s="130">
        <v>3735566</v>
      </c>
      <c r="KN31" s="219">
        <v>0</v>
      </c>
      <c r="KO31" s="223">
        <v>0</v>
      </c>
      <c r="KP31" s="224">
        <v>0</v>
      </c>
      <c r="KQ31" s="127"/>
      <c r="KR31" s="109">
        <v>1749899</v>
      </c>
      <c r="KS31" s="109">
        <v>4395503</v>
      </c>
      <c r="KT31" s="109">
        <v>4844743</v>
      </c>
      <c r="KU31" s="109">
        <v>2857104</v>
      </c>
      <c r="KV31" s="109">
        <v>5860</v>
      </c>
      <c r="KW31" s="110">
        <v>13853109</v>
      </c>
      <c r="KX31" s="298">
        <v>13853109</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2029908</v>
      </c>
      <c r="MK31" s="109">
        <v>7208401</v>
      </c>
      <c r="ML31" s="109">
        <v>14971727</v>
      </c>
      <c r="MM31" s="109">
        <v>23751293</v>
      </c>
      <c r="MN31" s="109">
        <v>18677257</v>
      </c>
      <c r="MO31" s="110">
        <v>66638586</v>
      </c>
      <c r="MP31" s="130">
        <v>66638586</v>
      </c>
      <c r="MQ31" s="129">
        <v>0</v>
      </c>
      <c r="MR31" s="109">
        <v>0</v>
      </c>
      <c r="MS31" s="110">
        <v>0</v>
      </c>
      <c r="MT31" s="132"/>
      <c r="MU31" s="109">
        <v>238068</v>
      </c>
      <c r="MV31" s="109">
        <v>1431427</v>
      </c>
      <c r="MW31" s="109">
        <v>9131984</v>
      </c>
      <c r="MX31" s="109">
        <v>17870632</v>
      </c>
      <c r="MY31" s="109">
        <v>13328892</v>
      </c>
      <c r="MZ31" s="110">
        <v>42001003</v>
      </c>
      <c r="NA31" s="130">
        <v>42001003</v>
      </c>
      <c r="NB31" s="129">
        <v>0</v>
      </c>
      <c r="NC31" s="109">
        <v>0</v>
      </c>
      <c r="ND31" s="110">
        <v>0</v>
      </c>
      <c r="NE31" s="132"/>
      <c r="NF31" s="109">
        <v>1791840</v>
      </c>
      <c r="NG31" s="109">
        <v>5776974</v>
      </c>
      <c r="NH31" s="109">
        <v>5485620</v>
      </c>
      <c r="NI31" s="109">
        <v>5880661</v>
      </c>
      <c r="NJ31" s="109">
        <v>4503547</v>
      </c>
      <c r="NK31" s="110">
        <v>23438642</v>
      </c>
      <c r="NL31" s="298">
        <v>23438642</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354123</v>
      </c>
      <c r="OE31" s="109">
        <v>0</v>
      </c>
      <c r="OF31" s="109">
        <v>844818</v>
      </c>
      <c r="OG31" s="110">
        <v>1198941</v>
      </c>
      <c r="OH31" s="111">
        <v>1198941</v>
      </c>
      <c r="OI31" s="129">
        <v>1553156</v>
      </c>
      <c r="OJ31" s="109">
        <v>2696740</v>
      </c>
      <c r="OK31" s="128">
        <v>4249896</v>
      </c>
      <c r="OL31" s="108">
        <v>0</v>
      </c>
      <c r="OM31" s="109">
        <v>30146155</v>
      </c>
      <c r="ON31" s="109">
        <v>43305362</v>
      </c>
      <c r="OO31" s="109">
        <v>49414967</v>
      </c>
      <c r="OP31" s="109">
        <v>47607725</v>
      </c>
      <c r="OQ31" s="109">
        <v>40089887</v>
      </c>
      <c r="OR31" s="110">
        <v>210564096</v>
      </c>
      <c r="OS31" s="130">
        <v>214813992</v>
      </c>
    </row>
    <row r="32" spans="2:409" ht="21" customHeight="1" x14ac:dyDescent="0.2">
      <c r="B32" s="472" t="s">
        <v>27</v>
      </c>
      <c r="C32" s="100">
        <v>2887566</v>
      </c>
      <c r="D32" s="104">
        <v>6515570</v>
      </c>
      <c r="E32" s="103">
        <v>9403136</v>
      </c>
      <c r="F32" s="99">
        <v>0</v>
      </c>
      <c r="G32" s="104">
        <v>24653892</v>
      </c>
      <c r="H32" s="104">
        <v>22913356</v>
      </c>
      <c r="I32" s="104">
        <v>19452389</v>
      </c>
      <c r="J32" s="104">
        <v>19586292</v>
      </c>
      <c r="K32" s="104">
        <v>19295479</v>
      </c>
      <c r="L32" s="160">
        <v>105901408</v>
      </c>
      <c r="M32" s="106">
        <v>115304544</v>
      </c>
      <c r="N32" s="100">
        <v>567382</v>
      </c>
      <c r="O32" s="104">
        <v>1194844</v>
      </c>
      <c r="P32" s="103">
        <v>1762226</v>
      </c>
      <c r="Q32" s="100">
        <v>0</v>
      </c>
      <c r="R32" s="104">
        <v>4675931</v>
      </c>
      <c r="S32" s="104">
        <v>5448617</v>
      </c>
      <c r="T32" s="104">
        <v>6064437</v>
      </c>
      <c r="U32" s="104">
        <v>4973428</v>
      </c>
      <c r="V32" s="104">
        <v>9551759</v>
      </c>
      <c r="W32" s="103">
        <v>30714172</v>
      </c>
      <c r="X32" s="106">
        <v>32476398</v>
      </c>
      <c r="Y32" s="100">
        <v>0</v>
      </c>
      <c r="Z32" s="104">
        <v>0</v>
      </c>
      <c r="AA32" s="103">
        <v>0</v>
      </c>
      <c r="AB32" s="100">
        <v>0</v>
      </c>
      <c r="AC32" s="104">
        <v>2521105</v>
      </c>
      <c r="AD32" s="104">
        <v>2439677</v>
      </c>
      <c r="AE32" s="104">
        <v>3657246</v>
      </c>
      <c r="AF32" s="104">
        <v>2251266</v>
      </c>
      <c r="AG32" s="104">
        <v>5031677</v>
      </c>
      <c r="AH32" s="103">
        <v>15900971</v>
      </c>
      <c r="AI32" s="106">
        <v>15900971</v>
      </c>
      <c r="AJ32" s="100">
        <v>0</v>
      </c>
      <c r="AK32" s="104">
        <v>0</v>
      </c>
      <c r="AL32" s="103">
        <v>0</v>
      </c>
      <c r="AM32" s="100">
        <v>0</v>
      </c>
      <c r="AN32" s="104">
        <v>51876</v>
      </c>
      <c r="AO32" s="104">
        <v>329458</v>
      </c>
      <c r="AP32" s="104">
        <v>235598</v>
      </c>
      <c r="AQ32" s="104">
        <v>522668</v>
      </c>
      <c r="AR32" s="104">
        <v>1386196</v>
      </c>
      <c r="AS32" s="103">
        <v>2525796</v>
      </c>
      <c r="AT32" s="106">
        <v>2525796</v>
      </c>
      <c r="AU32" s="100">
        <v>413700</v>
      </c>
      <c r="AV32" s="104">
        <v>931321</v>
      </c>
      <c r="AW32" s="103">
        <v>1345021</v>
      </c>
      <c r="AX32" s="100">
        <v>0</v>
      </c>
      <c r="AY32" s="104">
        <v>1210509</v>
      </c>
      <c r="AZ32" s="104">
        <v>1762754</v>
      </c>
      <c r="BA32" s="104">
        <v>1353422</v>
      </c>
      <c r="BB32" s="104">
        <v>1297200</v>
      </c>
      <c r="BC32" s="104">
        <v>2382003</v>
      </c>
      <c r="BD32" s="103">
        <v>8005888</v>
      </c>
      <c r="BE32" s="106">
        <v>9350909</v>
      </c>
      <c r="BF32" s="100">
        <v>43649</v>
      </c>
      <c r="BG32" s="104">
        <v>57752</v>
      </c>
      <c r="BH32" s="102">
        <v>101401</v>
      </c>
      <c r="BI32" s="101">
        <v>0</v>
      </c>
      <c r="BJ32" s="104">
        <v>26663</v>
      </c>
      <c r="BK32" s="104">
        <v>67150</v>
      </c>
      <c r="BL32" s="104">
        <v>42988</v>
      </c>
      <c r="BM32" s="104">
        <v>0</v>
      </c>
      <c r="BN32" s="104">
        <v>40865</v>
      </c>
      <c r="BO32" s="103">
        <v>177666</v>
      </c>
      <c r="BP32" s="106">
        <v>279067</v>
      </c>
      <c r="BQ32" s="100">
        <v>110033</v>
      </c>
      <c r="BR32" s="104">
        <v>205771</v>
      </c>
      <c r="BS32" s="103">
        <v>315804</v>
      </c>
      <c r="BT32" s="100">
        <v>0</v>
      </c>
      <c r="BU32" s="104">
        <v>865778</v>
      </c>
      <c r="BV32" s="104">
        <v>849578</v>
      </c>
      <c r="BW32" s="104">
        <v>775183</v>
      </c>
      <c r="BX32" s="104">
        <v>902294</v>
      </c>
      <c r="BY32" s="104">
        <v>711018</v>
      </c>
      <c r="BZ32" s="103">
        <v>4103851</v>
      </c>
      <c r="CA32" s="106">
        <v>4419655</v>
      </c>
      <c r="CB32" s="100">
        <v>231296</v>
      </c>
      <c r="CC32" s="104">
        <v>1466372</v>
      </c>
      <c r="CD32" s="103">
        <v>1697668</v>
      </c>
      <c r="CE32" s="100">
        <v>0</v>
      </c>
      <c r="CF32" s="104">
        <v>8160943</v>
      </c>
      <c r="CG32" s="104">
        <v>6173423</v>
      </c>
      <c r="CH32" s="104">
        <v>3381155</v>
      </c>
      <c r="CI32" s="104">
        <v>3083172</v>
      </c>
      <c r="CJ32" s="104">
        <v>2197628</v>
      </c>
      <c r="CK32" s="103">
        <v>22996321</v>
      </c>
      <c r="CL32" s="106">
        <v>24693989</v>
      </c>
      <c r="CM32" s="100">
        <v>0</v>
      </c>
      <c r="CN32" s="104">
        <v>0</v>
      </c>
      <c r="CO32" s="103">
        <v>0</v>
      </c>
      <c r="CP32" s="101">
        <v>0</v>
      </c>
      <c r="CQ32" s="104">
        <v>7145226</v>
      </c>
      <c r="CR32" s="104">
        <v>4429848</v>
      </c>
      <c r="CS32" s="104">
        <v>2364675</v>
      </c>
      <c r="CT32" s="104">
        <v>2508161</v>
      </c>
      <c r="CU32" s="104">
        <v>1714486</v>
      </c>
      <c r="CV32" s="103">
        <v>18162396</v>
      </c>
      <c r="CW32" s="106">
        <v>18162396</v>
      </c>
      <c r="CX32" s="100">
        <v>231296</v>
      </c>
      <c r="CY32" s="104">
        <v>1466372</v>
      </c>
      <c r="CZ32" s="103">
        <v>1697668</v>
      </c>
      <c r="DA32" s="100">
        <v>0</v>
      </c>
      <c r="DB32" s="104">
        <v>1015717</v>
      </c>
      <c r="DC32" s="104">
        <v>1743575</v>
      </c>
      <c r="DD32" s="104">
        <v>1016480</v>
      </c>
      <c r="DE32" s="104">
        <v>575011</v>
      </c>
      <c r="DF32" s="104">
        <v>483142</v>
      </c>
      <c r="DG32" s="103">
        <v>4833925</v>
      </c>
      <c r="DH32" s="106">
        <v>6531593</v>
      </c>
      <c r="DI32" s="100">
        <v>0</v>
      </c>
      <c r="DJ32" s="104">
        <v>24192</v>
      </c>
      <c r="DK32" s="102">
        <v>24192</v>
      </c>
      <c r="DL32" s="101">
        <v>0</v>
      </c>
      <c r="DM32" s="104">
        <v>773077</v>
      </c>
      <c r="DN32" s="104">
        <v>732966</v>
      </c>
      <c r="DO32" s="104">
        <v>1176129</v>
      </c>
      <c r="DP32" s="104">
        <v>978562</v>
      </c>
      <c r="DQ32" s="104">
        <v>887912</v>
      </c>
      <c r="DR32" s="103">
        <v>4548646</v>
      </c>
      <c r="DS32" s="106">
        <v>4572838</v>
      </c>
      <c r="DT32" s="100">
        <v>0</v>
      </c>
      <c r="DU32" s="104">
        <v>24192</v>
      </c>
      <c r="DV32" s="103">
        <v>24192</v>
      </c>
      <c r="DW32" s="100">
        <v>0</v>
      </c>
      <c r="DX32" s="104">
        <v>773077</v>
      </c>
      <c r="DY32" s="104">
        <v>669435</v>
      </c>
      <c r="DZ32" s="104">
        <v>1029807</v>
      </c>
      <c r="EA32" s="104">
        <v>894615</v>
      </c>
      <c r="EB32" s="104">
        <v>846245</v>
      </c>
      <c r="EC32" s="103">
        <v>4213179</v>
      </c>
      <c r="ED32" s="106">
        <v>4237371</v>
      </c>
      <c r="EE32" s="100">
        <v>0</v>
      </c>
      <c r="EF32" s="102">
        <v>0</v>
      </c>
      <c r="EG32" s="103">
        <v>0</v>
      </c>
      <c r="EH32" s="100">
        <v>0</v>
      </c>
      <c r="EI32" s="104">
        <v>0</v>
      </c>
      <c r="EJ32" s="104">
        <v>63531</v>
      </c>
      <c r="EK32" s="104">
        <v>146322</v>
      </c>
      <c r="EL32" s="104">
        <v>83947</v>
      </c>
      <c r="EM32" s="104">
        <v>41667</v>
      </c>
      <c r="EN32" s="102">
        <v>335467</v>
      </c>
      <c r="EO32" s="106">
        <v>335467</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942509</v>
      </c>
      <c r="FM32" s="104">
        <v>1715934</v>
      </c>
      <c r="FN32" s="103">
        <v>2658443</v>
      </c>
      <c r="FO32" s="100">
        <v>0</v>
      </c>
      <c r="FP32" s="104">
        <v>560916</v>
      </c>
      <c r="FQ32" s="104">
        <v>2045184</v>
      </c>
      <c r="FR32" s="104">
        <v>807136</v>
      </c>
      <c r="FS32" s="104">
        <v>1023892</v>
      </c>
      <c r="FT32" s="104">
        <v>1236045</v>
      </c>
      <c r="FU32" s="103">
        <v>5673173</v>
      </c>
      <c r="FV32" s="106">
        <v>8331616</v>
      </c>
      <c r="FW32" s="105">
        <v>428935</v>
      </c>
      <c r="FX32" s="104">
        <v>1081278</v>
      </c>
      <c r="FY32" s="102">
        <v>1510213</v>
      </c>
      <c r="FZ32" s="101">
        <v>0</v>
      </c>
      <c r="GA32" s="104">
        <v>560916</v>
      </c>
      <c r="GB32" s="104">
        <v>1808502</v>
      </c>
      <c r="GC32" s="104">
        <v>712096</v>
      </c>
      <c r="GD32" s="104">
        <v>1023892</v>
      </c>
      <c r="GE32" s="104">
        <v>1093872</v>
      </c>
      <c r="GF32" s="103">
        <v>5199278</v>
      </c>
      <c r="GG32" s="296">
        <v>6709491</v>
      </c>
      <c r="GH32" s="105">
        <v>18304</v>
      </c>
      <c r="GI32" s="104">
        <v>126156</v>
      </c>
      <c r="GJ32" s="102">
        <v>144460</v>
      </c>
      <c r="GK32" s="101">
        <v>0</v>
      </c>
      <c r="GL32" s="104">
        <v>0</v>
      </c>
      <c r="GM32" s="104">
        <v>36702</v>
      </c>
      <c r="GN32" s="104">
        <v>0</v>
      </c>
      <c r="GO32" s="104">
        <v>0</v>
      </c>
      <c r="GP32" s="104">
        <v>142173</v>
      </c>
      <c r="GQ32" s="103">
        <v>178875</v>
      </c>
      <c r="GR32" s="106">
        <v>323335</v>
      </c>
      <c r="GS32" s="100">
        <v>495270</v>
      </c>
      <c r="GT32" s="104">
        <v>508500</v>
      </c>
      <c r="GU32" s="103">
        <v>1003770</v>
      </c>
      <c r="GV32" s="100">
        <v>0</v>
      </c>
      <c r="GW32" s="104">
        <v>0</v>
      </c>
      <c r="GX32" s="104">
        <v>199980</v>
      </c>
      <c r="GY32" s="104">
        <v>95040</v>
      </c>
      <c r="GZ32" s="104">
        <v>0</v>
      </c>
      <c r="HA32" s="104">
        <v>0</v>
      </c>
      <c r="HB32" s="102">
        <v>295020</v>
      </c>
      <c r="HC32" s="106">
        <v>1298790</v>
      </c>
      <c r="HD32" s="100">
        <v>583189</v>
      </c>
      <c r="HE32" s="104">
        <v>1265485</v>
      </c>
      <c r="HF32" s="102">
        <v>1848674</v>
      </c>
      <c r="HG32" s="101">
        <v>0</v>
      </c>
      <c r="HH32" s="104">
        <v>7133652</v>
      </c>
      <c r="HI32" s="104">
        <v>6152228</v>
      </c>
      <c r="HJ32" s="104">
        <v>6253545</v>
      </c>
      <c r="HK32" s="104">
        <v>8458420</v>
      </c>
      <c r="HL32" s="104">
        <v>4455209</v>
      </c>
      <c r="HM32" s="103">
        <v>32453054</v>
      </c>
      <c r="HN32" s="99">
        <v>34301728</v>
      </c>
      <c r="HO32" s="105">
        <v>563190</v>
      </c>
      <c r="HP32" s="104">
        <v>848743</v>
      </c>
      <c r="HQ32" s="103">
        <v>1411933</v>
      </c>
      <c r="HR32" s="100">
        <v>0</v>
      </c>
      <c r="HS32" s="104">
        <v>3349373</v>
      </c>
      <c r="HT32" s="104">
        <v>2360938</v>
      </c>
      <c r="HU32" s="104">
        <v>1769987</v>
      </c>
      <c r="HV32" s="104">
        <v>1068818</v>
      </c>
      <c r="HW32" s="104">
        <v>966926</v>
      </c>
      <c r="HX32" s="102">
        <v>9516042</v>
      </c>
      <c r="HY32" s="106">
        <v>10927975</v>
      </c>
      <c r="HZ32" s="137">
        <v>0</v>
      </c>
      <c r="IA32" s="122">
        <v>0</v>
      </c>
      <c r="IB32" s="137">
        <v>0</v>
      </c>
      <c r="IC32" s="121">
        <v>0</v>
      </c>
      <c r="ID32" s="122">
        <v>4691825</v>
      </c>
      <c r="IE32" s="123">
        <v>2611166</v>
      </c>
      <c r="IF32" s="124">
        <v>5064136</v>
      </c>
      <c r="IG32" s="122">
        <v>5173046</v>
      </c>
      <c r="IH32" s="124">
        <v>4802378</v>
      </c>
      <c r="II32" s="125">
        <v>22342551</v>
      </c>
      <c r="IJ32" s="137">
        <v>22342551</v>
      </c>
      <c r="IK32" s="219">
        <v>0</v>
      </c>
      <c r="IL32" s="223">
        <v>0</v>
      </c>
      <c r="IM32" s="224">
        <v>0</v>
      </c>
      <c r="IN32" s="127"/>
      <c r="IO32" s="109">
        <v>0</v>
      </c>
      <c r="IP32" s="109">
        <v>0</v>
      </c>
      <c r="IQ32" s="109">
        <v>175496</v>
      </c>
      <c r="IR32" s="109">
        <v>0</v>
      </c>
      <c r="IS32" s="109">
        <v>0</v>
      </c>
      <c r="IT32" s="128">
        <v>175496</v>
      </c>
      <c r="IU32" s="298">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1530121</v>
      </c>
      <c r="JL32" s="109">
        <v>930190</v>
      </c>
      <c r="JM32" s="109">
        <v>539796</v>
      </c>
      <c r="JN32" s="109">
        <v>230628</v>
      </c>
      <c r="JO32" s="109">
        <v>0</v>
      </c>
      <c r="JP32" s="110">
        <v>3230735</v>
      </c>
      <c r="JQ32" s="298">
        <v>3230735</v>
      </c>
      <c r="JR32" s="129">
        <v>0</v>
      </c>
      <c r="JS32" s="109">
        <v>0</v>
      </c>
      <c r="JT32" s="128">
        <v>0</v>
      </c>
      <c r="JU32" s="108">
        <v>0</v>
      </c>
      <c r="JV32" s="109">
        <v>218511</v>
      </c>
      <c r="JW32" s="109">
        <v>37674</v>
      </c>
      <c r="JX32" s="109">
        <v>92652</v>
      </c>
      <c r="JY32" s="109">
        <v>241000</v>
      </c>
      <c r="JZ32" s="109">
        <v>350397</v>
      </c>
      <c r="KA32" s="110">
        <v>940234</v>
      </c>
      <c r="KB32" s="298">
        <v>940234</v>
      </c>
      <c r="KC32" s="221">
        <v>0</v>
      </c>
      <c r="KD32" s="217">
        <v>0</v>
      </c>
      <c r="KE32" s="110">
        <v>0</v>
      </c>
      <c r="KF32" s="108">
        <v>0</v>
      </c>
      <c r="KG32" s="109">
        <v>750830</v>
      </c>
      <c r="KH32" s="109">
        <v>477435</v>
      </c>
      <c r="KI32" s="109">
        <v>1069644</v>
      </c>
      <c r="KJ32" s="109">
        <v>245375</v>
      </c>
      <c r="KK32" s="109">
        <v>111024</v>
      </c>
      <c r="KL32" s="110">
        <v>2654308</v>
      </c>
      <c r="KM32" s="130">
        <v>2654308</v>
      </c>
      <c r="KN32" s="219">
        <v>0</v>
      </c>
      <c r="KO32" s="223">
        <v>0</v>
      </c>
      <c r="KP32" s="224">
        <v>0</v>
      </c>
      <c r="KQ32" s="127"/>
      <c r="KR32" s="109">
        <v>2192363</v>
      </c>
      <c r="KS32" s="109">
        <v>1165867</v>
      </c>
      <c r="KT32" s="109">
        <v>1712129</v>
      </c>
      <c r="KU32" s="109">
        <v>1117549</v>
      </c>
      <c r="KV32" s="109">
        <v>2285603</v>
      </c>
      <c r="KW32" s="110">
        <v>8473511</v>
      </c>
      <c r="KX32" s="298">
        <v>8473511</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1474419</v>
      </c>
      <c r="LQ32" s="109">
        <v>3032513</v>
      </c>
      <c r="LR32" s="109">
        <v>2055354</v>
      </c>
      <c r="LS32" s="110">
        <v>6562286</v>
      </c>
      <c r="LT32" s="298">
        <v>6562286</v>
      </c>
      <c r="LU32" s="129">
        <v>0</v>
      </c>
      <c r="LV32" s="109">
        <v>0</v>
      </c>
      <c r="LW32" s="110">
        <v>0</v>
      </c>
      <c r="LX32" s="132"/>
      <c r="LY32" s="109">
        <v>0</v>
      </c>
      <c r="LZ32" s="109">
        <v>0</v>
      </c>
      <c r="MA32" s="109">
        <v>0</v>
      </c>
      <c r="MB32" s="109">
        <v>305981</v>
      </c>
      <c r="MC32" s="109">
        <v>0</v>
      </c>
      <c r="MD32" s="110">
        <v>305981</v>
      </c>
      <c r="ME32" s="111">
        <v>305981</v>
      </c>
      <c r="MF32" s="129">
        <v>0</v>
      </c>
      <c r="MG32" s="109">
        <v>0</v>
      </c>
      <c r="MH32" s="110">
        <v>0</v>
      </c>
      <c r="MI32" s="132"/>
      <c r="MJ32" s="109">
        <v>1899283</v>
      </c>
      <c r="MK32" s="109">
        <v>4577332</v>
      </c>
      <c r="ML32" s="109">
        <v>13824251</v>
      </c>
      <c r="MM32" s="109">
        <v>22603216</v>
      </c>
      <c r="MN32" s="109">
        <v>17623315</v>
      </c>
      <c r="MO32" s="110">
        <v>60527397</v>
      </c>
      <c r="MP32" s="130">
        <v>60527397</v>
      </c>
      <c r="MQ32" s="129">
        <v>0</v>
      </c>
      <c r="MR32" s="109">
        <v>0</v>
      </c>
      <c r="MS32" s="110">
        <v>0</v>
      </c>
      <c r="MT32" s="132"/>
      <c r="MU32" s="109">
        <v>-621518</v>
      </c>
      <c r="MV32" s="109">
        <v>451883</v>
      </c>
      <c r="MW32" s="109">
        <v>7617363</v>
      </c>
      <c r="MX32" s="109">
        <v>16716313</v>
      </c>
      <c r="MY32" s="109">
        <v>11745094</v>
      </c>
      <c r="MZ32" s="110">
        <v>35909135</v>
      </c>
      <c r="NA32" s="130">
        <v>35909135</v>
      </c>
      <c r="NB32" s="129">
        <v>0</v>
      </c>
      <c r="NC32" s="109">
        <v>0</v>
      </c>
      <c r="ND32" s="110">
        <v>0</v>
      </c>
      <c r="NE32" s="132"/>
      <c r="NF32" s="109">
        <v>2520801</v>
      </c>
      <c r="NG32" s="109">
        <v>4125449</v>
      </c>
      <c r="NH32" s="109">
        <v>6206888</v>
      </c>
      <c r="NI32" s="109">
        <v>4368399</v>
      </c>
      <c r="NJ32" s="109">
        <v>5432037</v>
      </c>
      <c r="NK32" s="110">
        <v>22653574</v>
      </c>
      <c r="NL32" s="298">
        <v>22653574</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1518504</v>
      </c>
      <c r="OF32" s="109">
        <v>446184</v>
      </c>
      <c r="OG32" s="110">
        <v>1964688</v>
      </c>
      <c r="OH32" s="111">
        <v>1964688</v>
      </c>
      <c r="OI32" s="129">
        <v>2887566</v>
      </c>
      <c r="OJ32" s="109">
        <v>6515570</v>
      </c>
      <c r="OK32" s="128">
        <v>9403136</v>
      </c>
      <c r="OL32" s="108">
        <v>0</v>
      </c>
      <c r="OM32" s="109">
        <v>31245000</v>
      </c>
      <c r="ON32" s="109">
        <v>30101854</v>
      </c>
      <c r="OO32" s="109">
        <v>38340776</v>
      </c>
      <c r="OP32" s="109">
        <v>47362554</v>
      </c>
      <c r="OQ32" s="109">
        <v>41721172</v>
      </c>
      <c r="OR32" s="110">
        <v>188771356</v>
      </c>
      <c r="OS32" s="130">
        <v>198174492</v>
      </c>
    </row>
    <row r="33" spans="2:409" ht="21" customHeight="1" x14ac:dyDescent="0.2">
      <c r="B33" s="472" t="s">
        <v>28</v>
      </c>
      <c r="C33" s="100">
        <v>124337</v>
      </c>
      <c r="D33" s="104">
        <v>555546</v>
      </c>
      <c r="E33" s="103">
        <v>679883</v>
      </c>
      <c r="F33" s="99">
        <v>0</v>
      </c>
      <c r="G33" s="104">
        <v>5481697</v>
      </c>
      <c r="H33" s="104">
        <v>8915724</v>
      </c>
      <c r="I33" s="104">
        <v>6429776</v>
      </c>
      <c r="J33" s="104">
        <v>5998769</v>
      </c>
      <c r="K33" s="104">
        <v>3200461</v>
      </c>
      <c r="L33" s="160">
        <v>30026427</v>
      </c>
      <c r="M33" s="106">
        <v>30706310</v>
      </c>
      <c r="N33" s="100">
        <v>33021</v>
      </c>
      <c r="O33" s="104">
        <v>160524</v>
      </c>
      <c r="P33" s="103">
        <v>193545</v>
      </c>
      <c r="Q33" s="100">
        <v>0</v>
      </c>
      <c r="R33" s="104">
        <v>935725</v>
      </c>
      <c r="S33" s="104">
        <v>1978984</v>
      </c>
      <c r="T33" s="104">
        <v>1323605</v>
      </c>
      <c r="U33" s="104">
        <v>1435541</v>
      </c>
      <c r="V33" s="104">
        <v>1504761</v>
      </c>
      <c r="W33" s="103">
        <v>7178616</v>
      </c>
      <c r="X33" s="106">
        <v>7372161</v>
      </c>
      <c r="Y33" s="100">
        <v>0</v>
      </c>
      <c r="Z33" s="104">
        <v>0</v>
      </c>
      <c r="AA33" s="103">
        <v>0</v>
      </c>
      <c r="AB33" s="100">
        <v>0</v>
      </c>
      <c r="AC33" s="104">
        <v>328684</v>
      </c>
      <c r="AD33" s="104">
        <v>1006251</v>
      </c>
      <c r="AE33" s="104">
        <v>696644</v>
      </c>
      <c r="AF33" s="104">
        <v>689905</v>
      </c>
      <c r="AG33" s="104">
        <v>781303</v>
      </c>
      <c r="AH33" s="103">
        <v>3502787</v>
      </c>
      <c r="AI33" s="106">
        <v>3502787</v>
      </c>
      <c r="AJ33" s="100">
        <v>0</v>
      </c>
      <c r="AK33" s="104">
        <v>0</v>
      </c>
      <c r="AL33" s="103">
        <v>0</v>
      </c>
      <c r="AM33" s="100">
        <v>0</v>
      </c>
      <c r="AN33" s="104">
        <v>0</v>
      </c>
      <c r="AO33" s="104">
        <v>67024</v>
      </c>
      <c r="AP33" s="104">
        <v>75294</v>
      </c>
      <c r="AQ33" s="104">
        <v>192838</v>
      </c>
      <c r="AR33" s="104">
        <v>258014</v>
      </c>
      <c r="AS33" s="103">
        <v>593170</v>
      </c>
      <c r="AT33" s="106">
        <v>593170</v>
      </c>
      <c r="AU33" s="100">
        <v>25686</v>
      </c>
      <c r="AV33" s="104">
        <v>155160</v>
      </c>
      <c r="AW33" s="103">
        <v>180846</v>
      </c>
      <c r="AX33" s="100">
        <v>0</v>
      </c>
      <c r="AY33" s="104">
        <v>363192</v>
      </c>
      <c r="AZ33" s="104">
        <v>572548</v>
      </c>
      <c r="BA33" s="104">
        <v>308582</v>
      </c>
      <c r="BB33" s="104">
        <v>363855</v>
      </c>
      <c r="BC33" s="104">
        <v>280880</v>
      </c>
      <c r="BD33" s="103">
        <v>1889057</v>
      </c>
      <c r="BE33" s="106">
        <v>2069903</v>
      </c>
      <c r="BF33" s="100">
        <v>0</v>
      </c>
      <c r="BG33" s="104">
        <v>0</v>
      </c>
      <c r="BH33" s="102">
        <v>0</v>
      </c>
      <c r="BI33" s="101">
        <v>0</v>
      </c>
      <c r="BJ33" s="104">
        <v>57583</v>
      </c>
      <c r="BK33" s="104">
        <v>79991</v>
      </c>
      <c r="BL33" s="104">
        <v>0</v>
      </c>
      <c r="BM33" s="104">
        <v>26663</v>
      </c>
      <c r="BN33" s="104">
        <v>31423</v>
      </c>
      <c r="BO33" s="103">
        <v>195660</v>
      </c>
      <c r="BP33" s="106">
        <v>195660</v>
      </c>
      <c r="BQ33" s="100">
        <v>7335</v>
      </c>
      <c r="BR33" s="104">
        <v>5364</v>
      </c>
      <c r="BS33" s="103">
        <v>12699</v>
      </c>
      <c r="BT33" s="100">
        <v>0</v>
      </c>
      <c r="BU33" s="104">
        <v>186266</v>
      </c>
      <c r="BV33" s="104">
        <v>253170</v>
      </c>
      <c r="BW33" s="104">
        <v>243085</v>
      </c>
      <c r="BX33" s="104">
        <v>162280</v>
      </c>
      <c r="BY33" s="104">
        <v>153141</v>
      </c>
      <c r="BZ33" s="103">
        <v>997942</v>
      </c>
      <c r="CA33" s="106">
        <v>1010641</v>
      </c>
      <c r="CB33" s="100">
        <v>24896</v>
      </c>
      <c r="CC33" s="104">
        <v>134980</v>
      </c>
      <c r="CD33" s="103">
        <v>159876</v>
      </c>
      <c r="CE33" s="100">
        <v>0</v>
      </c>
      <c r="CF33" s="104">
        <v>2096539</v>
      </c>
      <c r="CG33" s="104">
        <v>3226218</v>
      </c>
      <c r="CH33" s="104">
        <v>2407509</v>
      </c>
      <c r="CI33" s="104">
        <v>1978439</v>
      </c>
      <c r="CJ33" s="104">
        <v>959514</v>
      </c>
      <c r="CK33" s="103">
        <v>10668219</v>
      </c>
      <c r="CL33" s="106">
        <v>10828095</v>
      </c>
      <c r="CM33" s="100">
        <v>0</v>
      </c>
      <c r="CN33" s="104">
        <v>0</v>
      </c>
      <c r="CO33" s="103">
        <v>0</v>
      </c>
      <c r="CP33" s="101">
        <v>0</v>
      </c>
      <c r="CQ33" s="104">
        <v>1855948</v>
      </c>
      <c r="CR33" s="104">
        <v>2212920</v>
      </c>
      <c r="CS33" s="104">
        <v>1771868</v>
      </c>
      <c r="CT33" s="104">
        <v>1425828</v>
      </c>
      <c r="CU33" s="104">
        <v>543284</v>
      </c>
      <c r="CV33" s="103">
        <v>7809848</v>
      </c>
      <c r="CW33" s="106">
        <v>7809848</v>
      </c>
      <c r="CX33" s="100">
        <v>24896</v>
      </c>
      <c r="CY33" s="104">
        <v>134980</v>
      </c>
      <c r="CZ33" s="103">
        <v>159876</v>
      </c>
      <c r="DA33" s="100">
        <v>0</v>
      </c>
      <c r="DB33" s="104">
        <v>240591</v>
      </c>
      <c r="DC33" s="104">
        <v>1013298</v>
      </c>
      <c r="DD33" s="104">
        <v>635641</v>
      </c>
      <c r="DE33" s="104">
        <v>552611</v>
      </c>
      <c r="DF33" s="104">
        <v>416230</v>
      </c>
      <c r="DG33" s="103">
        <v>2858371</v>
      </c>
      <c r="DH33" s="106">
        <v>3018247</v>
      </c>
      <c r="DI33" s="100">
        <v>0</v>
      </c>
      <c r="DJ33" s="104">
        <v>29982</v>
      </c>
      <c r="DK33" s="102">
        <v>29982</v>
      </c>
      <c r="DL33" s="101">
        <v>0</v>
      </c>
      <c r="DM33" s="104">
        <v>192051</v>
      </c>
      <c r="DN33" s="104">
        <v>300516</v>
      </c>
      <c r="DO33" s="104">
        <v>747264</v>
      </c>
      <c r="DP33" s="104">
        <v>743795</v>
      </c>
      <c r="DQ33" s="104">
        <v>63286</v>
      </c>
      <c r="DR33" s="103">
        <v>2046912</v>
      </c>
      <c r="DS33" s="106">
        <v>2076894</v>
      </c>
      <c r="DT33" s="100">
        <v>0</v>
      </c>
      <c r="DU33" s="104">
        <v>29982</v>
      </c>
      <c r="DV33" s="103">
        <v>29982</v>
      </c>
      <c r="DW33" s="100">
        <v>0</v>
      </c>
      <c r="DX33" s="104">
        <v>107937</v>
      </c>
      <c r="DY33" s="104">
        <v>268573</v>
      </c>
      <c r="DZ33" s="104">
        <v>483759</v>
      </c>
      <c r="EA33" s="104">
        <v>598428</v>
      </c>
      <c r="EB33" s="104">
        <v>63286</v>
      </c>
      <c r="EC33" s="103">
        <v>1521983</v>
      </c>
      <c r="ED33" s="106">
        <v>1551965</v>
      </c>
      <c r="EE33" s="100">
        <v>0</v>
      </c>
      <c r="EF33" s="102">
        <v>0</v>
      </c>
      <c r="EG33" s="103">
        <v>0</v>
      </c>
      <c r="EH33" s="100">
        <v>0</v>
      </c>
      <c r="EI33" s="104">
        <v>84114</v>
      </c>
      <c r="EJ33" s="104">
        <v>31943</v>
      </c>
      <c r="EK33" s="104">
        <v>263505</v>
      </c>
      <c r="EL33" s="104">
        <v>145367</v>
      </c>
      <c r="EM33" s="104">
        <v>0</v>
      </c>
      <c r="EN33" s="102">
        <v>524929</v>
      </c>
      <c r="EO33" s="106">
        <v>524929</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27000</v>
      </c>
      <c r="FM33" s="104">
        <v>146840</v>
      </c>
      <c r="FN33" s="103">
        <v>173840</v>
      </c>
      <c r="FO33" s="100">
        <v>0</v>
      </c>
      <c r="FP33" s="104">
        <v>430966</v>
      </c>
      <c r="FQ33" s="104">
        <v>831568</v>
      </c>
      <c r="FR33" s="104">
        <v>449878</v>
      </c>
      <c r="FS33" s="104">
        <v>520661</v>
      </c>
      <c r="FT33" s="104">
        <v>232605</v>
      </c>
      <c r="FU33" s="103">
        <v>2465678</v>
      </c>
      <c r="FV33" s="106">
        <v>2639518</v>
      </c>
      <c r="FW33" s="105">
        <v>27000</v>
      </c>
      <c r="FX33" s="104">
        <v>146840</v>
      </c>
      <c r="FY33" s="102">
        <v>173840</v>
      </c>
      <c r="FZ33" s="101">
        <v>0</v>
      </c>
      <c r="GA33" s="104">
        <v>338716</v>
      </c>
      <c r="GB33" s="104">
        <v>831568</v>
      </c>
      <c r="GC33" s="104">
        <v>421663</v>
      </c>
      <c r="GD33" s="104">
        <v>471161</v>
      </c>
      <c r="GE33" s="104">
        <v>232605</v>
      </c>
      <c r="GF33" s="103">
        <v>2295713</v>
      </c>
      <c r="GG33" s="296">
        <v>2469553</v>
      </c>
      <c r="GH33" s="105">
        <v>0</v>
      </c>
      <c r="GI33" s="104">
        <v>0</v>
      </c>
      <c r="GJ33" s="102">
        <v>0</v>
      </c>
      <c r="GK33" s="101">
        <v>0</v>
      </c>
      <c r="GL33" s="104">
        <v>29250</v>
      </c>
      <c r="GM33" s="104">
        <v>0</v>
      </c>
      <c r="GN33" s="104">
        <v>28215</v>
      </c>
      <c r="GO33" s="104">
        <v>0</v>
      </c>
      <c r="GP33" s="104">
        <v>0</v>
      </c>
      <c r="GQ33" s="103">
        <v>57465</v>
      </c>
      <c r="GR33" s="106">
        <v>57465</v>
      </c>
      <c r="GS33" s="100">
        <v>0</v>
      </c>
      <c r="GT33" s="104">
        <v>0</v>
      </c>
      <c r="GU33" s="103">
        <v>0</v>
      </c>
      <c r="GV33" s="100">
        <v>0</v>
      </c>
      <c r="GW33" s="104">
        <v>63000</v>
      </c>
      <c r="GX33" s="104">
        <v>0</v>
      </c>
      <c r="GY33" s="104">
        <v>0</v>
      </c>
      <c r="GZ33" s="104">
        <v>49500</v>
      </c>
      <c r="HA33" s="104">
        <v>0</v>
      </c>
      <c r="HB33" s="102">
        <v>112500</v>
      </c>
      <c r="HC33" s="106">
        <v>112500</v>
      </c>
      <c r="HD33" s="100">
        <v>0</v>
      </c>
      <c r="HE33" s="104">
        <v>0</v>
      </c>
      <c r="HF33" s="102">
        <v>0</v>
      </c>
      <c r="HG33" s="101">
        <v>0</v>
      </c>
      <c r="HH33" s="104">
        <v>800966</v>
      </c>
      <c r="HI33" s="104">
        <v>1540662</v>
      </c>
      <c r="HJ33" s="104">
        <v>859059</v>
      </c>
      <c r="HK33" s="104">
        <v>884513</v>
      </c>
      <c r="HL33" s="104">
        <v>247932</v>
      </c>
      <c r="HM33" s="103">
        <v>4333132</v>
      </c>
      <c r="HN33" s="99">
        <v>4333132</v>
      </c>
      <c r="HO33" s="105">
        <v>39420</v>
      </c>
      <c r="HP33" s="104">
        <v>83220</v>
      </c>
      <c r="HQ33" s="103">
        <v>122640</v>
      </c>
      <c r="HR33" s="100">
        <v>0</v>
      </c>
      <c r="HS33" s="104">
        <v>1025450</v>
      </c>
      <c r="HT33" s="104">
        <v>1037776</v>
      </c>
      <c r="HU33" s="104">
        <v>642461</v>
      </c>
      <c r="HV33" s="104">
        <v>435820</v>
      </c>
      <c r="HW33" s="104">
        <v>192363</v>
      </c>
      <c r="HX33" s="102">
        <v>3333870</v>
      </c>
      <c r="HY33" s="106">
        <v>3456510</v>
      </c>
      <c r="HZ33" s="118">
        <v>0</v>
      </c>
      <c r="IA33" s="119">
        <v>0</v>
      </c>
      <c r="IB33" s="120">
        <v>0</v>
      </c>
      <c r="IC33" s="133">
        <v>0</v>
      </c>
      <c r="ID33" s="119">
        <v>1017460</v>
      </c>
      <c r="IE33" s="134">
        <v>1775854</v>
      </c>
      <c r="IF33" s="120">
        <v>1173235</v>
      </c>
      <c r="IG33" s="119">
        <v>1594080</v>
      </c>
      <c r="IH33" s="120">
        <v>852620</v>
      </c>
      <c r="II33" s="135">
        <v>6413249</v>
      </c>
      <c r="IJ33" s="126">
        <v>6413249</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673858</v>
      </c>
      <c r="JL33" s="109">
        <v>532281</v>
      </c>
      <c r="JM33" s="109">
        <v>319522</v>
      </c>
      <c r="JN33" s="109">
        <v>152721</v>
      </c>
      <c r="JO33" s="109">
        <v>32508</v>
      </c>
      <c r="JP33" s="110">
        <v>1710890</v>
      </c>
      <c r="JQ33" s="298">
        <v>1710890</v>
      </c>
      <c r="JR33" s="129">
        <v>0</v>
      </c>
      <c r="JS33" s="109">
        <v>0</v>
      </c>
      <c r="JT33" s="128">
        <v>0</v>
      </c>
      <c r="JU33" s="108">
        <v>0</v>
      </c>
      <c r="JV33" s="109">
        <v>87876</v>
      </c>
      <c r="JW33" s="109">
        <v>96885</v>
      </c>
      <c r="JX33" s="109">
        <v>52938</v>
      </c>
      <c r="JY33" s="109">
        <v>324063</v>
      </c>
      <c r="JZ33" s="109">
        <v>0</v>
      </c>
      <c r="KA33" s="110">
        <v>561762</v>
      </c>
      <c r="KB33" s="298">
        <v>561762</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255726</v>
      </c>
      <c r="KS33" s="109">
        <v>1146688</v>
      </c>
      <c r="KT33" s="109">
        <v>539442</v>
      </c>
      <c r="KU33" s="109">
        <v>1117296</v>
      </c>
      <c r="KV33" s="109">
        <v>820112</v>
      </c>
      <c r="KW33" s="110">
        <v>3879264</v>
      </c>
      <c r="KX33" s="298">
        <v>3879264</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261333</v>
      </c>
      <c r="LQ33" s="109">
        <v>0</v>
      </c>
      <c r="LR33" s="109">
        <v>0</v>
      </c>
      <c r="LS33" s="110">
        <v>261333</v>
      </c>
      <c r="LT33" s="298">
        <v>261333</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771402</v>
      </c>
      <c r="MK33" s="109">
        <v>2508698</v>
      </c>
      <c r="ML33" s="109">
        <v>7011742</v>
      </c>
      <c r="MM33" s="109">
        <v>5203551</v>
      </c>
      <c r="MN33" s="109">
        <v>6088819</v>
      </c>
      <c r="MO33" s="110">
        <v>21584212</v>
      </c>
      <c r="MP33" s="130">
        <v>21584212</v>
      </c>
      <c r="MQ33" s="129">
        <v>0</v>
      </c>
      <c r="MR33" s="109">
        <v>0</v>
      </c>
      <c r="MS33" s="110">
        <v>0</v>
      </c>
      <c r="MT33" s="132"/>
      <c r="MU33" s="109">
        <v>0</v>
      </c>
      <c r="MV33" s="109">
        <v>457101</v>
      </c>
      <c r="MW33" s="109">
        <v>3979933</v>
      </c>
      <c r="MX33" s="109">
        <v>3409101</v>
      </c>
      <c r="MY33" s="109">
        <v>4829005</v>
      </c>
      <c r="MZ33" s="110">
        <v>12675140</v>
      </c>
      <c r="NA33" s="130">
        <v>12675140</v>
      </c>
      <c r="NB33" s="129">
        <v>0</v>
      </c>
      <c r="NC33" s="109">
        <v>0</v>
      </c>
      <c r="ND33" s="110">
        <v>0</v>
      </c>
      <c r="NE33" s="132"/>
      <c r="NF33" s="109">
        <v>771402</v>
      </c>
      <c r="NG33" s="109">
        <v>2051597</v>
      </c>
      <c r="NH33" s="109">
        <v>3031809</v>
      </c>
      <c r="NI33" s="109">
        <v>1794450</v>
      </c>
      <c r="NJ33" s="109">
        <v>1259814</v>
      </c>
      <c r="NK33" s="110">
        <v>8909072</v>
      </c>
      <c r="NL33" s="298">
        <v>8909072</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124337</v>
      </c>
      <c r="OJ33" s="109">
        <v>555546</v>
      </c>
      <c r="OK33" s="128">
        <v>679883</v>
      </c>
      <c r="OL33" s="108">
        <v>0</v>
      </c>
      <c r="OM33" s="109">
        <v>7270559</v>
      </c>
      <c r="ON33" s="109">
        <v>13200276</v>
      </c>
      <c r="OO33" s="109">
        <v>14614753</v>
      </c>
      <c r="OP33" s="109">
        <v>12796400</v>
      </c>
      <c r="OQ33" s="109">
        <v>10141900</v>
      </c>
      <c r="OR33" s="110">
        <v>58023888</v>
      </c>
      <c r="OS33" s="130">
        <v>58703771</v>
      </c>
    </row>
    <row r="34" spans="2:409" ht="21" customHeight="1" x14ac:dyDescent="0.2">
      <c r="B34" s="472" t="s">
        <v>29</v>
      </c>
      <c r="C34" s="100">
        <v>395864</v>
      </c>
      <c r="D34" s="104">
        <v>954676</v>
      </c>
      <c r="E34" s="103">
        <v>1350540</v>
      </c>
      <c r="F34" s="99">
        <v>0</v>
      </c>
      <c r="G34" s="104">
        <v>7844156</v>
      </c>
      <c r="H34" s="104">
        <v>9711194</v>
      </c>
      <c r="I34" s="104">
        <v>9251008</v>
      </c>
      <c r="J34" s="104">
        <v>7479496</v>
      </c>
      <c r="K34" s="104">
        <v>6835479</v>
      </c>
      <c r="L34" s="160">
        <v>41121333</v>
      </c>
      <c r="M34" s="106">
        <v>42471873</v>
      </c>
      <c r="N34" s="100">
        <v>33138</v>
      </c>
      <c r="O34" s="104">
        <v>181213</v>
      </c>
      <c r="P34" s="103">
        <v>214351</v>
      </c>
      <c r="Q34" s="100">
        <v>0</v>
      </c>
      <c r="R34" s="104">
        <v>2289193</v>
      </c>
      <c r="S34" s="104">
        <v>2381306</v>
      </c>
      <c r="T34" s="104">
        <v>1936940</v>
      </c>
      <c r="U34" s="104">
        <v>2691215</v>
      </c>
      <c r="V34" s="104">
        <v>3247402</v>
      </c>
      <c r="W34" s="103">
        <v>12546056</v>
      </c>
      <c r="X34" s="106">
        <v>12760407</v>
      </c>
      <c r="Y34" s="100">
        <v>0</v>
      </c>
      <c r="Z34" s="104">
        <v>0</v>
      </c>
      <c r="AA34" s="103">
        <v>0</v>
      </c>
      <c r="AB34" s="100">
        <v>0</v>
      </c>
      <c r="AC34" s="104">
        <v>1053898</v>
      </c>
      <c r="AD34" s="104">
        <v>1226197</v>
      </c>
      <c r="AE34" s="104">
        <v>955076</v>
      </c>
      <c r="AF34" s="104">
        <v>1755954</v>
      </c>
      <c r="AG34" s="104">
        <v>1979226</v>
      </c>
      <c r="AH34" s="103">
        <v>6970351</v>
      </c>
      <c r="AI34" s="106">
        <v>6970351</v>
      </c>
      <c r="AJ34" s="100">
        <v>0</v>
      </c>
      <c r="AK34" s="104">
        <v>0</v>
      </c>
      <c r="AL34" s="103">
        <v>0</v>
      </c>
      <c r="AM34" s="100">
        <v>0</v>
      </c>
      <c r="AN34" s="104">
        <v>0</v>
      </c>
      <c r="AO34" s="104">
        <v>38376</v>
      </c>
      <c r="AP34" s="104">
        <v>64042</v>
      </c>
      <c r="AQ34" s="104">
        <v>161868</v>
      </c>
      <c r="AR34" s="104">
        <v>522540</v>
      </c>
      <c r="AS34" s="103">
        <v>786826</v>
      </c>
      <c r="AT34" s="106">
        <v>786826</v>
      </c>
      <c r="AU34" s="100">
        <v>23832</v>
      </c>
      <c r="AV34" s="104">
        <v>148930</v>
      </c>
      <c r="AW34" s="103">
        <v>172762</v>
      </c>
      <c r="AX34" s="100">
        <v>0</v>
      </c>
      <c r="AY34" s="104">
        <v>919258</v>
      </c>
      <c r="AZ34" s="104">
        <v>697035</v>
      </c>
      <c r="BA34" s="104">
        <v>517258</v>
      </c>
      <c r="BB34" s="104">
        <v>397795</v>
      </c>
      <c r="BC34" s="104">
        <v>610188</v>
      </c>
      <c r="BD34" s="103">
        <v>3141534</v>
      </c>
      <c r="BE34" s="106">
        <v>3314296</v>
      </c>
      <c r="BF34" s="100">
        <v>0</v>
      </c>
      <c r="BG34" s="104">
        <v>24948</v>
      </c>
      <c r="BH34" s="102">
        <v>24948</v>
      </c>
      <c r="BI34" s="101">
        <v>0</v>
      </c>
      <c r="BJ34" s="104">
        <v>54492</v>
      </c>
      <c r="BK34" s="104">
        <v>30592</v>
      </c>
      <c r="BL34" s="104">
        <v>103387</v>
      </c>
      <c r="BM34" s="104">
        <v>46307</v>
      </c>
      <c r="BN34" s="104">
        <v>0</v>
      </c>
      <c r="BO34" s="103">
        <v>234778</v>
      </c>
      <c r="BP34" s="106">
        <v>259726</v>
      </c>
      <c r="BQ34" s="100">
        <v>9306</v>
      </c>
      <c r="BR34" s="104">
        <v>7335</v>
      </c>
      <c r="BS34" s="103">
        <v>16641</v>
      </c>
      <c r="BT34" s="100">
        <v>0</v>
      </c>
      <c r="BU34" s="104">
        <v>261545</v>
      </c>
      <c r="BV34" s="104">
        <v>389106</v>
      </c>
      <c r="BW34" s="104">
        <v>297177</v>
      </c>
      <c r="BX34" s="104">
        <v>329291</v>
      </c>
      <c r="BY34" s="104">
        <v>135448</v>
      </c>
      <c r="BZ34" s="103">
        <v>1412567</v>
      </c>
      <c r="CA34" s="106">
        <v>1429208</v>
      </c>
      <c r="CB34" s="100">
        <v>61618</v>
      </c>
      <c r="CC34" s="104">
        <v>159174</v>
      </c>
      <c r="CD34" s="103">
        <v>220792</v>
      </c>
      <c r="CE34" s="100">
        <v>0</v>
      </c>
      <c r="CF34" s="104">
        <v>2725891</v>
      </c>
      <c r="CG34" s="104">
        <v>3444081</v>
      </c>
      <c r="CH34" s="104">
        <v>3642662</v>
      </c>
      <c r="CI34" s="104">
        <v>1352544</v>
      </c>
      <c r="CJ34" s="104">
        <v>731367</v>
      </c>
      <c r="CK34" s="103">
        <v>11896545</v>
      </c>
      <c r="CL34" s="106">
        <v>12117337</v>
      </c>
      <c r="CM34" s="100">
        <v>0</v>
      </c>
      <c r="CN34" s="104">
        <v>0</v>
      </c>
      <c r="CO34" s="103">
        <v>0</v>
      </c>
      <c r="CP34" s="101">
        <v>0</v>
      </c>
      <c r="CQ34" s="104">
        <v>1710594</v>
      </c>
      <c r="CR34" s="104">
        <v>2873150</v>
      </c>
      <c r="CS34" s="104">
        <v>2824968</v>
      </c>
      <c r="CT34" s="104">
        <v>1352544</v>
      </c>
      <c r="CU34" s="104">
        <v>731367</v>
      </c>
      <c r="CV34" s="103">
        <v>9492623</v>
      </c>
      <c r="CW34" s="106">
        <v>9492623</v>
      </c>
      <c r="CX34" s="100">
        <v>61618</v>
      </c>
      <c r="CY34" s="104">
        <v>159174</v>
      </c>
      <c r="CZ34" s="103">
        <v>220792</v>
      </c>
      <c r="DA34" s="100">
        <v>0</v>
      </c>
      <c r="DB34" s="104">
        <v>1015297</v>
      </c>
      <c r="DC34" s="104">
        <v>570931</v>
      </c>
      <c r="DD34" s="104">
        <v>817694</v>
      </c>
      <c r="DE34" s="104">
        <v>0</v>
      </c>
      <c r="DF34" s="104">
        <v>0</v>
      </c>
      <c r="DG34" s="103">
        <v>2403922</v>
      </c>
      <c r="DH34" s="106">
        <v>2624714</v>
      </c>
      <c r="DI34" s="100">
        <v>0</v>
      </c>
      <c r="DJ34" s="104">
        <v>0</v>
      </c>
      <c r="DK34" s="102">
        <v>0</v>
      </c>
      <c r="DL34" s="101">
        <v>0</v>
      </c>
      <c r="DM34" s="104">
        <v>232120</v>
      </c>
      <c r="DN34" s="104">
        <v>431337</v>
      </c>
      <c r="DO34" s="104">
        <v>1017495</v>
      </c>
      <c r="DP34" s="104">
        <v>269304</v>
      </c>
      <c r="DQ34" s="104">
        <v>910797</v>
      </c>
      <c r="DR34" s="103">
        <v>2861053</v>
      </c>
      <c r="DS34" s="106">
        <v>2861053</v>
      </c>
      <c r="DT34" s="100">
        <v>0</v>
      </c>
      <c r="DU34" s="104">
        <v>0</v>
      </c>
      <c r="DV34" s="103">
        <v>0</v>
      </c>
      <c r="DW34" s="100">
        <v>0</v>
      </c>
      <c r="DX34" s="104">
        <v>196287</v>
      </c>
      <c r="DY34" s="104">
        <v>332843</v>
      </c>
      <c r="DZ34" s="104">
        <v>982800</v>
      </c>
      <c r="EA34" s="104">
        <v>269304</v>
      </c>
      <c r="EB34" s="104">
        <v>634344</v>
      </c>
      <c r="EC34" s="103">
        <v>2415578</v>
      </c>
      <c r="ED34" s="106">
        <v>2415578</v>
      </c>
      <c r="EE34" s="100">
        <v>0</v>
      </c>
      <c r="EF34" s="102">
        <v>0</v>
      </c>
      <c r="EG34" s="103">
        <v>0</v>
      </c>
      <c r="EH34" s="100">
        <v>0</v>
      </c>
      <c r="EI34" s="104">
        <v>35833</v>
      </c>
      <c r="EJ34" s="104">
        <v>98494</v>
      </c>
      <c r="EK34" s="104">
        <v>34695</v>
      </c>
      <c r="EL34" s="104">
        <v>0</v>
      </c>
      <c r="EM34" s="104">
        <v>276453</v>
      </c>
      <c r="EN34" s="102">
        <v>445475</v>
      </c>
      <c r="EO34" s="106">
        <v>445475</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151300</v>
      </c>
      <c r="FM34" s="104">
        <v>446229</v>
      </c>
      <c r="FN34" s="103">
        <v>597529</v>
      </c>
      <c r="FO34" s="100">
        <v>0</v>
      </c>
      <c r="FP34" s="104">
        <v>426478</v>
      </c>
      <c r="FQ34" s="104">
        <v>780597</v>
      </c>
      <c r="FR34" s="104">
        <v>955963</v>
      </c>
      <c r="FS34" s="104">
        <v>670465</v>
      </c>
      <c r="FT34" s="104">
        <v>622112</v>
      </c>
      <c r="FU34" s="103">
        <v>3455615</v>
      </c>
      <c r="FV34" s="106">
        <v>4053144</v>
      </c>
      <c r="FW34" s="105">
        <v>151300</v>
      </c>
      <c r="FX34" s="104">
        <v>210096</v>
      </c>
      <c r="FY34" s="102">
        <v>361396</v>
      </c>
      <c r="FZ34" s="101">
        <v>0</v>
      </c>
      <c r="GA34" s="104">
        <v>401530</v>
      </c>
      <c r="GB34" s="104">
        <v>780597</v>
      </c>
      <c r="GC34" s="104">
        <v>955963</v>
      </c>
      <c r="GD34" s="104">
        <v>645517</v>
      </c>
      <c r="GE34" s="104">
        <v>622112</v>
      </c>
      <c r="GF34" s="103">
        <v>3405719</v>
      </c>
      <c r="GG34" s="296">
        <v>3767115</v>
      </c>
      <c r="GH34" s="105">
        <v>0</v>
      </c>
      <c r="GI34" s="104">
        <v>17343</v>
      </c>
      <c r="GJ34" s="102">
        <v>17343</v>
      </c>
      <c r="GK34" s="101">
        <v>0</v>
      </c>
      <c r="GL34" s="104">
        <v>24948</v>
      </c>
      <c r="GM34" s="104">
        <v>0</v>
      </c>
      <c r="GN34" s="104">
        <v>0</v>
      </c>
      <c r="GO34" s="104">
        <v>24948</v>
      </c>
      <c r="GP34" s="104">
        <v>0</v>
      </c>
      <c r="GQ34" s="103">
        <v>49896</v>
      </c>
      <c r="GR34" s="106">
        <v>67239</v>
      </c>
      <c r="GS34" s="100">
        <v>0</v>
      </c>
      <c r="GT34" s="104">
        <v>218790</v>
      </c>
      <c r="GU34" s="103">
        <v>218790</v>
      </c>
      <c r="GV34" s="100">
        <v>0</v>
      </c>
      <c r="GW34" s="104">
        <v>0</v>
      </c>
      <c r="GX34" s="104">
        <v>0</v>
      </c>
      <c r="GY34" s="104">
        <v>0</v>
      </c>
      <c r="GZ34" s="104">
        <v>0</v>
      </c>
      <c r="HA34" s="104">
        <v>0</v>
      </c>
      <c r="HB34" s="102">
        <v>0</v>
      </c>
      <c r="HC34" s="106">
        <v>218790</v>
      </c>
      <c r="HD34" s="100">
        <v>28548</v>
      </c>
      <c r="HE34" s="104">
        <v>0</v>
      </c>
      <c r="HF34" s="102">
        <v>28548</v>
      </c>
      <c r="HG34" s="101">
        <v>0</v>
      </c>
      <c r="HH34" s="104">
        <v>982629</v>
      </c>
      <c r="HI34" s="104">
        <v>1597608</v>
      </c>
      <c r="HJ34" s="104">
        <v>680517</v>
      </c>
      <c r="HK34" s="104">
        <v>2040772</v>
      </c>
      <c r="HL34" s="104">
        <v>912549</v>
      </c>
      <c r="HM34" s="103">
        <v>6214075</v>
      </c>
      <c r="HN34" s="99">
        <v>6242623</v>
      </c>
      <c r="HO34" s="105">
        <v>121260</v>
      </c>
      <c r="HP34" s="104">
        <v>168060</v>
      </c>
      <c r="HQ34" s="103">
        <v>289320</v>
      </c>
      <c r="HR34" s="100">
        <v>0</v>
      </c>
      <c r="HS34" s="104">
        <v>1187845</v>
      </c>
      <c r="HT34" s="104">
        <v>1076265</v>
      </c>
      <c r="HU34" s="104">
        <v>1017431</v>
      </c>
      <c r="HV34" s="104">
        <v>455196</v>
      </c>
      <c r="HW34" s="104">
        <v>411252</v>
      </c>
      <c r="HX34" s="102">
        <v>4147989</v>
      </c>
      <c r="HY34" s="106">
        <v>4437309</v>
      </c>
      <c r="HZ34" s="137">
        <v>0</v>
      </c>
      <c r="IA34" s="122">
        <v>176112</v>
      </c>
      <c r="IB34" s="137">
        <v>176112</v>
      </c>
      <c r="IC34" s="121">
        <v>0</v>
      </c>
      <c r="ID34" s="122">
        <v>3305371</v>
      </c>
      <c r="IE34" s="123">
        <v>2758781</v>
      </c>
      <c r="IF34" s="124">
        <v>7459552</v>
      </c>
      <c r="IG34" s="122">
        <v>4157351</v>
      </c>
      <c r="IH34" s="124">
        <v>2079981</v>
      </c>
      <c r="II34" s="125">
        <v>19761036</v>
      </c>
      <c r="IJ34" s="137">
        <v>19937148</v>
      </c>
      <c r="IK34" s="219">
        <v>0</v>
      </c>
      <c r="IL34" s="223">
        <v>0</v>
      </c>
      <c r="IM34" s="224">
        <v>0</v>
      </c>
      <c r="IN34" s="127"/>
      <c r="IO34" s="109">
        <v>112887</v>
      </c>
      <c r="IP34" s="109">
        <v>0</v>
      </c>
      <c r="IQ34" s="109">
        <v>0</v>
      </c>
      <c r="IR34" s="109">
        <v>0</v>
      </c>
      <c r="IS34" s="109">
        <v>0</v>
      </c>
      <c r="IT34" s="128">
        <v>112887</v>
      </c>
      <c r="IU34" s="298">
        <v>112887</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932231</v>
      </c>
      <c r="JL34" s="109">
        <v>1188900</v>
      </c>
      <c r="JM34" s="109">
        <v>468419</v>
      </c>
      <c r="JN34" s="109">
        <v>290723</v>
      </c>
      <c r="JO34" s="109">
        <v>0</v>
      </c>
      <c r="JP34" s="110">
        <v>2880273</v>
      </c>
      <c r="JQ34" s="298">
        <v>2880273</v>
      </c>
      <c r="JR34" s="129">
        <v>0</v>
      </c>
      <c r="JS34" s="109">
        <v>0</v>
      </c>
      <c r="JT34" s="128">
        <v>0</v>
      </c>
      <c r="JU34" s="108">
        <v>0</v>
      </c>
      <c r="JV34" s="109">
        <v>54567</v>
      </c>
      <c r="JW34" s="109">
        <v>0</v>
      </c>
      <c r="JX34" s="109">
        <v>0</v>
      </c>
      <c r="JY34" s="109">
        <v>0</v>
      </c>
      <c r="JZ34" s="109">
        <v>0</v>
      </c>
      <c r="KA34" s="110">
        <v>54567</v>
      </c>
      <c r="KB34" s="298">
        <v>54567</v>
      </c>
      <c r="KC34" s="221">
        <v>0</v>
      </c>
      <c r="KD34" s="217">
        <v>176112</v>
      </c>
      <c r="KE34" s="110">
        <v>176112</v>
      </c>
      <c r="KF34" s="108">
        <v>0</v>
      </c>
      <c r="KG34" s="109">
        <v>1473572</v>
      </c>
      <c r="KH34" s="109">
        <v>440228</v>
      </c>
      <c r="KI34" s="109">
        <v>2024918</v>
      </c>
      <c r="KJ34" s="109">
        <v>870786</v>
      </c>
      <c r="KK34" s="109">
        <v>321453</v>
      </c>
      <c r="KL34" s="110">
        <v>5130957</v>
      </c>
      <c r="KM34" s="130">
        <v>5307069</v>
      </c>
      <c r="KN34" s="219">
        <v>0</v>
      </c>
      <c r="KO34" s="223">
        <v>0</v>
      </c>
      <c r="KP34" s="224">
        <v>0</v>
      </c>
      <c r="KQ34" s="127"/>
      <c r="KR34" s="109">
        <v>732114</v>
      </c>
      <c r="KS34" s="109">
        <v>1129653</v>
      </c>
      <c r="KT34" s="109">
        <v>1921257</v>
      </c>
      <c r="KU34" s="109">
        <v>1110222</v>
      </c>
      <c r="KV34" s="109">
        <v>282402</v>
      </c>
      <c r="KW34" s="110">
        <v>5175648</v>
      </c>
      <c r="KX34" s="298">
        <v>5175648</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3044958</v>
      </c>
      <c r="LQ34" s="109">
        <v>1885620</v>
      </c>
      <c r="LR34" s="109">
        <v>1476126</v>
      </c>
      <c r="LS34" s="110">
        <v>6406704</v>
      </c>
      <c r="LT34" s="298">
        <v>6406704</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477232</v>
      </c>
      <c r="MK34" s="109">
        <v>3461177</v>
      </c>
      <c r="ML34" s="109">
        <v>5692289</v>
      </c>
      <c r="MM34" s="109">
        <v>11632053</v>
      </c>
      <c r="MN34" s="109">
        <v>8565041</v>
      </c>
      <c r="MO34" s="110">
        <v>29827792</v>
      </c>
      <c r="MP34" s="130">
        <v>29827792</v>
      </c>
      <c r="MQ34" s="129">
        <v>0</v>
      </c>
      <c r="MR34" s="109">
        <v>0</v>
      </c>
      <c r="MS34" s="110">
        <v>0</v>
      </c>
      <c r="MT34" s="132"/>
      <c r="MU34" s="109">
        <v>0</v>
      </c>
      <c r="MV34" s="109">
        <v>418072</v>
      </c>
      <c r="MW34" s="109">
        <v>2507871</v>
      </c>
      <c r="MX34" s="109">
        <v>8577508</v>
      </c>
      <c r="MY34" s="109">
        <v>6407496</v>
      </c>
      <c r="MZ34" s="110">
        <v>17910947</v>
      </c>
      <c r="NA34" s="130">
        <v>17910947</v>
      </c>
      <c r="NB34" s="129">
        <v>0</v>
      </c>
      <c r="NC34" s="109">
        <v>0</v>
      </c>
      <c r="ND34" s="110">
        <v>0</v>
      </c>
      <c r="NE34" s="132"/>
      <c r="NF34" s="109">
        <v>477232</v>
      </c>
      <c r="NG34" s="109">
        <v>3043105</v>
      </c>
      <c r="NH34" s="109">
        <v>3184418</v>
      </c>
      <c r="NI34" s="109">
        <v>3054545</v>
      </c>
      <c r="NJ34" s="109">
        <v>2157545</v>
      </c>
      <c r="NK34" s="110">
        <v>11916845</v>
      </c>
      <c r="NL34" s="298">
        <v>11916845</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395864</v>
      </c>
      <c r="OJ34" s="109">
        <v>1130788</v>
      </c>
      <c r="OK34" s="128">
        <v>1526652</v>
      </c>
      <c r="OL34" s="108">
        <v>0</v>
      </c>
      <c r="OM34" s="109">
        <v>11626759</v>
      </c>
      <c r="ON34" s="109">
        <v>15931152</v>
      </c>
      <c r="OO34" s="109">
        <v>22402849</v>
      </c>
      <c r="OP34" s="109">
        <v>23268900</v>
      </c>
      <c r="OQ34" s="109">
        <v>17480501</v>
      </c>
      <c r="OR34" s="110">
        <v>90710161</v>
      </c>
      <c r="OS34" s="130">
        <v>92236813</v>
      </c>
    </row>
    <row r="35" spans="2:409" ht="21" customHeight="1" x14ac:dyDescent="0.2">
      <c r="B35" s="472" t="s">
        <v>30</v>
      </c>
      <c r="C35" s="100">
        <v>874191</v>
      </c>
      <c r="D35" s="104">
        <v>849844</v>
      </c>
      <c r="E35" s="161">
        <v>1724035</v>
      </c>
      <c r="F35" s="162">
        <v>0</v>
      </c>
      <c r="G35" s="163">
        <v>7329485</v>
      </c>
      <c r="H35" s="163">
        <v>6973891</v>
      </c>
      <c r="I35" s="163">
        <v>8114991</v>
      </c>
      <c r="J35" s="163">
        <v>8154751</v>
      </c>
      <c r="K35" s="163">
        <v>2582547</v>
      </c>
      <c r="L35" s="164">
        <v>33155665</v>
      </c>
      <c r="M35" s="106">
        <v>34879700</v>
      </c>
      <c r="N35" s="100">
        <v>142161</v>
      </c>
      <c r="O35" s="104">
        <v>192625</v>
      </c>
      <c r="P35" s="103">
        <v>334786</v>
      </c>
      <c r="Q35" s="100">
        <v>0</v>
      </c>
      <c r="R35" s="104">
        <v>2117595</v>
      </c>
      <c r="S35" s="104">
        <v>1774974</v>
      </c>
      <c r="T35" s="104">
        <v>2959328</v>
      </c>
      <c r="U35" s="104">
        <v>4471509</v>
      </c>
      <c r="V35" s="104">
        <v>1407528</v>
      </c>
      <c r="W35" s="103">
        <v>12730934</v>
      </c>
      <c r="X35" s="106">
        <v>13065720</v>
      </c>
      <c r="Y35" s="100">
        <v>0</v>
      </c>
      <c r="Z35" s="104">
        <v>0</v>
      </c>
      <c r="AA35" s="103">
        <v>0</v>
      </c>
      <c r="AB35" s="100">
        <v>0</v>
      </c>
      <c r="AC35" s="104">
        <v>781609</v>
      </c>
      <c r="AD35" s="104">
        <v>826017</v>
      </c>
      <c r="AE35" s="104">
        <v>1694602</v>
      </c>
      <c r="AF35" s="104">
        <v>2748701</v>
      </c>
      <c r="AG35" s="104">
        <v>867744</v>
      </c>
      <c r="AH35" s="103">
        <v>6918673</v>
      </c>
      <c r="AI35" s="106">
        <v>6918673</v>
      </c>
      <c r="AJ35" s="100">
        <v>0</v>
      </c>
      <c r="AK35" s="104">
        <v>0</v>
      </c>
      <c r="AL35" s="103">
        <v>0</v>
      </c>
      <c r="AM35" s="100">
        <v>0</v>
      </c>
      <c r="AN35" s="104">
        <v>78222</v>
      </c>
      <c r="AO35" s="104">
        <v>0</v>
      </c>
      <c r="AP35" s="104">
        <v>181062</v>
      </c>
      <c r="AQ35" s="104">
        <v>494976</v>
      </c>
      <c r="AR35" s="104">
        <v>264772</v>
      </c>
      <c r="AS35" s="103">
        <v>1019032</v>
      </c>
      <c r="AT35" s="106">
        <v>1019032</v>
      </c>
      <c r="AU35" s="100">
        <v>92904</v>
      </c>
      <c r="AV35" s="104">
        <v>187972</v>
      </c>
      <c r="AW35" s="103">
        <v>280876</v>
      </c>
      <c r="AX35" s="100">
        <v>0</v>
      </c>
      <c r="AY35" s="104">
        <v>867775</v>
      </c>
      <c r="AZ35" s="104">
        <v>665538</v>
      </c>
      <c r="BA35" s="104">
        <v>730628</v>
      </c>
      <c r="BB35" s="104">
        <v>817411</v>
      </c>
      <c r="BC35" s="104">
        <v>166724</v>
      </c>
      <c r="BD35" s="103">
        <v>3248076</v>
      </c>
      <c r="BE35" s="106">
        <v>3528952</v>
      </c>
      <c r="BF35" s="100">
        <v>33804</v>
      </c>
      <c r="BG35" s="104">
        <v>0</v>
      </c>
      <c r="BH35" s="102">
        <v>33804</v>
      </c>
      <c r="BI35" s="101">
        <v>0</v>
      </c>
      <c r="BJ35" s="104">
        <v>94644</v>
      </c>
      <c r="BK35" s="104">
        <v>25812</v>
      </c>
      <c r="BL35" s="104">
        <v>103248</v>
      </c>
      <c r="BM35" s="104">
        <v>68832</v>
      </c>
      <c r="BN35" s="104">
        <v>0</v>
      </c>
      <c r="BO35" s="103">
        <v>292536</v>
      </c>
      <c r="BP35" s="106">
        <v>326340</v>
      </c>
      <c r="BQ35" s="100">
        <v>15453</v>
      </c>
      <c r="BR35" s="104">
        <v>4653</v>
      </c>
      <c r="BS35" s="103">
        <v>20106</v>
      </c>
      <c r="BT35" s="100">
        <v>0</v>
      </c>
      <c r="BU35" s="104">
        <v>295345</v>
      </c>
      <c r="BV35" s="104">
        <v>257607</v>
      </c>
      <c r="BW35" s="104">
        <v>249788</v>
      </c>
      <c r="BX35" s="104">
        <v>341589</v>
      </c>
      <c r="BY35" s="104">
        <v>108288</v>
      </c>
      <c r="BZ35" s="103">
        <v>1252617</v>
      </c>
      <c r="CA35" s="106">
        <v>1272723</v>
      </c>
      <c r="CB35" s="100">
        <v>107204</v>
      </c>
      <c r="CC35" s="104">
        <v>305154</v>
      </c>
      <c r="CD35" s="103">
        <v>412358</v>
      </c>
      <c r="CE35" s="100">
        <v>0</v>
      </c>
      <c r="CF35" s="104">
        <v>2328359</v>
      </c>
      <c r="CG35" s="104">
        <v>1992535</v>
      </c>
      <c r="CH35" s="104">
        <v>1761296</v>
      </c>
      <c r="CI35" s="104">
        <v>1447234</v>
      </c>
      <c r="CJ35" s="104">
        <v>131382</v>
      </c>
      <c r="CK35" s="103">
        <v>7660806</v>
      </c>
      <c r="CL35" s="106">
        <v>8073164</v>
      </c>
      <c r="CM35" s="100">
        <v>0</v>
      </c>
      <c r="CN35" s="104">
        <v>0</v>
      </c>
      <c r="CO35" s="103">
        <v>0</v>
      </c>
      <c r="CP35" s="101">
        <v>0</v>
      </c>
      <c r="CQ35" s="104">
        <v>1811986</v>
      </c>
      <c r="CR35" s="104">
        <v>1587759</v>
      </c>
      <c r="CS35" s="104">
        <v>1533763</v>
      </c>
      <c r="CT35" s="104">
        <v>1139805</v>
      </c>
      <c r="CU35" s="104">
        <v>131382</v>
      </c>
      <c r="CV35" s="103">
        <v>6204695</v>
      </c>
      <c r="CW35" s="106">
        <v>6204695</v>
      </c>
      <c r="CX35" s="100">
        <v>107204</v>
      </c>
      <c r="CY35" s="104">
        <v>305154</v>
      </c>
      <c r="CZ35" s="103">
        <v>412358</v>
      </c>
      <c r="DA35" s="100">
        <v>0</v>
      </c>
      <c r="DB35" s="104">
        <v>516373</v>
      </c>
      <c r="DC35" s="104">
        <v>404776</v>
      </c>
      <c r="DD35" s="104">
        <v>227533</v>
      </c>
      <c r="DE35" s="104">
        <v>307429</v>
      </c>
      <c r="DF35" s="104">
        <v>0</v>
      </c>
      <c r="DG35" s="103">
        <v>1456111</v>
      </c>
      <c r="DH35" s="106">
        <v>1868469</v>
      </c>
      <c r="DI35" s="100">
        <v>0</v>
      </c>
      <c r="DJ35" s="104">
        <v>17181</v>
      </c>
      <c r="DK35" s="102">
        <v>17181</v>
      </c>
      <c r="DL35" s="101">
        <v>0</v>
      </c>
      <c r="DM35" s="104">
        <v>208053</v>
      </c>
      <c r="DN35" s="104">
        <v>595681</v>
      </c>
      <c r="DO35" s="104">
        <v>758539</v>
      </c>
      <c r="DP35" s="104">
        <v>455182</v>
      </c>
      <c r="DQ35" s="104">
        <v>101016</v>
      </c>
      <c r="DR35" s="103">
        <v>2118471</v>
      </c>
      <c r="DS35" s="106">
        <v>2135652</v>
      </c>
      <c r="DT35" s="100">
        <v>0</v>
      </c>
      <c r="DU35" s="104">
        <v>17181</v>
      </c>
      <c r="DV35" s="103">
        <v>17181</v>
      </c>
      <c r="DW35" s="100">
        <v>0</v>
      </c>
      <c r="DX35" s="104">
        <v>90341</v>
      </c>
      <c r="DY35" s="104">
        <v>539044</v>
      </c>
      <c r="DZ35" s="104">
        <v>701866</v>
      </c>
      <c r="EA35" s="104">
        <v>280993</v>
      </c>
      <c r="EB35" s="104">
        <v>49581</v>
      </c>
      <c r="EC35" s="103">
        <v>1661825</v>
      </c>
      <c r="ED35" s="106">
        <v>1679006</v>
      </c>
      <c r="EE35" s="100">
        <v>0</v>
      </c>
      <c r="EF35" s="102">
        <v>0</v>
      </c>
      <c r="EG35" s="103">
        <v>0</v>
      </c>
      <c r="EH35" s="100">
        <v>0</v>
      </c>
      <c r="EI35" s="104">
        <v>117712</v>
      </c>
      <c r="EJ35" s="104">
        <v>56637</v>
      </c>
      <c r="EK35" s="104">
        <v>56673</v>
      </c>
      <c r="EL35" s="104">
        <v>174189</v>
      </c>
      <c r="EM35" s="104">
        <v>51435</v>
      </c>
      <c r="EN35" s="102">
        <v>456646</v>
      </c>
      <c r="EO35" s="106">
        <v>456646</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370630</v>
      </c>
      <c r="FM35" s="104">
        <v>213624</v>
      </c>
      <c r="FN35" s="103">
        <v>584254</v>
      </c>
      <c r="FO35" s="100">
        <v>0</v>
      </c>
      <c r="FP35" s="104">
        <v>492472</v>
      </c>
      <c r="FQ35" s="104">
        <v>712465</v>
      </c>
      <c r="FR35" s="104">
        <v>891982</v>
      </c>
      <c r="FS35" s="104">
        <v>898505</v>
      </c>
      <c r="FT35" s="104">
        <v>253305</v>
      </c>
      <c r="FU35" s="103">
        <v>3248729</v>
      </c>
      <c r="FV35" s="106">
        <v>3832983</v>
      </c>
      <c r="FW35" s="105">
        <v>330730</v>
      </c>
      <c r="FX35" s="104">
        <v>188280</v>
      </c>
      <c r="FY35" s="102">
        <v>519010</v>
      </c>
      <c r="FZ35" s="101">
        <v>0</v>
      </c>
      <c r="GA35" s="104">
        <v>407512</v>
      </c>
      <c r="GB35" s="104">
        <v>651427</v>
      </c>
      <c r="GC35" s="104">
        <v>891982</v>
      </c>
      <c r="GD35" s="104">
        <v>808505</v>
      </c>
      <c r="GE35" s="104">
        <v>253305</v>
      </c>
      <c r="GF35" s="103">
        <v>3012731</v>
      </c>
      <c r="GG35" s="296">
        <v>3531741</v>
      </c>
      <c r="GH35" s="105">
        <v>0</v>
      </c>
      <c r="GI35" s="104">
        <v>25344</v>
      </c>
      <c r="GJ35" s="102">
        <v>25344</v>
      </c>
      <c r="GK35" s="101">
        <v>0</v>
      </c>
      <c r="GL35" s="104">
        <v>48510</v>
      </c>
      <c r="GM35" s="104">
        <v>61038</v>
      </c>
      <c r="GN35" s="104">
        <v>0</v>
      </c>
      <c r="GO35" s="104">
        <v>90000</v>
      </c>
      <c r="GP35" s="104">
        <v>0</v>
      </c>
      <c r="GQ35" s="103">
        <v>199548</v>
      </c>
      <c r="GR35" s="106">
        <v>224892</v>
      </c>
      <c r="GS35" s="100">
        <v>39900</v>
      </c>
      <c r="GT35" s="104">
        <v>0</v>
      </c>
      <c r="GU35" s="103">
        <v>39900</v>
      </c>
      <c r="GV35" s="100">
        <v>0</v>
      </c>
      <c r="GW35" s="104">
        <v>36450</v>
      </c>
      <c r="GX35" s="104">
        <v>0</v>
      </c>
      <c r="GY35" s="104">
        <v>0</v>
      </c>
      <c r="GZ35" s="104">
        <v>0</v>
      </c>
      <c r="HA35" s="104">
        <v>0</v>
      </c>
      <c r="HB35" s="102">
        <v>36450</v>
      </c>
      <c r="HC35" s="106">
        <v>76350</v>
      </c>
      <c r="HD35" s="100">
        <v>57096</v>
      </c>
      <c r="HE35" s="104">
        <v>0</v>
      </c>
      <c r="HF35" s="102">
        <v>57096</v>
      </c>
      <c r="HG35" s="101">
        <v>0</v>
      </c>
      <c r="HH35" s="104">
        <v>1149346</v>
      </c>
      <c r="HI35" s="104">
        <v>1148205</v>
      </c>
      <c r="HJ35" s="104">
        <v>964056</v>
      </c>
      <c r="HK35" s="104">
        <v>226971</v>
      </c>
      <c r="HL35" s="104">
        <v>508879</v>
      </c>
      <c r="HM35" s="103">
        <v>3997457</v>
      </c>
      <c r="HN35" s="99">
        <v>4054553</v>
      </c>
      <c r="HO35" s="105">
        <v>197100</v>
      </c>
      <c r="HP35" s="104">
        <v>121260</v>
      </c>
      <c r="HQ35" s="103">
        <v>318360</v>
      </c>
      <c r="HR35" s="100">
        <v>0</v>
      </c>
      <c r="HS35" s="104">
        <v>1033660</v>
      </c>
      <c r="HT35" s="104">
        <v>750031</v>
      </c>
      <c r="HU35" s="104">
        <v>779790</v>
      </c>
      <c r="HV35" s="104">
        <v>655350</v>
      </c>
      <c r="HW35" s="104">
        <v>180437</v>
      </c>
      <c r="HX35" s="102">
        <v>3399268</v>
      </c>
      <c r="HY35" s="106">
        <v>3717628</v>
      </c>
      <c r="HZ35" s="118">
        <v>0</v>
      </c>
      <c r="IA35" s="119">
        <v>0</v>
      </c>
      <c r="IB35" s="120">
        <v>0</v>
      </c>
      <c r="IC35" s="133">
        <v>0</v>
      </c>
      <c r="ID35" s="119">
        <v>2570952</v>
      </c>
      <c r="IE35" s="134">
        <v>2522145</v>
      </c>
      <c r="IF35" s="120">
        <v>1739842</v>
      </c>
      <c r="IG35" s="119">
        <v>2185219</v>
      </c>
      <c r="IH35" s="120">
        <v>276255</v>
      </c>
      <c r="II35" s="135">
        <v>9294413</v>
      </c>
      <c r="IJ35" s="126">
        <v>9294413</v>
      </c>
      <c r="IK35" s="219">
        <v>0</v>
      </c>
      <c r="IL35" s="223">
        <v>0</v>
      </c>
      <c r="IM35" s="224">
        <v>0</v>
      </c>
      <c r="IN35" s="127"/>
      <c r="IO35" s="109">
        <v>0</v>
      </c>
      <c r="IP35" s="109">
        <v>174078</v>
      </c>
      <c r="IQ35" s="109">
        <v>179199</v>
      </c>
      <c r="IR35" s="109">
        <v>0</v>
      </c>
      <c r="IS35" s="109">
        <v>0</v>
      </c>
      <c r="IT35" s="128">
        <v>353277</v>
      </c>
      <c r="IU35" s="298">
        <v>353277</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1504758</v>
      </c>
      <c r="JL35" s="109">
        <v>519848</v>
      </c>
      <c r="JM35" s="109">
        <v>900835</v>
      </c>
      <c r="JN35" s="109">
        <v>555675</v>
      </c>
      <c r="JO35" s="109">
        <v>0</v>
      </c>
      <c r="JP35" s="110">
        <v>3481116</v>
      </c>
      <c r="JQ35" s="298">
        <v>3481116</v>
      </c>
      <c r="JR35" s="129">
        <v>0</v>
      </c>
      <c r="JS35" s="109">
        <v>0</v>
      </c>
      <c r="JT35" s="128">
        <v>0</v>
      </c>
      <c r="JU35" s="108">
        <v>0</v>
      </c>
      <c r="JV35" s="109">
        <v>174573</v>
      </c>
      <c r="JW35" s="109">
        <v>252814</v>
      </c>
      <c r="JX35" s="109">
        <v>172071</v>
      </c>
      <c r="JY35" s="109">
        <v>0</v>
      </c>
      <c r="JZ35" s="109">
        <v>0</v>
      </c>
      <c r="KA35" s="110">
        <v>599458</v>
      </c>
      <c r="KB35" s="298">
        <v>599458</v>
      </c>
      <c r="KC35" s="221">
        <v>0</v>
      </c>
      <c r="KD35" s="217">
        <v>0</v>
      </c>
      <c r="KE35" s="110">
        <v>0</v>
      </c>
      <c r="KF35" s="108">
        <v>0</v>
      </c>
      <c r="KG35" s="109">
        <v>0</v>
      </c>
      <c r="KH35" s="109">
        <v>0</v>
      </c>
      <c r="KI35" s="109">
        <v>0</v>
      </c>
      <c r="KJ35" s="109">
        <v>295704</v>
      </c>
      <c r="KK35" s="109">
        <v>0</v>
      </c>
      <c r="KL35" s="110">
        <v>295704</v>
      </c>
      <c r="KM35" s="130">
        <v>295704</v>
      </c>
      <c r="KN35" s="219">
        <v>0</v>
      </c>
      <c r="KO35" s="223">
        <v>0</v>
      </c>
      <c r="KP35" s="224">
        <v>0</v>
      </c>
      <c r="KQ35" s="127"/>
      <c r="KR35" s="109">
        <v>891621</v>
      </c>
      <c r="KS35" s="109">
        <v>1575405</v>
      </c>
      <c r="KT35" s="109">
        <v>487737</v>
      </c>
      <c r="KU35" s="109">
        <v>1333840</v>
      </c>
      <c r="KV35" s="109">
        <v>276255</v>
      </c>
      <c r="KW35" s="110">
        <v>4564858</v>
      </c>
      <c r="KX35" s="298">
        <v>4564858</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3432655</v>
      </c>
      <c r="MK35" s="109">
        <v>749453</v>
      </c>
      <c r="ML35" s="109">
        <v>9715410</v>
      </c>
      <c r="MM35" s="109">
        <v>13844496</v>
      </c>
      <c r="MN35" s="109">
        <v>7375847</v>
      </c>
      <c r="MO35" s="110">
        <v>35117861</v>
      </c>
      <c r="MP35" s="130">
        <v>35117861</v>
      </c>
      <c r="MQ35" s="129">
        <v>0</v>
      </c>
      <c r="MR35" s="109">
        <v>0</v>
      </c>
      <c r="MS35" s="110">
        <v>0</v>
      </c>
      <c r="MT35" s="132"/>
      <c r="MU35" s="109">
        <v>169218</v>
      </c>
      <c r="MV35" s="109">
        <v>0</v>
      </c>
      <c r="MW35" s="109">
        <v>6036026</v>
      </c>
      <c r="MX35" s="109">
        <v>8731231</v>
      </c>
      <c r="MY35" s="109">
        <v>4472774</v>
      </c>
      <c r="MZ35" s="110">
        <v>19409249</v>
      </c>
      <c r="NA35" s="130">
        <v>19409249</v>
      </c>
      <c r="NB35" s="129">
        <v>0</v>
      </c>
      <c r="NC35" s="109">
        <v>0</v>
      </c>
      <c r="ND35" s="110">
        <v>0</v>
      </c>
      <c r="NE35" s="132"/>
      <c r="NF35" s="109">
        <v>3263437</v>
      </c>
      <c r="NG35" s="109">
        <v>749453</v>
      </c>
      <c r="NH35" s="109">
        <v>3679384</v>
      </c>
      <c r="NI35" s="109">
        <v>4409791</v>
      </c>
      <c r="NJ35" s="109">
        <v>1850961</v>
      </c>
      <c r="NK35" s="110">
        <v>13953026</v>
      </c>
      <c r="NL35" s="298">
        <v>13953026</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703474</v>
      </c>
      <c r="OF35" s="109">
        <v>1052112</v>
      </c>
      <c r="OG35" s="110">
        <v>1755586</v>
      </c>
      <c r="OH35" s="111">
        <v>1755586</v>
      </c>
      <c r="OI35" s="129">
        <v>874191</v>
      </c>
      <c r="OJ35" s="109">
        <v>849844</v>
      </c>
      <c r="OK35" s="128">
        <v>1724035</v>
      </c>
      <c r="OL35" s="108">
        <v>0</v>
      </c>
      <c r="OM35" s="109">
        <v>13333092</v>
      </c>
      <c r="ON35" s="109">
        <v>10245489</v>
      </c>
      <c r="OO35" s="109">
        <v>19570243</v>
      </c>
      <c r="OP35" s="109">
        <v>24184466</v>
      </c>
      <c r="OQ35" s="109">
        <v>10234649</v>
      </c>
      <c r="OR35" s="110">
        <v>77567939</v>
      </c>
      <c r="OS35" s="130">
        <v>79291974</v>
      </c>
    </row>
    <row r="36" spans="2:409" ht="21" customHeight="1" x14ac:dyDescent="0.2">
      <c r="B36" s="472" t="s">
        <v>31</v>
      </c>
      <c r="C36" s="100">
        <v>434940</v>
      </c>
      <c r="D36" s="104">
        <v>1157628</v>
      </c>
      <c r="E36" s="103">
        <v>1592568</v>
      </c>
      <c r="F36" s="99">
        <v>0</v>
      </c>
      <c r="G36" s="104">
        <v>6240752</v>
      </c>
      <c r="H36" s="104">
        <v>8906059</v>
      </c>
      <c r="I36" s="104">
        <v>8303809</v>
      </c>
      <c r="J36" s="104">
        <v>6332979</v>
      </c>
      <c r="K36" s="104">
        <v>2746580</v>
      </c>
      <c r="L36" s="160">
        <v>32530179</v>
      </c>
      <c r="M36" s="106">
        <v>34122747</v>
      </c>
      <c r="N36" s="100">
        <v>133756</v>
      </c>
      <c r="O36" s="104">
        <v>238095</v>
      </c>
      <c r="P36" s="103">
        <v>371851</v>
      </c>
      <c r="Q36" s="100">
        <v>0</v>
      </c>
      <c r="R36" s="104">
        <v>1168124</v>
      </c>
      <c r="S36" s="104">
        <v>1360722</v>
      </c>
      <c r="T36" s="104">
        <v>2088035</v>
      </c>
      <c r="U36" s="104">
        <v>2055196</v>
      </c>
      <c r="V36" s="104">
        <v>1411483</v>
      </c>
      <c r="W36" s="103">
        <v>8083560</v>
      </c>
      <c r="X36" s="106">
        <v>8455411</v>
      </c>
      <c r="Y36" s="100">
        <v>0</v>
      </c>
      <c r="Z36" s="104">
        <v>0</v>
      </c>
      <c r="AA36" s="103">
        <v>0</v>
      </c>
      <c r="AB36" s="100">
        <v>0</v>
      </c>
      <c r="AC36" s="104">
        <v>333463</v>
      </c>
      <c r="AD36" s="104">
        <v>433506</v>
      </c>
      <c r="AE36" s="104">
        <v>999049</v>
      </c>
      <c r="AF36" s="104">
        <v>528600</v>
      </c>
      <c r="AG36" s="104">
        <v>835065</v>
      </c>
      <c r="AH36" s="103">
        <v>3129683</v>
      </c>
      <c r="AI36" s="106">
        <v>3129683</v>
      </c>
      <c r="AJ36" s="100">
        <v>0</v>
      </c>
      <c r="AK36" s="104">
        <v>0</v>
      </c>
      <c r="AL36" s="103">
        <v>0</v>
      </c>
      <c r="AM36" s="100">
        <v>0</v>
      </c>
      <c r="AN36" s="104">
        <v>63963</v>
      </c>
      <c r="AO36" s="104">
        <v>45488</v>
      </c>
      <c r="AP36" s="104">
        <v>255849</v>
      </c>
      <c r="AQ36" s="104">
        <v>501070</v>
      </c>
      <c r="AR36" s="104">
        <v>175592</v>
      </c>
      <c r="AS36" s="103">
        <v>1041962</v>
      </c>
      <c r="AT36" s="106">
        <v>1041962</v>
      </c>
      <c r="AU36" s="100">
        <v>66328</v>
      </c>
      <c r="AV36" s="104">
        <v>179343</v>
      </c>
      <c r="AW36" s="103">
        <v>245671</v>
      </c>
      <c r="AX36" s="100">
        <v>0</v>
      </c>
      <c r="AY36" s="104">
        <v>571114</v>
      </c>
      <c r="AZ36" s="104">
        <v>539995</v>
      </c>
      <c r="BA36" s="104">
        <v>637373</v>
      </c>
      <c r="BB36" s="104">
        <v>795520</v>
      </c>
      <c r="BC36" s="104">
        <v>300022</v>
      </c>
      <c r="BD36" s="103">
        <v>2844024</v>
      </c>
      <c r="BE36" s="106">
        <v>3089695</v>
      </c>
      <c r="BF36" s="100">
        <v>25353</v>
      </c>
      <c r="BG36" s="104">
        <v>58752</v>
      </c>
      <c r="BH36" s="102">
        <v>84105</v>
      </c>
      <c r="BI36" s="101">
        <v>0</v>
      </c>
      <c r="BJ36" s="104">
        <v>68832</v>
      </c>
      <c r="BK36" s="104">
        <v>68832</v>
      </c>
      <c r="BL36" s="104">
        <v>58316</v>
      </c>
      <c r="BM36" s="104">
        <v>43020</v>
      </c>
      <c r="BN36" s="104">
        <v>0</v>
      </c>
      <c r="BO36" s="103">
        <v>239000</v>
      </c>
      <c r="BP36" s="106">
        <v>323105</v>
      </c>
      <c r="BQ36" s="100">
        <v>42075</v>
      </c>
      <c r="BR36" s="104">
        <v>0</v>
      </c>
      <c r="BS36" s="103">
        <v>42075</v>
      </c>
      <c r="BT36" s="100">
        <v>0</v>
      </c>
      <c r="BU36" s="104">
        <v>130752</v>
      </c>
      <c r="BV36" s="104">
        <v>272901</v>
      </c>
      <c r="BW36" s="104">
        <v>137448</v>
      </c>
      <c r="BX36" s="104">
        <v>186986</v>
      </c>
      <c r="BY36" s="104">
        <v>100804</v>
      </c>
      <c r="BZ36" s="103">
        <v>828891</v>
      </c>
      <c r="CA36" s="106">
        <v>870966</v>
      </c>
      <c r="CB36" s="100">
        <v>0</v>
      </c>
      <c r="CC36" s="104">
        <v>38376</v>
      </c>
      <c r="CD36" s="103">
        <v>38376</v>
      </c>
      <c r="CE36" s="100">
        <v>0</v>
      </c>
      <c r="CF36" s="104">
        <v>2129621</v>
      </c>
      <c r="CG36" s="104">
        <v>3334327</v>
      </c>
      <c r="CH36" s="104">
        <v>2252414</v>
      </c>
      <c r="CI36" s="104">
        <v>1319299</v>
      </c>
      <c r="CJ36" s="104">
        <v>633676</v>
      </c>
      <c r="CK36" s="103">
        <v>9669337</v>
      </c>
      <c r="CL36" s="106">
        <v>9707713</v>
      </c>
      <c r="CM36" s="100">
        <v>0</v>
      </c>
      <c r="CN36" s="104">
        <v>0</v>
      </c>
      <c r="CO36" s="103">
        <v>0</v>
      </c>
      <c r="CP36" s="101">
        <v>0</v>
      </c>
      <c r="CQ36" s="104">
        <v>1931166</v>
      </c>
      <c r="CR36" s="104">
        <v>2990756</v>
      </c>
      <c r="CS36" s="104">
        <v>1767065</v>
      </c>
      <c r="CT36" s="104">
        <v>1100258</v>
      </c>
      <c r="CU36" s="104">
        <v>526260</v>
      </c>
      <c r="CV36" s="103">
        <v>8315505</v>
      </c>
      <c r="CW36" s="106">
        <v>8315505</v>
      </c>
      <c r="CX36" s="100">
        <v>0</v>
      </c>
      <c r="CY36" s="104">
        <v>38376</v>
      </c>
      <c r="CZ36" s="103">
        <v>38376</v>
      </c>
      <c r="DA36" s="100">
        <v>0</v>
      </c>
      <c r="DB36" s="104">
        <v>198455</v>
      </c>
      <c r="DC36" s="104">
        <v>343571</v>
      </c>
      <c r="DD36" s="104">
        <v>485349</v>
      </c>
      <c r="DE36" s="104">
        <v>219041</v>
      </c>
      <c r="DF36" s="104">
        <v>107416</v>
      </c>
      <c r="DG36" s="103">
        <v>1353832</v>
      </c>
      <c r="DH36" s="106">
        <v>1392208</v>
      </c>
      <c r="DI36" s="100">
        <v>0</v>
      </c>
      <c r="DJ36" s="104">
        <v>49923</v>
      </c>
      <c r="DK36" s="102">
        <v>49923</v>
      </c>
      <c r="DL36" s="101">
        <v>0</v>
      </c>
      <c r="DM36" s="104">
        <v>162921</v>
      </c>
      <c r="DN36" s="104">
        <v>378448</v>
      </c>
      <c r="DO36" s="104">
        <v>1125048</v>
      </c>
      <c r="DP36" s="104">
        <v>734995</v>
      </c>
      <c r="DQ36" s="104">
        <v>164472</v>
      </c>
      <c r="DR36" s="103">
        <v>2565884</v>
      </c>
      <c r="DS36" s="106">
        <v>2615807</v>
      </c>
      <c r="DT36" s="100">
        <v>0</v>
      </c>
      <c r="DU36" s="104">
        <v>49923</v>
      </c>
      <c r="DV36" s="103">
        <v>49923</v>
      </c>
      <c r="DW36" s="100">
        <v>0</v>
      </c>
      <c r="DX36" s="104">
        <v>162921</v>
      </c>
      <c r="DY36" s="104">
        <v>378448</v>
      </c>
      <c r="DZ36" s="104">
        <v>1125048</v>
      </c>
      <c r="EA36" s="104">
        <v>734995</v>
      </c>
      <c r="EB36" s="104">
        <v>101625</v>
      </c>
      <c r="EC36" s="103">
        <v>2503037</v>
      </c>
      <c r="ED36" s="106">
        <v>2552960</v>
      </c>
      <c r="EE36" s="100">
        <v>0</v>
      </c>
      <c r="EF36" s="102">
        <v>0</v>
      </c>
      <c r="EG36" s="103">
        <v>0</v>
      </c>
      <c r="EH36" s="100">
        <v>0</v>
      </c>
      <c r="EI36" s="104">
        <v>0</v>
      </c>
      <c r="EJ36" s="104">
        <v>0</v>
      </c>
      <c r="EK36" s="104">
        <v>0</v>
      </c>
      <c r="EL36" s="104">
        <v>0</v>
      </c>
      <c r="EM36" s="104">
        <v>62847</v>
      </c>
      <c r="EN36" s="102">
        <v>62847</v>
      </c>
      <c r="EO36" s="106">
        <v>62847</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138240</v>
      </c>
      <c r="FM36" s="104">
        <v>459320</v>
      </c>
      <c r="FN36" s="103">
        <v>597560</v>
      </c>
      <c r="FO36" s="100">
        <v>0</v>
      </c>
      <c r="FP36" s="104">
        <v>676403</v>
      </c>
      <c r="FQ36" s="104">
        <v>1172024</v>
      </c>
      <c r="FR36" s="104">
        <v>990949</v>
      </c>
      <c r="FS36" s="104">
        <v>977652</v>
      </c>
      <c r="FT36" s="104">
        <v>360712</v>
      </c>
      <c r="FU36" s="103">
        <v>4177740</v>
      </c>
      <c r="FV36" s="106">
        <v>4775300</v>
      </c>
      <c r="FW36" s="105">
        <v>138240</v>
      </c>
      <c r="FX36" s="104">
        <v>413780</v>
      </c>
      <c r="FY36" s="102">
        <v>552020</v>
      </c>
      <c r="FZ36" s="101">
        <v>0</v>
      </c>
      <c r="GA36" s="104">
        <v>635403</v>
      </c>
      <c r="GB36" s="104">
        <v>912809</v>
      </c>
      <c r="GC36" s="104">
        <v>924529</v>
      </c>
      <c r="GD36" s="104">
        <v>977652</v>
      </c>
      <c r="GE36" s="104">
        <v>360712</v>
      </c>
      <c r="GF36" s="103">
        <v>3811105</v>
      </c>
      <c r="GG36" s="296">
        <v>4363125</v>
      </c>
      <c r="GH36" s="105">
        <v>0</v>
      </c>
      <c r="GI36" s="104">
        <v>45540</v>
      </c>
      <c r="GJ36" s="102">
        <v>45540</v>
      </c>
      <c r="GK36" s="101">
        <v>0</v>
      </c>
      <c r="GL36" s="104">
        <v>41000</v>
      </c>
      <c r="GM36" s="104">
        <v>27765</v>
      </c>
      <c r="GN36" s="104">
        <v>66420</v>
      </c>
      <c r="GO36" s="104">
        <v>0</v>
      </c>
      <c r="GP36" s="104">
        <v>0</v>
      </c>
      <c r="GQ36" s="103">
        <v>135185</v>
      </c>
      <c r="GR36" s="106">
        <v>180725</v>
      </c>
      <c r="GS36" s="100">
        <v>0</v>
      </c>
      <c r="GT36" s="104">
        <v>0</v>
      </c>
      <c r="GU36" s="103">
        <v>0</v>
      </c>
      <c r="GV36" s="100">
        <v>0</v>
      </c>
      <c r="GW36" s="104">
        <v>0</v>
      </c>
      <c r="GX36" s="104">
        <v>231450</v>
      </c>
      <c r="GY36" s="104">
        <v>0</v>
      </c>
      <c r="GZ36" s="104">
        <v>0</v>
      </c>
      <c r="HA36" s="104">
        <v>0</v>
      </c>
      <c r="HB36" s="102">
        <v>231450</v>
      </c>
      <c r="HC36" s="106">
        <v>231450</v>
      </c>
      <c r="HD36" s="100">
        <v>61519</v>
      </c>
      <c r="HE36" s="104">
        <v>96120</v>
      </c>
      <c r="HF36" s="102">
        <v>157639</v>
      </c>
      <c r="HG36" s="101">
        <v>0</v>
      </c>
      <c r="HH36" s="104">
        <v>853103</v>
      </c>
      <c r="HI36" s="104">
        <v>1526603</v>
      </c>
      <c r="HJ36" s="104">
        <v>1039414</v>
      </c>
      <c r="HK36" s="104">
        <v>704697</v>
      </c>
      <c r="HL36" s="104">
        <v>0</v>
      </c>
      <c r="HM36" s="103">
        <v>4123817</v>
      </c>
      <c r="HN36" s="99">
        <v>4281456</v>
      </c>
      <c r="HO36" s="105">
        <v>101425</v>
      </c>
      <c r="HP36" s="104">
        <v>275794</v>
      </c>
      <c r="HQ36" s="103">
        <v>377219</v>
      </c>
      <c r="HR36" s="100">
        <v>0</v>
      </c>
      <c r="HS36" s="104">
        <v>1250580</v>
      </c>
      <c r="HT36" s="104">
        <v>1133935</v>
      </c>
      <c r="HU36" s="104">
        <v>807949</v>
      </c>
      <c r="HV36" s="104">
        <v>541140</v>
      </c>
      <c r="HW36" s="104">
        <v>176237</v>
      </c>
      <c r="HX36" s="102">
        <v>3909841</v>
      </c>
      <c r="HY36" s="106">
        <v>4287060</v>
      </c>
      <c r="HZ36" s="137">
        <v>0</v>
      </c>
      <c r="IA36" s="122">
        <v>89552</v>
      </c>
      <c r="IB36" s="137">
        <v>89552</v>
      </c>
      <c r="IC36" s="121">
        <v>0</v>
      </c>
      <c r="ID36" s="122">
        <v>4200642</v>
      </c>
      <c r="IE36" s="123">
        <v>4253751</v>
      </c>
      <c r="IF36" s="124">
        <v>4991390</v>
      </c>
      <c r="IG36" s="122">
        <v>4743153</v>
      </c>
      <c r="IH36" s="124">
        <v>1676384</v>
      </c>
      <c r="II36" s="125">
        <v>19865320</v>
      </c>
      <c r="IJ36" s="137">
        <v>19954872</v>
      </c>
      <c r="IK36" s="219">
        <v>0</v>
      </c>
      <c r="IL36" s="223">
        <v>0</v>
      </c>
      <c r="IM36" s="224">
        <v>0</v>
      </c>
      <c r="IN36" s="127"/>
      <c r="IO36" s="109">
        <v>0</v>
      </c>
      <c r="IP36" s="109">
        <v>203599</v>
      </c>
      <c r="IQ36" s="109">
        <v>0</v>
      </c>
      <c r="IR36" s="109">
        <v>0</v>
      </c>
      <c r="IS36" s="109">
        <v>0</v>
      </c>
      <c r="IT36" s="128">
        <v>203599</v>
      </c>
      <c r="IU36" s="298">
        <v>203599</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1005739</v>
      </c>
      <c r="JL36" s="109">
        <v>496217</v>
      </c>
      <c r="JM36" s="109">
        <v>588581</v>
      </c>
      <c r="JN36" s="109">
        <v>373731</v>
      </c>
      <c r="JO36" s="109">
        <v>0</v>
      </c>
      <c r="JP36" s="110">
        <v>2464268</v>
      </c>
      <c r="JQ36" s="298">
        <v>2464268</v>
      </c>
      <c r="JR36" s="129">
        <v>0</v>
      </c>
      <c r="JS36" s="109">
        <v>0</v>
      </c>
      <c r="JT36" s="128">
        <v>0</v>
      </c>
      <c r="JU36" s="108">
        <v>0</v>
      </c>
      <c r="JV36" s="109">
        <v>0</v>
      </c>
      <c r="JW36" s="109">
        <v>0</v>
      </c>
      <c r="JX36" s="109">
        <v>33066</v>
      </c>
      <c r="JY36" s="109">
        <v>209312</v>
      </c>
      <c r="JZ36" s="109">
        <v>278766</v>
      </c>
      <c r="KA36" s="110">
        <v>521144</v>
      </c>
      <c r="KB36" s="298">
        <v>521144</v>
      </c>
      <c r="KC36" s="221">
        <v>0</v>
      </c>
      <c r="KD36" s="217">
        <v>89552</v>
      </c>
      <c r="KE36" s="110">
        <v>89552</v>
      </c>
      <c r="KF36" s="108">
        <v>0</v>
      </c>
      <c r="KG36" s="109">
        <v>1127504</v>
      </c>
      <c r="KH36" s="109">
        <v>957948</v>
      </c>
      <c r="KI36" s="109">
        <v>1358841</v>
      </c>
      <c r="KJ36" s="109">
        <v>1424815</v>
      </c>
      <c r="KK36" s="109">
        <v>0</v>
      </c>
      <c r="KL36" s="110">
        <v>4869108</v>
      </c>
      <c r="KM36" s="130">
        <v>4958660</v>
      </c>
      <c r="KN36" s="219">
        <v>0</v>
      </c>
      <c r="KO36" s="223">
        <v>0</v>
      </c>
      <c r="KP36" s="224">
        <v>0</v>
      </c>
      <c r="KQ36" s="127"/>
      <c r="KR36" s="109">
        <v>2067399</v>
      </c>
      <c r="KS36" s="109">
        <v>2414763</v>
      </c>
      <c r="KT36" s="109">
        <v>3010902</v>
      </c>
      <c r="KU36" s="109">
        <v>2735295</v>
      </c>
      <c r="KV36" s="109">
        <v>1397618</v>
      </c>
      <c r="KW36" s="110">
        <v>11625977</v>
      </c>
      <c r="KX36" s="298">
        <v>11625977</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181224</v>
      </c>
      <c r="LP36" s="109">
        <v>0</v>
      </c>
      <c r="LQ36" s="109">
        <v>0</v>
      </c>
      <c r="LR36" s="109">
        <v>0</v>
      </c>
      <c r="LS36" s="110">
        <v>181224</v>
      </c>
      <c r="LT36" s="298">
        <v>181224</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1233853</v>
      </c>
      <c r="MK36" s="109">
        <v>3415104</v>
      </c>
      <c r="ML36" s="109">
        <v>9432982</v>
      </c>
      <c r="MM36" s="109">
        <v>12361104</v>
      </c>
      <c r="MN36" s="109">
        <v>8181351</v>
      </c>
      <c r="MO36" s="110">
        <v>34624394</v>
      </c>
      <c r="MP36" s="130">
        <v>34624394</v>
      </c>
      <c r="MQ36" s="129">
        <v>0</v>
      </c>
      <c r="MR36" s="109">
        <v>0</v>
      </c>
      <c r="MS36" s="110">
        <v>0</v>
      </c>
      <c r="MT36" s="132"/>
      <c r="MU36" s="109">
        <v>224064</v>
      </c>
      <c r="MV36" s="109">
        <v>437791</v>
      </c>
      <c r="MW36" s="109">
        <v>6729211</v>
      </c>
      <c r="MX36" s="109">
        <v>8031316</v>
      </c>
      <c r="MY36" s="109">
        <v>6212509</v>
      </c>
      <c r="MZ36" s="110">
        <v>21634891</v>
      </c>
      <c r="NA36" s="130">
        <v>21634891</v>
      </c>
      <c r="NB36" s="129">
        <v>0</v>
      </c>
      <c r="NC36" s="109">
        <v>0</v>
      </c>
      <c r="ND36" s="110">
        <v>0</v>
      </c>
      <c r="NE36" s="132"/>
      <c r="NF36" s="109">
        <v>461332</v>
      </c>
      <c r="NG36" s="109">
        <v>2687154</v>
      </c>
      <c r="NH36" s="109">
        <v>2703771</v>
      </c>
      <c r="NI36" s="109">
        <v>3628427</v>
      </c>
      <c r="NJ36" s="109">
        <v>1595648</v>
      </c>
      <c r="NK36" s="110">
        <v>11076332</v>
      </c>
      <c r="NL36" s="298">
        <v>11076332</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548457</v>
      </c>
      <c r="OC36" s="109">
        <v>290159</v>
      </c>
      <c r="OD36" s="109">
        <v>0</v>
      </c>
      <c r="OE36" s="109">
        <v>701361</v>
      </c>
      <c r="OF36" s="109">
        <v>373194</v>
      </c>
      <c r="OG36" s="110">
        <v>1913171</v>
      </c>
      <c r="OH36" s="111">
        <v>1913171</v>
      </c>
      <c r="OI36" s="129">
        <v>434940</v>
      </c>
      <c r="OJ36" s="109">
        <v>1247180</v>
      </c>
      <c r="OK36" s="128">
        <v>1682120</v>
      </c>
      <c r="OL36" s="108">
        <v>0</v>
      </c>
      <c r="OM36" s="109">
        <v>11675247</v>
      </c>
      <c r="ON36" s="109">
        <v>16574914</v>
      </c>
      <c r="OO36" s="109">
        <v>22728181</v>
      </c>
      <c r="OP36" s="109">
        <v>23437236</v>
      </c>
      <c r="OQ36" s="109">
        <v>12604315</v>
      </c>
      <c r="OR36" s="110">
        <v>87019893</v>
      </c>
      <c r="OS36" s="130">
        <v>88702013</v>
      </c>
    </row>
    <row r="37" spans="2:409" ht="21" customHeight="1" x14ac:dyDescent="0.2">
      <c r="B37" s="472" t="s">
        <v>32</v>
      </c>
      <c r="C37" s="100">
        <v>524460</v>
      </c>
      <c r="D37" s="104">
        <v>991912</v>
      </c>
      <c r="E37" s="161">
        <v>1516372</v>
      </c>
      <c r="F37" s="162">
        <v>0</v>
      </c>
      <c r="G37" s="163">
        <v>10310798</v>
      </c>
      <c r="H37" s="163">
        <v>11465578</v>
      </c>
      <c r="I37" s="163">
        <v>10396218</v>
      </c>
      <c r="J37" s="163">
        <v>8387979</v>
      </c>
      <c r="K37" s="163">
        <v>6084398</v>
      </c>
      <c r="L37" s="164">
        <v>46644971</v>
      </c>
      <c r="M37" s="106">
        <v>48161343</v>
      </c>
      <c r="N37" s="100">
        <v>83286</v>
      </c>
      <c r="O37" s="104">
        <v>162828</v>
      </c>
      <c r="P37" s="103">
        <v>246114</v>
      </c>
      <c r="Q37" s="100">
        <v>0</v>
      </c>
      <c r="R37" s="104">
        <v>2808697</v>
      </c>
      <c r="S37" s="104">
        <v>2235939</v>
      </c>
      <c r="T37" s="104">
        <v>2955681</v>
      </c>
      <c r="U37" s="104">
        <v>1849029</v>
      </c>
      <c r="V37" s="104">
        <v>2935001</v>
      </c>
      <c r="W37" s="103">
        <v>12784347</v>
      </c>
      <c r="X37" s="106">
        <v>13030461</v>
      </c>
      <c r="Y37" s="100">
        <v>0</v>
      </c>
      <c r="Z37" s="104">
        <v>0</v>
      </c>
      <c r="AA37" s="103">
        <v>0</v>
      </c>
      <c r="AB37" s="100">
        <v>0</v>
      </c>
      <c r="AC37" s="104">
        <v>1114911</v>
      </c>
      <c r="AD37" s="104">
        <v>901380</v>
      </c>
      <c r="AE37" s="104">
        <v>2027105</v>
      </c>
      <c r="AF37" s="104">
        <v>755820</v>
      </c>
      <c r="AG37" s="104">
        <v>1761089</v>
      </c>
      <c r="AH37" s="103">
        <v>6560305</v>
      </c>
      <c r="AI37" s="106">
        <v>6560305</v>
      </c>
      <c r="AJ37" s="100">
        <v>0</v>
      </c>
      <c r="AK37" s="104">
        <v>0</v>
      </c>
      <c r="AL37" s="103">
        <v>0</v>
      </c>
      <c r="AM37" s="100">
        <v>0</v>
      </c>
      <c r="AN37" s="104">
        <v>0</v>
      </c>
      <c r="AO37" s="104">
        <v>0</v>
      </c>
      <c r="AP37" s="104">
        <v>40702</v>
      </c>
      <c r="AQ37" s="104">
        <v>202176</v>
      </c>
      <c r="AR37" s="104">
        <v>501080</v>
      </c>
      <c r="AS37" s="103">
        <v>743958</v>
      </c>
      <c r="AT37" s="106">
        <v>743958</v>
      </c>
      <c r="AU37" s="100">
        <v>40536</v>
      </c>
      <c r="AV37" s="104">
        <v>119718</v>
      </c>
      <c r="AW37" s="103">
        <v>160254</v>
      </c>
      <c r="AX37" s="100">
        <v>0</v>
      </c>
      <c r="AY37" s="104">
        <v>1276500</v>
      </c>
      <c r="AZ37" s="104">
        <v>936970</v>
      </c>
      <c r="BA37" s="104">
        <v>511054</v>
      </c>
      <c r="BB37" s="104">
        <v>479065</v>
      </c>
      <c r="BC37" s="104">
        <v>338608</v>
      </c>
      <c r="BD37" s="103">
        <v>3542197</v>
      </c>
      <c r="BE37" s="106">
        <v>3702451</v>
      </c>
      <c r="BF37" s="100">
        <v>0</v>
      </c>
      <c r="BG37" s="104">
        <v>33804</v>
      </c>
      <c r="BH37" s="102">
        <v>33804</v>
      </c>
      <c r="BI37" s="101">
        <v>0</v>
      </c>
      <c r="BJ37" s="104">
        <v>141858</v>
      </c>
      <c r="BK37" s="104">
        <v>50668</v>
      </c>
      <c r="BL37" s="104">
        <v>0</v>
      </c>
      <c r="BM37" s="104">
        <v>54492</v>
      </c>
      <c r="BN37" s="104">
        <v>64116</v>
      </c>
      <c r="BO37" s="103">
        <v>311134</v>
      </c>
      <c r="BP37" s="106">
        <v>344938</v>
      </c>
      <c r="BQ37" s="100">
        <v>42750</v>
      </c>
      <c r="BR37" s="104">
        <v>9306</v>
      </c>
      <c r="BS37" s="103">
        <v>52056</v>
      </c>
      <c r="BT37" s="100">
        <v>0</v>
      </c>
      <c r="BU37" s="104">
        <v>275428</v>
      </c>
      <c r="BV37" s="104">
        <v>346921</v>
      </c>
      <c r="BW37" s="104">
        <v>376820</v>
      </c>
      <c r="BX37" s="104">
        <v>357476</v>
      </c>
      <c r="BY37" s="104">
        <v>270108</v>
      </c>
      <c r="BZ37" s="103">
        <v>1626753</v>
      </c>
      <c r="CA37" s="106">
        <v>1678809</v>
      </c>
      <c r="CB37" s="100">
        <v>24031</v>
      </c>
      <c r="CC37" s="104">
        <v>115128</v>
      </c>
      <c r="CD37" s="103">
        <v>139159</v>
      </c>
      <c r="CE37" s="100">
        <v>0</v>
      </c>
      <c r="CF37" s="104">
        <v>3345710</v>
      </c>
      <c r="CG37" s="104">
        <v>4345834</v>
      </c>
      <c r="CH37" s="104">
        <v>2556700</v>
      </c>
      <c r="CI37" s="104">
        <v>2089080</v>
      </c>
      <c r="CJ37" s="104">
        <v>660513</v>
      </c>
      <c r="CK37" s="103">
        <v>12997837</v>
      </c>
      <c r="CL37" s="106">
        <v>13136996</v>
      </c>
      <c r="CM37" s="100">
        <v>0</v>
      </c>
      <c r="CN37" s="104">
        <v>0</v>
      </c>
      <c r="CO37" s="103">
        <v>0</v>
      </c>
      <c r="CP37" s="101">
        <v>0</v>
      </c>
      <c r="CQ37" s="104">
        <v>2771845</v>
      </c>
      <c r="CR37" s="104">
        <v>3442158</v>
      </c>
      <c r="CS37" s="104">
        <v>2190072</v>
      </c>
      <c r="CT37" s="104">
        <v>1763189</v>
      </c>
      <c r="CU37" s="104">
        <v>353903</v>
      </c>
      <c r="CV37" s="103">
        <v>10521167</v>
      </c>
      <c r="CW37" s="106">
        <v>10521167</v>
      </c>
      <c r="CX37" s="100">
        <v>24031</v>
      </c>
      <c r="CY37" s="104">
        <v>115128</v>
      </c>
      <c r="CZ37" s="103">
        <v>139159</v>
      </c>
      <c r="DA37" s="100">
        <v>0</v>
      </c>
      <c r="DB37" s="104">
        <v>573865</v>
      </c>
      <c r="DC37" s="104">
        <v>903676</v>
      </c>
      <c r="DD37" s="104">
        <v>366628</v>
      </c>
      <c r="DE37" s="104">
        <v>325891</v>
      </c>
      <c r="DF37" s="104">
        <v>306610</v>
      </c>
      <c r="DG37" s="103">
        <v>2476670</v>
      </c>
      <c r="DH37" s="106">
        <v>2615829</v>
      </c>
      <c r="DI37" s="100">
        <v>24947</v>
      </c>
      <c r="DJ37" s="104">
        <v>0</v>
      </c>
      <c r="DK37" s="102">
        <v>24947</v>
      </c>
      <c r="DL37" s="101">
        <v>0</v>
      </c>
      <c r="DM37" s="104">
        <v>55234</v>
      </c>
      <c r="DN37" s="104">
        <v>515672</v>
      </c>
      <c r="DO37" s="104">
        <v>1121005</v>
      </c>
      <c r="DP37" s="104">
        <v>684302</v>
      </c>
      <c r="DQ37" s="104">
        <v>461021</v>
      </c>
      <c r="DR37" s="103">
        <v>2837234</v>
      </c>
      <c r="DS37" s="106">
        <v>2862181</v>
      </c>
      <c r="DT37" s="100">
        <v>24947</v>
      </c>
      <c r="DU37" s="104">
        <v>0</v>
      </c>
      <c r="DV37" s="103">
        <v>24947</v>
      </c>
      <c r="DW37" s="100">
        <v>0</v>
      </c>
      <c r="DX37" s="104">
        <v>55234</v>
      </c>
      <c r="DY37" s="104">
        <v>379593</v>
      </c>
      <c r="DZ37" s="104">
        <v>754231</v>
      </c>
      <c r="EA37" s="104">
        <v>552374</v>
      </c>
      <c r="EB37" s="104">
        <v>367808</v>
      </c>
      <c r="EC37" s="103">
        <v>2109240</v>
      </c>
      <c r="ED37" s="106">
        <v>2134187</v>
      </c>
      <c r="EE37" s="100">
        <v>0</v>
      </c>
      <c r="EF37" s="102">
        <v>0</v>
      </c>
      <c r="EG37" s="103">
        <v>0</v>
      </c>
      <c r="EH37" s="100">
        <v>0</v>
      </c>
      <c r="EI37" s="104">
        <v>0</v>
      </c>
      <c r="EJ37" s="104">
        <v>136079</v>
      </c>
      <c r="EK37" s="104">
        <v>366774</v>
      </c>
      <c r="EL37" s="104">
        <v>131928</v>
      </c>
      <c r="EM37" s="104">
        <v>93213</v>
      </c>
      <c r="EN37" s="102">
        <v>727994</v>
      </c>
      <c r="EO37" s="106">
        <v>727994</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122345</v>
      </c>
      <c r="FM37" s="104">
        <v>407370</v>
      </c>
      <c r="FN37" s="103">
        <v>529715</v>
      </c>
      <c r="FO37" s="100">
        <v>0</v>
      </c>
      <c r="FP37" s="104">
        <v>972103</v>
      </c>
      <c r="FQ37" s="104">
        <v>1374767</v>
      </c>
      <c r="FR37" s="104">
        <v>918242</v>
      </c>
      <c r="FS37" s="104">
        <v>740462</v>
      </c>
      <c r="FT37" s="104">
        <v>502809</v>
      </c>
      <c r="FU37" s="103">
        <v>4508383</v>
      </c>
      <c r="FV37" s="106">
        <v>5038098</v>
      </c>
      <c r="FW37" s="105">
        <v>122345</v>
      </c>
      <c r="FX37" s="104">
        <v>330150</v>
      </c>
      <c r="FY37" s="102">
        <v>452495</v>
      </c>
      <c r="FZ37" s="101">
        <v>0</v>
      </c>
      <c r="GA37" s="104">
        <v>711255</v>
      </c>
      <c r="GB37" s="104">
        <v>1325227</v>
      </c>
      <c r="GC37" s="104">
        <v>882092</v>
      </c>
      <c r="GD37" s="104">
        <v>740462</v>
      </c>
      <c r="GE37" s="104">
        <v>502809</v>
      </c>
      <c r="GF37" s="103">
        <v>4161845</v>
      </c>
      <c r="GG37" s="296">
        <v>4614340</v>
      </c>
      <c r="GH37" s="105">
        <v>0</v>
      </c>
      <c r="GI37" s="104">
        <v>0</v>
      </c>
      <c r="GJ37" s="102">
        <v>0</v>
      </c>
      <c r="GK37" s="101">
        <v>0</v>
      </c>
      <c r="GL37" s="104">
        <v>98128</v>
      </c>
      <c r="GM37" s="104">
        <v>19620</v>
      </c>
      <c r="GN37" s="104">
        <v>36150</v>
      </c>
      <c r="GO37" s="104">
        <v>0</v>
      </c>
      <c r="GP37" s="104">
        <v>0</v>
      </c>
      <c r="GQ37" s="103">
        <v>153898</v>
      </c>
      <c r="GR37" s="106">
        <v>153898</v>
      </c>
      <c r="GS37" s="100">
        <v>0</v>
      </c>
      <c r="GT37" s="104">
        <v>77220</v>
      </c>
      <c r="GU37" s="103">
        <v>77220</v>
      </c>
      <c r="GV37" s="100">
        <v>0</v>
      </c>
      <c r="GW37" s="104">
        <v>162720</v>
      </c>
      <c r="GX37" s="104">
        <v>29920</v>
      </c>
      <c r="GY37" s="104">
        <v>0</v>
      </c>
      <c r="GZ37" s="104">
        <v>0</v>
      </c>
      <c r="HA37" s="104">
        <v>0</v>
      </c>
      <c r="HB37" s="102">
        <v>192640</v>
      </c>
      <c r="HC37" s="106">
        <v>269860</v>
      </c>
      <c r="HD37" s="100">
        <v>179251</v>
      </c>
      <c r="HE37" s="104">
        <v>97726</v>
      </c>
      <c r="HF37" s="102">
        <v>276977</v>
      </c>
      <c r="HG37" s="101">
        <v>0</v>
      </c>
      <c r="HH37" s="104">
        <v>1399248</v>
      </c>
      <c r="HI37" s="104">
        <v>1444947</v>
      </c>
      <c r="HJ37" s="104">
        <v>1801000</v>
      </c>
      <c r="HK37" s="104">
        <v>2492345</v>
      </c>
      <c r="HL37" s="104">
        <v>1204321</v>
      </c>
      <c r="HM37" s="103">
        <v>8341861</v>
      </c>
      <c r="HN37" s="99">
        <v>8618838</v>
      </c>
      <c r="HO37" s="105">
        <v>90600</v>
      </c>
      <c r="HP37" s="104">
        <v>208860</v>
      </c>
      <c r="HQ37" s="103">
        <v>299460</v>
      </c>
      <c r="HR37" s="100">
        <v>0</v>
      </c>
      <c r="HS37" s="104">
        <v>1729806</v>
      </c>
      <c r="HT37" s="104">
        <v>1548419</v>
      </c>
      <c r="HU37" s="104">
        <v>1043590</v>
      </c>
      <c r="HV37" s="104">
        <v>532761</v>
      </c>
      <c r="HW37" s="104">
        <v>320733</v>
      </c>
      <c r="HX37" s="102">
        <v>5175309</v>
      </c>
      <c r="HY37" s="106">
        <v>5474769</v>
      </c>
      <c r="HZ37" s="118">
        <v>17694</v>
      </c>
      <c r="IA37" s="119">
        <v>284904</v>
      </c>
      <c r="IB37" s="120">
        <v>302598</v>
      </c>
      <c r="IC37" s="133">
        <v>0</v>
      </c>
      <c r="ID37" s="119">
        <v>4195447</v>
      </c>
      <c r="IE37" s="134">
        <v>3962065</v>
      </c>
      <c r="IF37" s="120">
        <v>6097764</v>
      </c>
      <c r="IG37" s="119">
        <v>4361604</v>
      </c>
      <c r="IH37" s="120">
        <v>3191008</v>
      </c>
      <c r="II37" s="135">
        <v>21807888</v>
      </c>
      <c r="IJ37" s="126">
        <v>22110486</v>
      </c>
      <c r="IK37" s="219">
        <v>0</v>
      </c>
      <c r="IL37" s="223">
        <v>0</v>
      </c>
      <c r="IM37" s="224">
        <v>0</v>
      </c>
      <c r="IN37" s="127"/>
      <c r="IO37" s="109">
        <v>280476</v>
      </c>
      <c r="IP37" s="109">
        <v>315710</v>
      </c>
      <c r="IQ37" s="109">
        <v>30510</v>
      </c>
      <c r="IR37" s="109">
        <v>0</v>
      </c>
      <c r="IS37" s="109">
        <v>0</v>
      </c>
      <c r="IT37" s="128">
        <v>626696</v>
      </c>
      <c r="IU37" s="298">
        <v>626696</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1804244</v>
      </c>
      <c r="JL37" s="109">
        <v>1659932</v>
      </c>
      <c r="JM37" s="109">
        <v>934194</v>
      </c>
      <c r="JN37" s="109">
        <v>496703</v>
      </c>
      <c r="JO37" s="109">
        <v>202145</v>
      </c>
      <c r="JP37" s="110">
        <v>5097218</v>
      </c>
      <c r="JQ37" s="298">
        <v>5097218</v>
      </c>
      <c r="JR37" s="129">
        <v>0</v>
      </c>
      <c r="JS37" s="109">
        <v>0</v>
      </c>
      <c r="JT37" s="128">
        <v>0</v>
      </c>
      <c r="JU37" s="108">
        <v>0</v>
      </c>
      <c r="JV37" s="109">
        <v>433406</v>
      </c>
      <c r="JW37" s="109">
        <v>96885</v>
      </c>
      <c r="JX37" s="109">
        <v>0</v>
      </c>
      <c r="JY37" s="109">
        <v>0</v>
      </c>
      <c r="JZ37" s="109">
        <v>164453</v>
      </c>
      <c r="KA37" s="110">
        <v>694744</v>
      </c>
      <c r="KB37" s="298">
        <v>694744</v>
      </c>
      <c r="KC37" s="221">
        <v>17694</v>
      </c>
      <c r="KD37" s="217">
        <v>284904</v>
      </c>
      <c r="KE37" s="110">
        <v>302598</v>
      </c>
      <c r="KF37" s="108">
        <v>0</v>
      </c>
      <c r="KG37" s="109">
        <v>957222</v>
      </c>
      <c r="KH37" s="109">
        <v>831847</v>
      </c>
      <c r="KI37" s="109">
        <v>750177</v>
      </c>
      <c r="KJ37" s="109">
        <v>597186</v>
      </c>
      <c r="KK37" s="109">
        <v>0</v>
      </c>
      <c r="KL37" s="110">
        <v>3136432</v>
      </c>
      <c r="KM37" s="130">
        <v>3439030</v>
      </c>
      <c r="KN37" s="219">
        <v>0</v>
      </c>
      <c r="KO37" s="223">
        <v>0</v>
      </c>
      <c r="KP37" s="224">
        <v>0</v>
      </c>
      <c r="KQ37" s="127"/>
      <c r="KR37" s="109">
        <v>541971</v>
      </c>
      <c r="KS37" s="109">
        <v>1057691</v>
      </c>
      <c r="KT37" s="109">
        <v>1637060</v>
      </c>
      <c r="KU37" s="109">
        <v>1790595</v>
      </c>
      <c r="KV37" s="109">
        <v>1691920</v>
      </c>
      <c r="KW37" s="110">
        <v>6719237</v>
      </c>
      <c r="KX37" s="298">
        <v>6719237</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178128</v>
      </c>
      <c r="LO37" s="109">
        <v>0</v>
      </c>
      <c r="LP37" s="109">
        <v>2745823</v>
      </c>
      <c r="LQ37" s="109">
        <v>1477120</v>
      </c>
      <c r="LR37" s="109">
        <v>1132490</v>
      </c>
      <c r="LS37" s="110">
        <v>5533561</v>
      </c>
      <c r="LT37" s="298">
        <v>5533561</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1587042</v>
      </c>
      <c r="MK37" s="109">
        <v>2204104</v>
      </c>
      <c r="ML37" s="109">
        <v>8330061</v>
      </c>
      <c r="MM37" s="109">
        <v>12093198</v>
      </c>
      <c r="MN37" s="109">
        <v>6479234</v>
      </c>
      <c r="MO37" s="110">
        <v>30693639</v>
      </c>
      <c r="MP37" s="130">
        <v>30693639</v>
      </c>
      <c r="MQ37" s="129">
        <v>0</v>
      </c>
      <c r="MR37" s="109">
        <v>0</v>
      </c>
      <c r="MS37" s="110">
        <v>0</v>
      </c>
      <c r="MT37" s="132"/>
      <c r="MU37" s="109">
        <v>419741</v>
      </c>
      <c r="MV37" s="109">
        <v>0</v>
      </c>
      <c r="MW37" s="109">
        <v>3701039</v>
      </c>
      <c r="MX37" s="109">
        <v>6575379</v>
      </c>
      <c r="MY37" s="109">
        <v>4610555</v>
      </c>
      <c r="MZ37" s="110">
        <v>15306714</v>
      </c>
      <c r="NA37" s="130">
        <v>15306714</v>
      </c>
      <c r="NB37" s="129">
        <v>0</v>
      </c>
      <c r="NC37" s="109">
        <v>0</v>
      </c>
      <c r="ND37" s="110">
        <v>0</v>
      </c>
      <c r="NE37" s="132"/>
      <c r="NF37" s="109">
        <v>1167301</v>
      </c>
      <c r="NG37" s="109">
        <v>1553170</v>
      </c>
      <c r="NH37" s="109">
        <v>3972826</v>
      </c>
      <c r="NI37" s="109">
        <v>5517819</v>
      </c>
      <c r="NJ37" s="109">
        <v>1485902</v>
      </c>
      <c r="NK37" s="110">
        <v>13697018</v>
      </c>
      <c r="NL37" s="298">
        <v>13697018</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650934</v>
      </c>
      <c r="OD37" s="109">
        <v>656196</v>
      </c>
      <c r="OE37" s="109">
        <v>0</v>
      </c>
      <c r="OF37" s="109">
        <v>382777</v>
      </c>
      <c r="OG37" s="110">
        <v>1689907</v>
      </c>
      <c r="OH37" s="111">
        <v>1689907</v>
      </c>
      <c r="OI37" s="129">
        <v>542154</v>
      </c>
      <c r="OJ37" s="109">
        <v>1276816</v>
      </c>
      <c r="OK37" s="128">
        <v>1818970</v>
      </c>
      <c r="OL37" s="108">
        <v>0</v>
      </c>
      <c r="OM37" s="109">
        <v>16093287</v>
      </c>
      <c r="ON37" s="109">
        <v>17631747</v>
      </c>
      <c r="OO37" s="109">
        <v>24824043</v>
      </c>
      <c r="OP37" s="109">
        <v>24842781</v>
      </c>
      <c r="OQ37" s="109">
        <v>15754640</v>
      </c>
      <c r="OR37" s="110">
        <v>99146498</v>
      </c>
      <c r="OS37" s="130">
        <v>100965468</v>
      </c>
    </row>
    <row r="38" spans="2:409" ht="21" customHeight="1" x14ac:dyDescent="0.2">
      <c r="B38" s="472" t="s">
        <v>33</v>
      </c>
      <c r="C38" s="100">
        <v>1030564</v>
      </c>
      <c r="D38" s="104">
        <v>2907089</v>
      </c>
      <c r="E38" s="103">
        <v>3937653</v>
      </c>
      <c r="F38" s="99">
        <v>0</v>
      </c>
      <c r="G38" s="104">
        <v>8341910</v>
      </c>
      <c r="H38" s="104">
        <v>8826649</v>
      </c>
      <c r="I38" s="104">
        <v>9438292</v>
      </c>
      <c r="J38" s="104">
        <v>2361779</v>
      </c>
      <c r="K38" s="104">
        <v>4878174</v>
      </c>
      <c r="L38" s="160">
        <v>33846804</v>
      </c>
      <c r="M38" s="106">
        <v>37784457</v>
      </c>
      <c r="N38" s="100">
        <v>445768</v>
      </c>
      <c r="O38" s="104">
        <v>772975</v>
      </c>
      <c r="P38" s="103">
        <v>1218743</v>
      </c>
      <c r="Q38" s="100">
        <v>0</v>
      </c>
      <c r="R38" s="104">
        <v>3032761</v>
      </c>
      <c r="S38" s="104">
        <v>2378777</v>
      </c>
      <c r="T38" s="104">
        <v>2543595</v>
      </c>
      <c r="U38" s="104">
        <v>-193053</v>
      </c>
      <c r="V38" s="104">
        <v>1645066</v>
      </c>
      <c r="W38" s="103">
        <v>9407146</v>
      </c>
      <c r="X38" s="106">
        <v>10625889</v>
      </c>
      <c r="Y38" s="100">
        <v>0</v>
      </c>
      <c r="Z38" s="104">
        <v>0</v>
      </c>
      <c r="AA38" s="103">
        <v>0</v>
      </c>
      <c r="AB38" s="100">
        <v>0</v>
      </c>
      <c r="AC38" s="104">
        <v>554153</v>
      </c>
      <c r="AD38" s="104">
        <v>792594</v>
      </c>
      <c r="AE38" s="104">
        <v>1418251</v>
      </c>
      <c r="AF38" s="104">
        <v>-874670</v>
      </c>
      <c r="AG38" s="104">
        <v>880100</v>
      </c>
      <c r="AH38" s="103">
        <v>2770428</v>
      </c>
      <c r="AI38" s="106">
        <v>2770428</v>
      </c>
      <c r="AJ38" s="100">
        <v>0</v>
      </c>
      <c r="AK38" s="104">
        <v>0</v>
      </c>
      <c r="AL38" s="103">
        <v>0</v>
      </c>
      <c r="AM38" s="100">
        <v>0</v>
      </c>
      <c r="AN38" s="104">
        <v>102339</v>
      </c>
      <c r="AO38" s="104">
        <v>0</v>
      </c>
      <c r="AP38" s="104">
        <v>51174</v>
      </c>
      <c r="AQ38" s="104">
        <v>113130</v>
      </c>
      <c r="AR38" s="104">
        <v>252624</v>
      </c>
      <c r="AS38" s="103">
        <v>519267</v>
      </c>
      <c r="AT38" s="106">
        <v>519267</v>
      </c>
      <c r="AU38" s="100">
        <v>0</v>
      </c>
      <c r="AV38" s="104">
        <v>70280</v>
      </c>
      <c r="AW38" s="103">
        <v>70280</v>
      </c>
      <c r="AX38" s="100">
        <v>0</v>
      </c>
      <c r="AY38" s="104">
        <v>642697</v>
      </c>
      <c r="AZ38" s="104">
        <v>383273</v>
      </c>
      <c r="BA38" s="104">
        <v>106456</v>
      </c>
      <c r="BB38" s="104">
        <v>250561</v>
      </c>
      <c r="BC38" s="104">
        <v>138716</v>
      </c>
      <c r="BD38" s="103">
        <v>1521703</v>
      </c>
      <c r="BE38" s="106">
        <v>1591983</v>
      </c>
      <c r="BF38" s="100">
        <v>382867</v>
      </c>
      <c r="BG38" s="104">
        <v>565246</v>
      </c>
      <c r="BH38" s="102">
        <v>948113</v>
      </c>
      <c r="BI38" s="101">
        <v>0</v>
      </c>
      <c r="BJ38" s="104">
        <v>1427277</v>
      </c>
      <c r="BK38" s="104">
        <v>742797</v>
      </c>
      <c r="BL38" s="104">
        <v>401955</v>
      </c>
      <c r="BM38" s="104">
        <v>197676</v>
      </c>
      <c r="BN38" s="104">
        <v>145152</v>
      </c>
      <c r="BO38" s="103">
        <v>2914857</v>
      </c>
      <c r="BP38" s="106">
        <v>3862970</v>
      </c>
      <c r="BQ38" s="100">
        <v>62901</v>
      </c>
      <c r="BR38" s="104">
        <v>137449</v>
      </c>
      <c r="BS38" s="103">
        <v>200350</v>
      </c>
      <c r="BT38" s="100">
        <v>0</v>
      </c>
      <c r="BU38" s="104">
        <v>306295</v>
      </c>
      <c r="BV38" s="104">
        <v>460113</v>
      </c>
      <c r="BW38" s="104">
        <v>565759</v>
      </c>
      <c r="BX38" s="104">
        <v>120250</v>
      </c>
      <c r="BY38" s="104">
        <v>228474</v>
      </c>
      <c r="BZ38" s="103">
        <v>1680891</v>
      </c>
      <c r="CA38" s="106">
        <v>1881241</v>
      </c>
      <c r="CB38" s="100">
        <v>158511</v>
      </c>
      <c r="CC38" s="104">
        <v>722141</v>
      </c>
      <c r="CD38" s="103">
        <v>880652</v>
      </c>
      <c r="CE38" s="100">
        <v>0</v>
      </c>
      <c r="CF38" s="104">
        <v>1491018</v>
      </c>
      <c r="CG38" s="104">
        <v>1347934</v>
      </c>
      <c r="CH38" s="104">
        <v>1066718</v>
      </c>
      <c r="CI38" s="104">
        <v>338310</v>
      </c>
      <c r="CJ38" s="104">
        <v>574668</v>
      </c>
      <c r="CK38" s="103">
        <v>4818648</v>
      </c>
      <c r="CL38" s="106">
        <v>5699300</v>
      </c>
      <c r="CM38" s="100">
        <v>0</v>
      </c>
      <c r="CN38" s="104">
        <v>0</v>
      </c>
      <c r="CO38" s="103">
        <v>0</v>
      </c>
      <c r="CP38" s="101">
        <v>0</v>
      </c>
      <c r="CQ38" s="104">
        <v>360920</v>
      </c>
      <c r="CR38" s="104">
        <v>559286</v>
      </c>
      <c r="CS38" s="104">
        <v>488457</v>
      </c>
      <c r="CT38" s="104">
        <v>209626</v>
      </c>
      <c r="CU38" s="104">
        <v>489391</v>
      </c>
      <c r="CV38" s="103">
        <v>2107680</v>
      </c>
      <c r="CW38" s="106">
        <v>2107680</v>
      </c>
      <c r="CX38" s="100">
        <v>158511</v>
      </c>
      <c r="CY38" s="104">
        <v>722141</v>
      </c>
      <c r="CZ38" s="103">
        <v>880652</v>
      </c>
      <c r="DA38" s="100">
        <v>0</v>
      </c>
      <c r="DB38" s="104">
        <v>1130098</v>
      </c>
      <c r="DC38" s="104">
        <v>788648</v>
      </c>
      <c r="DD38" s="104">
        <v>578261</v>
      </c>
      <c r="DE38" s="104">
        <v>128684</v>
      </c>
      <c r="DF38" s="104">
        <v>85277</v>
      </c>
      <c r="DG38" s="103">
        <v>2710968</v>
      </c>
      <c r="DH38" s="106">
        <v>3591620</v>
      </c>
      <c r="DI38" s="100">
        <v>0</v>
      </c>
      <c r="DJ38" s="104">
        <v>33316</v>
      </c>
      <c r="DK38" s="102">
        <v>33316</v>
      </c>
      <c r="DL38" s="101">
        <v>0</v>
      </c>
      <c r="DM38" s="104">
        <v>129290</v>
      </c>
      <c r="DN38" s="104">
        <v>470297</v>
      </c>
      <c r="DO38" s="104">
        <v>889884</v>
      </c>
      <c r="DP38" s="104">
        <v>603292</v>
      </c>
      <c r="DQ38" s="104">
        <v>460382</v>
      </c>
      <c r="DR38" s="103">
        <v>2553145</v>
      </c>
      <c r="DS38" s="106">
        <v>2586461</v>
      </c>
      <c r="DT38" s="100">
        <v>0</v>
      </c>
      <c r="DU38" s="104">
        <v>33316</v>
      </c>
      <c r="DV38" s="103">
        <v>33316</v>
      </c>
      <c r="DW38" s="100">
        <v>0</v>
      </c>
      <c r="DX38" s="104">
        <v>72067</v>
      </c>
      <c r="DY38" s="104">
        <v>375789</v>
      </c>
      <c r="DZ38" s="104">
        <v>889884</v>
      </c>
      <c r="EA38" s="104">
        <v>603292</v>
      </c>
      <c r="EB38" s="104">
        <v>460382</v>
      </c>
      <c r="EC38" s="103">
        <v>2401414</v>
      </c>
      <c r="ED38" s="106">
        <v>2434730</v>
      </c>
      <c r="EE38" s="100">
        <v>0</v>
      </c>
      <c r="EF38" s="102">
        <v>0</v>
      </c>
      <c r="EG38" s="103">
        <v>0</v>
      </c>
      <c r="EH38" s="100">
        <v>0</v>
      </c>
      <c r="EI38" s="104">
        <v>57223</v>
      </c>
      <c r="EJ38" s="104">
        <v>94508</v>
      </c>
      <c r="EK38" s="104">
        <v>0</v>
      </c>
      <c r="EL38" s="104">
        <v>0</v>
      </c>
      <c r="EM38" s="104">
        <v>0</v>
      </c>
      <c r="EN38" s="102">
        <v>151731</v>
      </c>
      <c r="EO38" s="106">
        <v>151731</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142412</v>
      </c>
      <c r="FM38" s="104">
        <v>271310</v>
      </c>
      <c r="FN38" s="103">
        <v>413722</v>
      </c>
      <c r="FO38" s="100">
        <v>0</v>
      </c>
      <c r="FP38" s="104">
        <v>613432</v>
      </c>
      <c r="FQ38" s="104">
        <v>625665</v>
      </c>
      <c r="FR38" s="104">
        <v>347066</v>
      </c>
      <c r="FS38" s="104">
        <v>210879</v>
      </c>
      <c r="FT38" s="104">
        <v>420008</v>
      </c>
      <c r="FU38" s="103">
        <v>2217050</v>
      </c>
      <c r="FV38" s="106">
        <v>2630772</v>
      </c>
      <c r="FW38" s="105">
        <v>112812</v>
      </c>
      <c r="FX38" s="104">
        <v>271310</v>
      </c>
      <c r="FY38" s="102">
        <v>384122</v>
      </c>
      <c r="FZ38" s="101">
        <v>0</v>
      </c>
      <c r="GA38" s="104">
        <v>594424</v>
      </c>
      <c r="GB38" s="104">
        <v>545376</v>
      </c>
      <c r="GC38" s="104">
        <v>347066</v>
      </c>
      <c r="GD38" s="104">
        <v>193779</v>
      </c>
      <c r="GE38" s="104">
        <v>420008</v>
      </c>
      <c r="GF38" s="103">
        <v>2100653</v>
      </c>
      <c r="GG38" s="296">
        <v>2484775</v>
      </c>
      <c r="GH38" s="105">
        <v>29600</v>
      </c>
      <c r="GI38" s="104">
        <v>0</v>
      </c>
      <c r="GJ38" s="102">
        <v>29600</v>
      </c>
      <c r="GK38" s="101">
        <v>0</v>
      </c>
      <c r="GL38" s="104">
        <v>19008</v>
      </c>
      <c r="GM38" s="104">
        <v>0</v>
      </c>
      <c r="GN38" s="104">
        <v>0</v>
      </c>
      <c r="GO38" s="104">
        <v>17100</v>
      </c>
      <c r="GP38" s="104">
        <v>0</v>
      </c>
      <c r="GQ38" s="103">
        <v>36108</v>
      </c>
      <c r="GR38" s="106">
        <v>65708</v>
      </c>
      <c r="GS38" s="100">
        <v>0</v>
      </c>
      <c r="GT38" s="104">
        <v>0</v>
      </c>
      <c r="GU38" s="103">
        <v>0</v>
      </c>
      <c r="GV38" s="100">
        <v>0</v>
      </c>
      <c r="GW38" s="104">
        <v>0</v>
      </c>
      <c r="GX38" s="104">
        <v>80289</v>
      </c>
      <c r="GY38" s="104">
        <v>0</v>
      </c>
      <c r="GZ38" s="104">
        <v>0</v>
      </c>
      <c r="HA38" s="104">
        <v>0</v>
      </c>
      <c r="HB38" s="102">
        <v>80289</v>
      </c>
      <c r="HC38" s="106">
        <v>80289</v>
      </c>
      <c r="HD38" s="100">
        <v>122670</v>
      </c>
      <c r="HE38" s="104">
        <v>838779</v>
      </c>
      <c r="HF38" s="102">
        <v>961449</v>
      </c>
      <c r="HG38" s="101">
        <v>0</v>
      </c>
      <c r="HH38" s="104">
        <v>1743592</v>
      </c>
      <c r="HI38" s="104">
        <v>3257562</v>
      </c>
      <c r="HJ38" s="104">
        <v>3991869</v>
      </c>
      <c r="HK38" s="104">
        <v>1180355</v>
      </c>
      <c r="HL38" s="104">
        <v>1503489</v>
      </c>
      <c r="HM38" s="103">
        <v>11676867</v>
      </c>
      <c r="HN38" s="99">
        <v>12638316</v>
      </c>
      <c r="HO38" s="105">
        <v>161203</v>
      </c>
      <c r="HP38" s="104">
        <v>268568</v>
      </c>
      <c r="HQ38" s="103">
        <v>429771</v>
      </c>
      <c r="HR38" s="100">
        <v>0</v>
      </c>
      <c r="HS38" s="104">
        <v>1331817</v>
      </c>
      <c r="HT38" s="104">
        <v>746414</v>
      </c>
      <c r="HU38" s="104">
        <v>599160</v>
      </c>
      <c r="HV38" s="104">
        <v>221996</v>
      </c>
      <c r="HW38" s="104">
        <v>274561</v>
      </c>
      <c r="HX38" s="102">
        <v>3173948</v>
      </c>
      <c r="HY38" s="106">
        <v>3603719</v>
      </c>
      <c r="HZ38" s="137">
        <v>0</v>
      </c>
      <c r="IA38" s="122">
        <v>238206</v>
      </c>
      <c r="IB38" s="137">
        <v>238206</v>
      </c>
      <c r="IC38" s="133">
        <v>0</v>
      </c>
      <c r="ID38" s="119">
        <v>2675576</v>
      </c>
      <c r="IE38" s="134">
        <v>2773194</v>
      </c>
      <c r="IF38" s="120">
        <v>4004704</v>
      </c>
      <c r="IG38" s="119">
        <v>997387</v>
      </c>
      <c r="IH38" s="120">
        <v>2845154</v>
      </c>
      <c r="II38" s="135">
        <v>13296015</v>
      </c>
      <c r="IJ38" s="137">
        <v>13534221</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1041066</v>
      </c>
      <c r="JL38" s="109">
        <v>1171599</v>
      </c>
      <c r="JM38" s="109">
        <v>1033386</v>
      </c>
      <c r="JN38" s="109">
        <v>62540</v>
      </c>
      <c r="JO38" s="109">
        <v>156035</v>
      </c>
      <c r="JP38" s="110">
        <v>3464626</v>
      </c>
      <c r="JQ38" s="298">
        <v>3464626</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238206</v>
      </c>
      <c r="KP38" s="224">
        <v>238206</v>
      </c>
      <c r="KQ38" s="127"/>
      <c r="KR38" s="109">
        <v>1007324</v>
      </c>
      <c r="KS38" s="109">
        <v>788757</v>
      </c>
      <c r="KT38" s="109">
        <v>1893584</v>
      </c>
      <c r="KU38" s="109">
        <v>0</v>
      </c>
      <c r="KV38" s="109">
        <v>561942</v>
      </c>
      <c r="KW38" s="110">
        <v>4251607</v>
      </c>
      <c r="KX38" s="298">
        <v>4489813</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627186</v>
      </c>
      <c r="LZ38" s="109">
        <v>812838</v>
      </c>
      <c r="MA38" s="109">
        <v>1077734</v>
      </c>
      <c r="MB38" s="109">
        <v>934847</v>
      </c>
      <c r="MC38" s="109">
        <v>2127177</v>
      </c>
      <c r="MD38" s="110">
        <v>5579782</v>
      </c>
      <c r="ME38" s="111">
        <v>5579782</v>
      </c>
      <c r="MF38" s="129">
        <v>0</v>
      </c>
      <c r="MG38" s="109">
        <v>0</v>
      </c>
      <c r="MH38" s="110">
        <v>0</v>
      </c>
      <c r="MI38" s="132"/>
      <c r="MJ38" s="109">
        <v>2304583</v>
      </c>
      <c r="MK38" s="109">
        <v>5367775</v>
      </c>
      <c r="ML38" s="109">
        <v>10057577</v>
      </c>
      <c r="MM38" s="109">
        <v>16542149</v>
      </c>
      <c r="MN38" s="109">
        <v>12285495</v>
      </c>
      <c r="MO38" s="110">
        <v>46557579</v>
      </c>
      <c r="MP38" s="130">
        <v>46557579</v>
      </c>
      <c r="MQ38" s="129">
        <v>0</v>
      </c>
      <c r="MR38" s="109">
        <v>0</v>
      </c>
      <c r="MS38" s="110">
        <v>0</v>
      </c>
      <c r="MT38" s="132"/>
      <c r="MU38" s="109">
        <v>0</v>
      </c>
      <c r="MV38" s="109">
        <v>1308879</v>
      </c>
      <c r="MW38" s="109">
        <v>4759090</v>
      </c>
      <c r="MX38" s="109">
        <v>7983144</v>
      </c>
      <c r="MY38" s="109">
        <v>5951249</v>
      </c>
      <c r="MZ38" s="110">
        <v>20002362</v>
      </c>
      <c r="NA38" s="130">
        <v>20002362</v>
      </c>
      <c r="NB38" s="129">
        <v>0</v>
      </c>
      <c r="NC38" s="109">
        <v>0</v>
      </c>
      <c r="ND38" s="110">
        <v>0</v>
      </c>
      <c r="NE38" s="132"/>
      <c r="NF38" s="109">
        <v>1822213</v>
      </c>
      <c r="NG38" s="109">
        <v>2177282</v>
      </c>
      <c r="NH38" s="109">
        <v>2824386</v>
      </c>
      <c r="NI38" s="109">
        <v>5938690</v>
      </c>
      <c r="NJ38" s="109">
        <v>1773249</v>
      </c>
      <c r="NK38" s="110">
        <v>14535820</v>
      </c>
      <c r="NL38" s="298">
        <v>14535820</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482370</v>
      </c>
      <c r="OC38" s="109">
        <v>1881614</v>
      </c>
      <c r="OD38" s="109">
        <v>2474101</v>
      </c>
      <c r="OE38" s="109">
        <v>2620315</v>
      </c>
      <c r="OF38" s="109">
        <v>4560997</v>
      </c>
      <c r="OG38" s="110">
        <v>12019397</v>
      </c>
      <c r="OH38" s="111">
        <v>12019397</v>
      </c>
      <c r="OI38" s="129">
        <v>1030564</v>
      </c>
      <c r="OJ38" s="109">
        <v>3145295</v>
      </c>
      <c r="OK38" s="128">
        <v>4175859</v>
      </c>
      <c r="OL38" s="108">
        <v>0</v>
      </c>
      <c r="OM38" s="109">
        <v>13322069</v>
      </c>
      <c r="ON38" s="109">
        <v>16967618</v>
      </c>
      <c r="OO38" s="109">
        <v>23500573</v>
      </c>
      <c r="OP38" s="109">
        <v>19901315</v>
      </c>
      <c r="OQ38" s="109">
        <v>20008823</v>
      </c>
      <c r="OR38" s="110">
        <v>93700398</v>
      </c>
      <c r="OS38" s="130">
        <v>97876257</v>
      </c>
    </row>
    <row r="39" spans="2:409" ht="21" customHeight="1" x14ac:dyDescent="0.2">
      <c r="B39" s="472" t="s">
        <v>34</v>
      </c>
      <c r="C39" s="100">
        <v>428879</v>
      </c>
      <c r="D39" s="104">
        <v>1044612</v>
      </c>
      <c r="E39" s="161">
        <v>1473491</v>
      </c>
      <c r="F39" s="162">
        <v>0</v>
      </c>
      <c r="G39" s="163">
        <v>8197478</v>
      </c>
      <c r="H39" s="163">
        <v>5337755</v>
      </c>
      <c r="I39" s="163">
        <v>3949317</v>
      </c>
      <c r="J39" s="163">
        <v>7078014</v>
      </c>
      <c r="K39" s="163">
        <v>4182314</v>
      </c>
      <c r="L39" s="164">
        <v>28744878</v>
      </c>
      <c r="M39" s="106">
        <v>30218369</v>
      </c>
      <c r="N39" s="100">
        <v>48780</v>
      </c>
      <c r="O39" s="104">
        <v>378563</v>
      </c>
      <c r="P39" s="103">
        <v>427343</v>
      </c>
      <c r="Q39" s="100">
        <v>0</v>
      </c>
      <c r="R39" s="104">
        <v>1827818</v>
      </c>
      <c r="S39" s="104">
        <v>1241862</v>
      </c>
      <c r="T39" s="104">
        <v>806031</v>
      </c>
      <c r="U39" s="104">
        <v>1784546</v>
      </c>
      <c r="V39" s="104">
        <v>1705472</v>
      </c>
      <c r="W39" s="103">
        <v>7365729</v>
      </c>
      <c r="X39" s="106">
        <v>7793072</v>
      </c>
      <c r="Y39" s="100">
        <v>0</v>
      </c>
      <c r="Z39" s="104">
        <v>0</v>
      </c>
      <c r="AA39" s="103">
        <v>0</v>
      </c>
      <c r="AB39" s="100">
        <v>0</v>
      </c>
      <c r="AC39" s="104">
        <v>464893</v>
      </c>
      <c r="AD39" s="104">
        <v>412494</v>
      </c>
      <c r="AE39" s="104">
        <v>418173</v>
      </c>
      <c r="AF39" s="104">
        <v>1123131</v>
      </c>
      <c r="AG39" s="104">
        <v>580279</v>
      </c>
      <c r="AH39" s="103">
        <v>2998970</v>
      </c>
      <c r="AI39" s="106">
        <v>2998970</v>
      </c>
      <c r="AJ39" s="100">
        <v>0</v>
      </c>
      <c r="AK39" s="104">
        <v>0</v>
      </c>
      <c r="AL39" s="103">
        <v>0</v>
      </c>
      <c r="AM39" s="100">
        <v>0</v>
      </c>
      <c r="AN39" s="104">
        <v>0</v>
      </c>
      <c r="AO39" s="104">
        <v>49167</v>
      </c>
      <c r="AP39" s="104">
        <v>0</v>
      </c>
      <c r="AQ39" s="104">
        <v>51174</v>
      </c>
      <c r="AR39" s="104">
        <v>440919</v>
      </c>
      <c r="AS39" s="103">
        <v>541260</v>
      </c>
      <c r="AT39" s="106">
        <v>541260</v>
      </c>
      <c r="AU39" s="100">
        <v>0</v>
      </c>
      <c r="AV39" s="104">
        <v>319109</v>
      </c>
      <c r="AW39" s="103">
        <v>319109</v>
      </c>
      <c r="AX39" s="100">
        <v>0</v>
      </c>
      <c r="AY39" s="104">
        <v>646652</v>
      </c>
      <c r="AZ39" s="104">
        <v>369284</v>
      </c>
      <c r="BA39" s="104">
        <v>209080</v>
      </c>
      <c r="BB39" s="104">
        <v>279866</v>
      </c>
      <c r="BC39" s="104">
        <v>384673</v>
      </c>
      <c r="BD39" s="103">
        <v>1889555</v>
      </c>
      <c r="BE39" s="106">
        <v>2208664</v>
      </c>
      <c r="BF39" s="100">
        <v>0</v>
      </c>
      <c r="BG39" s="104">
        <v>33804</v>
      </c>
      <c r="BH39" s="102">
        <v>33804</v>
      </c>
      <c r="BI39" s="101">
        <v>0</v>
      </c>
      <c r="BJ39" s="104">
        <v>249453</v>
      </c>
      <c r="BK39" s="104">
        <v>102907</v>
      </c>
      <c r="BL39" s="104">
        <v>42012</v>
      </c>
      <c r="BM39" s="104">
        <v>33480</v>
      </c>
      <c r="BN39" s="104">
        <v>45072</v>
      </c>
      <c r="BO39" s="103">
        <v>472924</v>
      </c>
      <c r="BP39" s="106">
        <v>506728</v>
      </c>
      <c r="BQ39" s="100">
        <v>48780</v>
      </c>
      <c r="BR39" s="104">
        <v>25650</v>
      </c>
      <c r="BS39" s="103">
        <v>74430</v>
      </c>
      <c r="BT39" s="100">
        <v>0</v>
      </c>
      <c r="BU39" s="104">
        <v>466820</v>
      </c>
      <c r="BV39" s="104">
        <v>308010</v>
      </c>
      <c r="BW39" s="104">
        <v>136766</v>
      </c>
      <c r="BX39" s="104">
        <v>296895</v>
      </c>
      <c r="BY39" s="104">
        <v>254529</v>
      </c>
      <c r="BZ39" s="103">
        <v>1463020</v>
      </c>
      <c r="CA39" s="106">
        <v>1537450</v>
      </c>
      <c r="CB39" s="100">
        <v>23319</v>
      </c>
      <c r="CC39" s="104">
        <v>170991</v>
      </c>
      <c r="CD39" s="103">
        <v>194310</v>
      </c>
      <c r="CE39" s="100">
        <v>0</v>
      </c>
      <c r="CF39" s="104">
        <v>2184792</v>
      </c>
      <c r="CG39" s="104">
        <v>1433344</v>
      </c>
      <c r="CH39" s="104">
        <v>1648501</v>
      </c>
      <c r="CI39" s="104">
        <v>1798051</v>
      </c>
      <c r="CJ39" s="104">
        <v>414765</v>
      </c>
      <c r="CK39" s="103">
        <v>7479453</v>
      </c>
      <c r="CL39" s="106">
        <v>7673763</v>
      </c>
      <c r="CM39" s="100">
        <v>0</v>
      </c>
      <c r="CN39" s="104">
        <v>0</v>
      </c>
      <c r="CO39" s="103">
        <v>0</v>
      </c>
      <c r="CP39" s="101">
        <v>0</v>
      </c>
      <c r="CQ39" s="104">
        <v>1878279</v>
      </c>
      <c r="CR39" s="104">
        <v>1275268</v>
      </c>
      <c r="CS39" s="104">
        <v>1511279</v>
      </c>
      <c r="CT39" s="104">
        <v>1286581</v>
      </c>
      <c r="CU39" s="104">
        <v>414765</v>
      </c>
      <c r="CV39" s="103">
        <v>6366172</v>
      </c>
      <c r="CW39" s="106">
        <v>6366172</v>
      </c>
      <c r="CX39" s="100">
        <v>23319</v>
      </c>
      <c r="CY39" s="104">
        <v>170991</v>
      </c>
      <c r="CZ39" s="103">
        <v>194310</v>
      </c>
      <c r="DA39" s="100">
        <v>0</v>
      </c>
      <c r="DB39" s="104">
        <v>306513</v>
      </c>
      <c r="DC39" s="104">
        <v>158076</v>
      </c>
      <c r="DD39" s="104">
        <v>137222</v>
      </c>
      <c r="DE39" s="104">
        <v>511470</v>
      </c>
      <c r="DF39" s="104">
        <v>0</v>
      </c>
      <c r="DG39" s="103">
        <v>1113281</v>
      </c>
      <c r="DH39" s="106">
        <v>1307591</v>
      </c>
      <c r="DI39" s="100">
        <v>0</v>
      </c>
      <c r="DJ39" s="104">
        <v>0</v>
      </c>
      <c r="DK39" s="102">
        <v>0</v>
      </c>
      <c r="DL39" s="101">
        <v>0</v>
      </c>
      <c r="DM39" s="104">
        <v>205200</v>
      </c>
      <c r="DN39" s="104">
        <v>209997</v>
      </c>
      <c r="DO39" s="104">
        <v>62910</v>
      </c>
      <c r="DP39" s="104">
        <v>409347</v>
      </c>
      <c r="DQ39" s="104">
        <v>481923</v>
      </c>
      <c r="DR39" s="103">
        <v>1369377</v>
      </c>
      <c r="DS39" s="106">
        <v>1369377</v>
      </c>
      <c r="DT39" s="100">
        <v>0</v>
      </c>
      <c r="DU39" s="104">
        <v>0</v>
      </c>
      <c r="DV39" s="103">
        <v>0</v>
      </c>
      <c r="DW39" s="100">
        <v>0</v>
      </c>
      <c r="DX39" s="104">
        <v>205200</v>
      </c>
      <c r="DY39" s="104">
        <v>38745</v>
      </c>
      <c r="DZ39" s="104">
        <v>62910</v>
      </c>
      <c r="EA39" s="104">
        <v>300996</v>
      </c>
      <c r="EB39" s="104">
        <v>481923</v>
      </c>
      <c r="EC39" s="103">
        <v>1089774</v>
      </c>
      <c r="ED39" s="106">
        <v>1089774</v>
      </c>
      <c r="EE39" s="100">
        <v>0</v>
      </c>
      <c r="EF39" s="102">
        <v>0</v>
      </c>
      <c r="EG39" s="103">
        <v>0</v>
      </c>
      <c r="EH39" s="100">
        <v>0</v>
      </c>
      <c r="EI39" s="104">
        <v>0</v>
      </c>
      <c r="EJ39" s="104">
        <v>171252</v>
      </c>
      <c r="EK39" s="104">
        <v>0</v>
      </c>
      <c r="EL39" s="104">
        <v>108351</v>
      </c>
      <c r="EM39" s="104">
        <v>0</v>
      </c>
      <c r="EN39" s="102">
        <v>279603</v>
      </c>
      <c r="EO39" s="106">
        <v>279603</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178875</v>
      </c>
      <c r="FM39" s="104">
        <v>173140</v>
      </c>
      <c r="FN39" s="103">
        <v>352015</v>
      </c>
      <c r="FO39" s="100">
        <v>0</v>
      </c>
      <c r="FP39" s="104">
        <v>562600</v>
      </c>
      <c r="FQ39" s="104">
        <v>569117</v>
      </c>
      <c r="FR39" s="104">
        <v>308704</v>
      </c>
      <c r="FS39" s="104">
        <v>517823</v>
      </c>
      <c r="FT39" s="104">
        <v>167665</v>
      </c>
      <c r="FU39" s="103">
        <v>2125909</v>
      </c>
      <c r="FV39" s="106">
        <v>2477924</v>
      </c>
      <c r="FW39" s="105">
        <v>103140</v>
      </c>
      <c r="FX39" s="104">
        <v>116270</v>
      </c>
      <c r="FY39" s="102">
        <v>219410</v>
      </c>
      <c r="FZ39" s="101">
        <v>0</v>
      </c>
      <c r="GA39" s="104">
        <v>414397</v>
      </c>
      <c r="GB39" s="104">
        <v>569117</v>
      </c>
      <c r="GC39" s="104">
        <v>308704</v>
      </c>
      <c r="GD39" s="104">
        <v>517823</v>
      </c>
      <c r="GE39" s="104">
        <v>167665</v>
      </c>
      <c r="GF39" s="103">
        <v>1977706</v>
      </c>
      <c r="GG39" s="296">
        <v>2197116</v>
      </c>
      <c r="GH39" s="105">
        <v>0</v>
      </c>
      <c r="GI39" s="104">
        <v>28160</v>
      </c>
      <c r="GJ39" s="102">
        <v>28160</v>
      </c>
      <c r="GK39" s="101">
        <v>0</v>
      </c>
      <c r="GL39" s="104">
        <v>29403</v>
      </c>
      <c r="GM39" s="104">
        <v>0</v>
      </c>
      <c r="GN39" s="104">
        <v>0</v>
      </c>
      <c r="GO39" s="104">
        <v>0</v>
      </c>
      <c r="GP39" s="104">
        <v>0</v>
      </c>
      <c r="GQ39" s="103">
        <v>29403</v>
      </c>
      <c r="GR39" s="106">
        <v>57563</v>
      </c>
      <c r="GS39" s="100">
        <v>75735</v>
      </c>
      <c r="GT39" s="104">
        <v>28710</v>
      </c>
      <c r="GU39" s="103">
        <v>104445</v>
      </c>
      <c r="GV39" s="100">
        <v>0</v>
      </c>
      <c r="GW39" s="104">
        <v>118800</v>
      </c>
      <c r="GX39" s="104">
        <v>0</v>
      </c>
      <c r="GY39" s="104">
        <v>0</v>
      </c>
      <c r="GZ39" s="104">
        <v>0</v>
      </c>
      <c r="HA39" s="104">
        <v>0</v>
      </c>
      <c r="HB39" s="102">
        <v>118800</v>
      </c>
      <c r="HC39" s="106">
        <v>223245</v>
      </c>
      <c r="HD39" s="100">
        <v>116585</v>
      </c>
      <c r="HE39" s="104">
        <v>199278</v>
      </c>
      <c r="HF39" s="102">
        <v>315863</v>
      </c>
      <c r="HG39" s="101">
        <v>0</v>
      </c>
      <c r="HH39" s="104">
        <v>2341173</v>
      </c>
      <c r="HI39" s="104">
        <v>1253128</v>
      </c>
      <c r="HJ39" s="104">
        <v>791774</v>
      </c>
      <c r="HK39" s="104">
        <v>2164506</v>
      </c>
      <c r="HL39" s="104">
        <v>1258885</v>
      </c>
      <c r="HM39" s="103">
        <v>7809466</v>
      </c>
      <c r="HN39" s="99">
        <v>8125329</v>
      </c>
      <c r="HO39" s="105">
        <v>61320</v>
      </c>
      <c r="HP39" s="104">
        <v>122640</v>
      </c>
      <c r="HQ39" s="103">
        <v>183960</v>
      </c>
      <c r="HR39" s="100">
        <v>0</v>
      </c>
      <c r="HS39" s="104">
        <v>1075895</v>
      </c>
      <c r="HT39" s="104">
        <v>630307</v>
      </c>
      <c r="HU39" s="104">
        <v>331397</v>
      </c>
      <c r="HV39" s="104">
        <v>403741</v>
      </c>
      <c r="HW39" s="104">
        <v>153604</v>
      </c>
      <c r="HX39" s="102">
        <v>2594944</v>
      </c>
      <c r="HY39" s="106">
        <v>2778904</v>
      </c>
      <c r="HZ39" s="118">
        <v>45171</v>
      </c>
      <c r="IA39" s="119">
        <v>80901</v>
      </c>
      <c r="IB39" s="120">
        <v>126072</v>
      </c>
      <c r="IC39" s="133">
        <v>0</v>
      </c>
      <c r="ID39" s="119">
        <v>3254609</v>
      </c>
      <c r="IE39" s="134">
        <v>3337908</v>
      </c>
      <c r="IF39" s="120">
        <v>3864616</v>
      </c>
      <c r="IG39" s="119">
        <v>1369134</v>
      </c>
      <c r="IH39" s="120">
        <v>595322</v>
      </c>
      <c r="II39" s="135">
        <v>12421589</v>
      </c>
      <c r="IJ39" s="126">
        <v>12547661</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749407</v>
      </c>
      <c r="JL39" s="109">
        <v>435820</v>
      </c>
      <c r="JM39" s="109">
        <v>260190</v>
      </c>
      <c r="JN39" s="109">
        <v>141588</v>
      </c>
      <c r="JO39" s="109">
        <v>37233</v>
      </c>
      <c r="JP39" s="110">
        <v>1624238</v>
      </c>
      <c r="JQ39" s="298">
        <v>1624238</v>
      </c>
      <c r="JR39" s="129">
        <v>0</v>
      </c>
      <c r="JS39" s="109">
        <v>0</v>
      </c>
      <c r="JT39" s="128">
        <v>0</v>
      </c>
      <c r="JU39" s="108">
        <v>0</v>
      </c>
      <c r="JV39" s="109">
        <v>0</v>
      </c>
      <c r="JW39" s="109">
        <v>0</v>
      </c>
      <c r="JX39" s="109">
        <v>0</v>
      </c>
      <c r="JY39" s="109">
        <v>0</v>
      </c>
      <c r="JZ39" s="109">
        <v>89499</v>
      </c>
      <c r="KA39" s="110">
        <v>89499</v>
      </c>
      <c r="KB39" s="298">
        <v>89499</v>
      </c>
      <c r="KC39" s="221">
        <v>45171</v>
      </c>
      <c r="KD39" s="217">
        <v>80901</v>
      </c>
      <c r="KE39" s="110">
        <v>126072</v>
      </c>
      <c r="KF39" s="108">
        <v>0</v>
      </c>
      <c r="KG39" s="109">
        <v>1270978</v>
      </c>
      <c r="KH39" s="109">
        <v>1618931</v>
      </c>
      <c r="KI39" s="109">
        <v>1686077</v>
      </c>
      <c r="KJ39" s="109">
        <v>278838</v>
      </c>
      <c r="KK39" s="109">
        <v>0</v>
      </c>
      <c r="KL39" s="110">
        <v>4854824</v>
      </c>
      <c r="KM39" s="130">
        <v>4980896</v>
      </c>
      <c r="KN39" s="219">
        <v>0</v>
      </c>
      <c r="KO39" s="223">
        <v>0</v>
      </c>
      <c r="KP39" s="224">
        <v>0</v>
      </c>
      <c r="KQ39" s="127"/>
      <c r="KR39" s="109">
        <v>0</v>
      </c>
      <c r="KS39" s="109">
        <v>52407</v>
      </c>
      <c r="KT39" s="109">
        <v>0</v>
      </c>
      <c r="KU39" s="109">
        <v>0</v>
      </c>
      <c r="KV39" s="109">
        <v>65214</v>
      </c>
      <c r="KW39" s="110">
        <v>117621</v>
      </c>
      <c r="KX39" s="298">
        <v>117621</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1234224</v>
      </c>
      <c r="LZ39" s="109">
        <v>1230750</v>
      </c>
      <c r="MA39" s="109">
        <v>1918349</v>
      </c>
      <c r="MB39" s="109">
        <v>948708</v>
      </c>
      <c r="MC39" s="109">
        <v>403376</v>
      </c>
      <c r="MD39" s="110">
        <v>5735407</v>
      </c>
      <c r="ME39" s="111">
        <v>5735407</v>
      </c>
      <c r="MF39" s="129">
        <v>0</v>
      </c>
      <c r="MG39" s="109">
        <v>0</v>
      </c>
      <c r="MH39" s="110">
        <v>0</v>
      </c>
      <c r="MI39" s="132"/>
      <c r="MJ39" s="109">
        <v>938032</v>
      </c>
      <c r="MK39" s="109">
        <v>3918480</v>
      </c>
      <c r="ML39" s="109">
        <v>4546439</v>
      </c>
      <c r="MM39" s="109">
        <v>8542567</v>
      </c>
      <c r="MN39" s="109">
        <v>4945954</v>
      </c>
      <c r="MO39" s="110">
        <v>22891472</v>
      </c>
      <c r="MP39" s="130">
        <v>22891472</v>
      </c>
      <c r="MQ39" s="129">
        <v>0</v>
      </c>
      <c r="MR39" s="109">
        <v>0</v>
      </c>
      <c r="MS39" s="110">
        <v>0</v>
      </c>
      <c r="MT39" s="132"/>
      <c r="MU39" s="109">
        <v>0</v>
      </c>
      <c r="MV39" s="109">
        <v>0</v>
      </c>
      <c r="MW39" s="109">
        <v>2487121</v>
      </c>
      <c r="MX39" s="109">
        <v>5213125</v>
      </c>
      <c r="MY39" s="109">
        <v>3560164</v>
      </c>
      <c r="MZ39" s="110">
        <v>11260410</v>
      </c>
      <c r="NA39" s="130">
        <v>11260410</v>
      </c>
      <c r="NB39" s="129">
        <v>0</v>
      </c>
      <c r="NC39" s="109">
        <v>0</v>
      </c>
      <c r="ND39" s="110">
        <v>0</v>
      </c>
      <c r="NE39" s="132"/>
      <c r="NF39" s="109">
        <v>938032</v>
      </c>
      <c r="NG39" s="109">
        <v>3918480</v>
      </c>
      <c r="NH39" s="109">
        <v>2059318</v>
      </c>
      <c r="NI39" s="109">
        <v>2672262</v>
      </c>
      <c r="NJ39" s="109">
        <v>1010724</v>
      </c>
      <c r="NK39" s="110">
        <v>10598816</v>
      </c>
      <c r="NL39" s="298">
        <v>10598816</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657180</v>
      </c>
      <c r="OF39" s="109">
        <v>375066</v>
      </c>
      <c r="OG39" s="110">
        <v>1032246</v>
      </c>
      <c r="OH39" s="111">
        <v>1032246</v>
      </c>
      <c r="OI39" s="129">
        <v>474050</v>
      </c>
      <c r="OJ39" s="109">
        <v>1125513</v>
      </c>
      <c r="OK39" s="128">
        <v>1599563</v>
      </c>
      <c r="OL39" s="108">
        <v>0</v>
      </c>
      <c r="OM39" s="109">
        <v>12390119</v>
      </c>
      <c r="ON39" s="109">
        <v>12594143</v>
      </c>
      <c r="OO39" s="109">
        <v>12360372</v>
      </c>
      <c r="OP39" s="109">
        <v>16989715</v>
      </c>
      <c r="OQ39" s="109">
        <v>9723590</v>
      </c>
      <c r="OR39" s="110">
        <v>64057939</v>
      </c>
      <c r="OS39" s="130">
        <v>65657502</v>
      </c>
    </row>
    <row r="40" spans="2:409" ht="21" customHeight="1" x14ac:dyDescent="0.2">
      <c r="B40" s="472" t="s">
        <v>35</v>
      </c>
      <c r="C40" s="100">
        <v>2405338</v>
      </c>
      <c r="D40" s="104">
        <v>4044938</v>
      </c>
      <c r="E40" s="103">
        <v>6450276</v>
      </c>
      <c r="F40" s="99">
        <v>0</v>
      </c>
      <c r="G40" s="104">
        <v>29606558</v>
      </c>
      <c r="H40" s="104">
        <v>18393517</v>
      </c>
      <c r="I40" s="104">
        <v>21407712</v>
      </c>
      <c r="J40" s="104">
        <v>22210118</v>
      </c>
      <c r="K40" s="104">
        <v>10994872</v>
      </c>
      <c r="L40" s="160">
        <v>102612777</v>
      </c>
      <c r="M40" s="106">
        <v>109063053</v>
      </c>
      <c r="N40" s="100">
        <v>416074</v>
      </c>
      <c r="O40" s="104">
        <v>937161</v>
      </c>
      <c r="P40" s="103">
        <v>1353235</v>
      </c>
      <c r="Q40" s="100">
        <v>0</v>
      </c>
      <c r="R40" s="104">
        <v>7632139</v>
      </c>
      <c r="S40" s="104">
        <v>5546090</v>
      </c>
      <c r="T40" s="104">
        <v>7289309</v>
      </c>
      <c r="U40" s="104">
        <v>8594586</v>
      </c>
      <c r="V40" s="104">
        <v>4570637</v>
      </c>
      <c r="W40" s="103">
        <v>33632761</v>
      </c>
      <c r="X40" s="106">
        <v>34985996</v>
      </c>
      <c r="Y40" s="100">
        <v>0</v>
      </c>
      <c r="Z40" s="104">
        <v>0</v>
      </c>
      <c r="AA40" s="103">
        <v>0</v>
      </c>
      <c r="AB40" s="100">
        <v>0</v>
      </c>
      <c r="AC40" s="104">
        <v>3752849</v>
      </c>
      <c r="AD40" s="104">
        <v>2560529</v>
      </c>
      <c r="AE40" s="104">
        <v>4603688</v>
      </c>
      <c r="AF40" s="104">
        <v>4760983</v>
      </c>
      <c r="AG40" s="104">
        <v>2367085</v>
      </c>
      <c r="AH40" s="103">
        <v>18045134</v>
      </c>
      <c r="AI40" s="106">
        <v>18045134</v>
      </c>
      <c r="AJ40" s="100">
        <v>0</v>
      </c>
      <c r="AK40" s="104">
        <v>0</v>
      </c>
      <c r="AL40" s="103">
        <v>0</v>
      </c>
      <c r="AM40" s="100">
        <v>0</v>
      </c>
      <c r="AN40" s="104">
        <v>0</v>
      </c>
      <c r="AO40" s="104">
        <v>186588</v>
      </c>
      <c r="AP40" s="104">
        <v>211653</v>
      </c>
      <c r="AQ40" s="104">
        <v>813136</v>
      </c>
      <c r="AR40" s="104">
        <v>679456</v>
      </c>
      <c r="AS40" s="103">
        <v>1890833</v>
      </c>
      <c r="AT40" s="106">
        <v>1890833</v>
      </c>
      <c r="AU40" s="100">
        <v>90306</v>
      </c>
      <c r="AV40" s="104">
        <v>357685</v>
      </c>
      <c r="AW40" s="103">
        <v>447991</v>
      </c>
      <c r="AX40" s="100">
        <v>0</v>
      </c>
      <c r="AY40" s="104">
        <v>1699594</v>
      </c>
      <c r="AZ40" s="104">
        <v>1431629</v>
      </c>
      <c r="BA40" s="104">
        <v>1262761</v>
      </c>
      <c r="BB40" s="104">
        <v>1215327</v>
      </c>
      <c r="BC40" s="104">
        <v>821720</v>
      </c>
      <c r="BD40" s="103">
        <v>6431031</v>
      </c>
      <c r="BE40" s="106">
        <v>6879022</v>
      </c>
      <c r="BF40" s="100">
        <v>123751</v>
      </c>
      <c r="BG40" s="104">
        <v>305434</v>
      </c>
      <c r="BH40" s="102">
        <v>429185</v>
      </c>
      <c r="BI40" s="101">
        <v>0</v>
      </c>
      <c r="BJ40" s="104">
        <v>745349</v>
      </c>
      <c r="BK40" s="104">
        <v>435618</v>
      </c>
      <c r="BL40" s="104">
        <v>198450</v>
      </c>
      <c r="BM40" s="104">
        <v>515882</v>
      </c>
      <c r="BN40" s="104">
        <v>135693</v>
      </c>
      <c r="BO40" s="103">
        <v>2030992</v>
      </c>
      <c r="BP40" s="106">
        <v>2460177</v>
      </c>
      <c r="BQ40" s="100">
        <v>202017</v>
      </c>
      <c r="BR40" s="104">
        <v>274042</v>
      </c>
      <c r="BS40" s="103">
        <v>476059</v>
      </c>
      <c r="BT40" s="100">
        <v>0</v>
      </c>
      <c r="BU40" s="104">
        <v>1434347</v>
      </c>
      <c r="BV40" s="104">
        <v>931726</v>
      </c>
      <c r="BW40" s="104">
        <v>1012757</v>
      </c>
      <c r="BX40" s="104">
        <v>1289258</v>
      </c>
      <c r="BY40" s="104">
        <v>566683</v>
      </c>
      <c r="BZ40" s="103">
        <v>5234771</v>
      </c>
      <c r="CA40" s="106">
        <v>5710830</v>
      </c>
      <c r="CB40" s="100">
        <v>181945</v>
      </c>
      <c r="CC40" s="104">
        <v>786869</v>
      </c>
      <c r="CD40" s="103">
        <v>968814</v>
      </c>
      <c r="CE40" s="100">
        <v>0</v>
      </c>
      <c r="CF40" s="104">
        <v>10271026</v>
      </c>
      <c r="CG40" s="104">
        <v>7678569</v>
      </c>
      <c r="CH40" s="104">
        <v>5444605</v>
      </c>
      <c r="CI40" s="104">
        <v>4224210</v>
      </c>
      <c r="CJ40" s="104">
        <v>2592900</v>
      </c>
      <c r="CK40" s="103">
        <v>30211310</v>
      </c>
      <c r="CL40" s="106">
        <v>31180124</v>
      </c>
      <c r="CM40" s="100">
        <v>0</v>
      </c>
      <c r="CN40" s="104">
        <v>0</v>
      </c>
      <c r="CO40" s="103">
        <v>0</v>
      </c>
      <c r="CP40" s="101">
        <v>0</v>
      </c>
      <c r="CQ40" s="104">
        <v>7629736</v>
      </c>
      <c r="CR40" s="104">
        <v>6128650</v>
      </c>
      <c r="CS40" s="104">
        <v>4857582</v>
      </c>
      <c r="CT40" s="104">
        <v>2854026</v>
      </c>
      <c r="CU40" s="104">
        <v>2409993</v>
      </c>
      <c r="CV40" s="103">
        <v>23879987</v>
      </c>
      <c r="CW40" s="106">
        <v>23879987</v>
      </c>
      <c r="CX40" s="100">
        <v>181945</v>
      </c>
      <c r="CY40" s="104">
        <v>786869</v>
      </c>
      <c r="CZ40" s="103">
        <v>968814</v>
      </c>
      <c r="DA40" s="100">
        <v>0</v>
      </c>
      <c r="DB40" s="104">
        <v>2641290</v>
      </c>
      <c r="DC40" s="104">
        <v>1549919</v>
      </c>
      <c r="DD40" s="104">
        <v>587023</v>
      </c>
      <c r="DE40" s="104">
        <v>1370184</v>
      </c>
      <c r="DF40" s="104">
        <v>182907</v>
      </c>
      <c r="DG40" s="103">
        <v>6331323</v>
      </c>
      <c r="DH40" s="106">
        <v>7300137</v>
      </c>
      <c r="DI40" s="100">
        <v>36085</v>
      </c>
      <c r="DJ40" s="104">
        <v>0</v>
      </c>
      <c r="DK40" s="102">
        <v>36085</v>
      </c>
      <c r="DL40" s="101">
        <v>0</v>
      </c>
      <c r="DM40" s="104">
        <v>744995</v>
      </c>
      <c r="DN40" s="104">
        <v>202932</v>
      </c>
      <c r="DO40" s="104">
        <v>924446</v>
      </c>
      <c r="DP40" s="104">
        <v>1116254</v>
      </c>
      <c r="DQ40" s="104">
        <v>608119</v>
      </c>
      <c r="DR40" s="103">
        <v>3596746</v>
      </c>
      <c r="DS40" s="106">
        <v>3632831</v>
      </c>
      <c r="DT40" s="100">
        <v>36085</v>
      </c>
      <c r="DU40" s="104">
        <v>0</v>
      </c>
      <c r="DV40" s="103">
        <v>36085</v>
      </c>
      <c r="DW40" s="100">
        <v>0</v>
      </c>
      <c r="DX40" s="104">
        <v>723215</v>
      </c>
      <c r="DY40" s="104">
        <v>157671</v>
      </c>
      <c r="DZ40" s="104">
        <v>870923</v>
      </c>
      <c r="EA40" s="104">
        <v>758459</v>
      </c>
      <c r="EB40" s="104">
        <v>554794</v>
      </c>
      <c r="EC40" s="103">
        <v>3065062</v>
      </c>
      <c r="ED40" s="106">
        <v>3101147</v>
      </c>
      <c r="EE40" s="100">
        <v>0</v>
      </c>
      <c r="EF40" s="102">
        <v>0</v>
      </c>
      <c r="EG40" s="103">
        <v>0</v>
      </c>
      <c r="EH40" s="100">
        <v>0</v>
      </c>
      <c r="EI40" s="104">
        <v>21780</v>
      </c>
      <c r="EJ40" s="104">
        <v>45261</v>
      </c>
      <c r="EK40" s="104">
        <v>53523</v>
      </c>
      <c r="EL40" s="104">
        <v>357795</v>
      </c>
      <c r="EM40" s="104">
        <v>53325</v>
      </c>
      <c r="EN40" s="102">
        <v>531684</v>
      </c>
      <c r="EO40" s="106">
        <v>531684</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484494</v>
      </c>
      <c r="FM40" s="104">
        <v>707375</v>
      </c>
      <c r="FN40" s="103">
        <v>1191869</v>
      </c>
      <c r="FO40" s="100">
        <v>0</v>
      </c>
      <c r="FP40" s="104">
        <v>1346228</v>
      </c>
      <c r="FQ40" s="104">
        <v>1921572</v>
      </c>
      <c r="FR40" s="104">
        <v>1467053</v>
      </c>
      <c r="FS40" s="104">
        <v>1417079</v>
      </c>
      <c r="FT40" s="104">
        <v>703878</v>
      </c>
      <c r="FU40" s="103">
        <v>6855810</v>
      </c>
      <c r="FV40" s="106">
        <v>8047679</v>
      </c>
      <c r="FW40" s="105">
        <v>262022</v>
      </c>
      <c r="FX40" s="104">
        <v>521804</v>
      </c>
      <c r="FY40" s="102">
        <v>783826</v>
      </c>
      <c r="FZ40" s="101">
        <v>0</v>
      </c>
      <c r="GA40" s="104">
        <v>1254158</v>
      </c>
      <c r="GB40" s="104">
        <v>1693374</v>
      </c>
      <c r="GC40" s="104">
        <v>1467053</v>
      </c>
      <c r="GD40" s="104">
        <v>1407179</v>
      </c>
      <c r="GE40" s="104">
        <v>703878</v>
      </c>
      <c r="GF40" s="103">
        <v>6525642</v>
      </c>
      <c r="GG40" s="296">
        <v>7309468</v>
      </c>
      <c r="GH40" s="105">
        <v>44272</v>
      </c>
      <c r="GI40" s="104">
        <v>62631</v>
      </c>
      <c r="GJ40" s="102">
        <v>106903</v>
      </c>
      <c r="GK40" s="101">
        <v>0</v>
      </c>
      <c r="GL40" s="104">
        <v>26730</v>
      </c>
      <c r="GM40" s="104">
        <v>101118</v>
      </c>
      <c r="GN40" s="104">
        <v>0</v>
      </c>
      <c r="GO40" s="104">
        <v>0</v>
      </c>
      <c r="GP40" s="104">
        <v>0</v>
      </c>
      <c r="GQ40" s="103">
        <v>127848</v>
      </c>
      <c r="GR40" s="106">
        <v>234751</v>
      </c>
      <c r="GS40" s="100">
        <v>178200</v>
      </c>
      <c r="GT40" s="104">
        <v>122940</v>
      </c>
      <c r="GU40" s="103">
        <v>301140</v>
      </c>
      <c r="GV40" s="100">
        <v>0</v>
      </c>
      <c r="GW40" s="104">
        <v>65340</v>
      </c>
      <c r="GX40" s="104">
        <v>127080</v>
      </c>
      <c r="GY40" s="104">
        <v>0</v>
      </c>
      <c r="GZ40" s="104">
        <v>9900</v>
      </c>
      <c r="HA40" s="104">
        <v>0</v>
      </c>
      <c r="HB40" s="102">
        <v>202320</v>
      </c>
      <c r="HC40" s="106">
        <v>503460</v>
      </c>
      <c r="HD40" s="100">
        <v>1021647</v>
      </c>
      <c r="HE40" s="104">
        <v>1152904</v>
      </c>
      <c r="HF40" s="102">
        <v>2174551</v>
      </c>
      <c r="HG40" s="101">
        <v>0</v>
      </c>
      <c r="HH40" s="104">
        <v>7163991</v>
      </c>
      <c r="HI40" s="104">
        <v>2040630</v>
      </c>
      <c r="HJ40" s="104">
        <v>4911497</v>
      </c>
      <c r="HK40" s="104">
        <v>5943491</v>
      </c>
      <c r="HL40" s="104">
        <v>2138535</v>
      </c>
      <c r="HM40" s="103">
        <v>22198144</v>
      </c>
      <c r="HN40" s="99">
        <v>24372695</v>
      </c>
      <c r="HO40" s="105">
        <v>265093</v>
      </c>
      <c r="HP40" s="104">
        <v>460629</v>
      </c>
      <c r="HQ40" s="103">
        <v>725722</v>
      </c>
      <c r="HR40" s="100">
        <v>0</v>
      </c>
      <c r="HS40" s="104">
        <v>2448179</v>
      </c>
      <c r="HT40" s="104">
        <v>1003724</v>
      </c>
      <c r="HU40" s="104">
        <v>1370802</v>
      </c>
      <c r="HV40" s="104">
        <v>914498</v>
      </c>
      <c r="HW40" s="104">
        <v>380803</v>
      </c>
      <c r="HX40" s="102">
        <v>6118006</v>
      </c>
      <c r="HY40" s="106">
        <v>6843728</v>
      </c>
      <c r="HZ40" s="137">
        <v>267183</v>
      </c>
      <c r="IA40" s="122">
        <v>407646</v>
      </c>
      <c r="IB40" s="137">
        <v>674829</v>
      </c>
      <c r="IC40" s="133">
        <v>0</v>
      </c>
      <c r="ID40" s="119">
        <v>5678034</v>
      </c>
      <c r="IE40" s="134">
        <v>6758011</v>
      </c>
      <c r="IF40" s="120">
        <v>6972140</v>
      </c>
      <c r="IG40" s="119">
        <v>5484938</v>
      </c>
      <c r="IH40" s="120">
        <v>2607846</v>
      </c>
      <c r="II40" s="135">
        <v>27500969</v>
      </c>
      <c r="IJ40" s="137">
        <v>28175798</v>
      </c>
      <c r="IK40" s="219">
        <v>0</v>
      </c>
      <c r="IL40" s="223">
        <v>0</v>
      </c>
      <c r="IM40" s="224">
        <v>0</v>
      </c>
      <c r="IN40" s="127"/>
      <c r="IO40" s="109">
        <v>0</v>
      </c>
      <c r="IP40" s="109">
        <v>0</v>
      </c>
      <c r="IQ40" s="109">
        <v>-8352</v>
      </c>
      <c r="IR40" s="109">
        <v>232794</v>
      </c>
      <c r="IS40" s="109">
        <v>0</v>
      </c>
      <c r="IT40" s="128">
        <v>224442</v>
      </c>
      <c r="IU40" s="298">
        <v>224442</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845946</v>
      </c>
      <c r="JL40" s="109">
        <v>1320084</v>
      </c>
      <c r="JM40" s="109">
        <v>996754</v>
      </c>
      <c r="JN40" s="109">
        <v>1384358</v>
      </c>
      <c r="JO40" s="109">
        <v>591381</v>
      </c>
      <c r="JP40" s="110">
        <v>5138523</v>
      </c>
      <c r="JQ40" s="298">
        <v>5138523</v>
      </c>
      <c r="JR40" s="129">
        <v>0</v>
      </c>
      <c r="JS40" s="109">
        <v>0</v>
      </c>
      <c r="JT40" s="128">
        <v>0</v>
      </c>
      <c r="JU40" s="108">
        <v>0</v>
      </c>
      <c r="JV40" s="109">
        <v>48784</v>
      </c>
      <c r="JW40" s="109">
        <v>0</v>
      </c>
      <c r="JX40" s="109">
        <v>0</v>
      </c>
      <c r="JY40" s="109">
        <v>0</v>
      </c>
      <c r="JZ40" s="109">
        <v>0</v>
      </c>
      <c r="KA40" s="110">
        <v>48784</v>
      </c>
      <c r="KB40" s="298">
        <v>48784</v>
      </c>
      <c r="KC40" s="221">
        <v>267183</v>
      </c>
      <c r="KD40" s="217">
        <v>171792</v>
      </c>
      <c r="KE40" s="110">
        <v>438975</v>
      </c>
      <c r="KF40" s="108">
        <v>0</v>
      </c>
      <c r="KG40" s="109">
        <v>1459640</v>
      </c>
      <c r="KH40" s="109">
        <v>1316221</v>
      </c>
      <c r="KI40" s="109">
        <v>2340943</v>
      </c>
      <c r="KJ40" s="109">
        <v>610065</v>
      </c>
      <c r="KK40" s="109">
        <v>356235</v>
      </c>
      <c r="KL40" s="110">
        <v>6083104</v>
      </c>
      <c r="KM40" s="130">
        <v>6522079</v>
      </c>
      <c r="KN40" s="219">
        <v>0</v>
      </c>
      <c r="KO40" s="223">
        <v>235854</v>
      </c>
      <c r="KP40" s="224">
        <v>235854</v>
      </c>
      <c r="KQ40" s="127"/>
      <c r="KR40" s="109">
        <v>3323664</v>
      </c>
      <c r="KS40" s="109">
        <v>4121706</v>
      </c>
      <c r="KT40" s="109">
        <v>3642795</v>
      </c>
      <c r="KU40" s="109">
        <v>3257721</v>
      </c>
      <c r="KV40" s="109">
        <v>1660230</v>
      </c>
      <c r="KW40" s="110">
        <v>16006116</v>
      </c>
      <c r="KX40" s="298">
        <v>16241970</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5856515</v>
      </c>
      <c r="MK40" s="109">
        <v>7188921</v>
      </c>
      <c r="ML40" s="109">
        <v>15992401</v>
      </c>
      <c r="MM40" s="109">
        <v>16412884</v>
      </c>
      <c r="MN40" s="109">
        <v>14919800</v>
      </c>
      <c r="MO40" s="110">
        <v>60370521</v>
      </c>
      <c r="MP40" s="130">
        <v>60370521</v>
      </c>
      <c r="MQ40" s="129">
        <v>0</v>
      </c>
      <c r="MR40" s="109">
        <v>0</v>
      </c>
      <c r="MS40" s="110">
        <v>0</v>
      </c>
      <c r="MT40" s="132"/>
      <c r="MU40" s="109">
        <v>195885</v>
      </c>
      <c r="MV40" s="109">
        <v>339525</v>
      </c>
      <c r="MW40" s="109">
        <v>5257851</v>
      </c>
      <c r="MX40" s="109">
        <v>12669202</v>
      </c>
      <c r="MY40" s="109">
        <v>9284306</v>
      </c>
      <c r="MZ40" s="110">
        <v>27746769</v>
      </c>
      <c r="NA40" s="130">
        <v>27746769</v>
      </c>
      <c r="NB40" s="129">
        <v>0</v>
      </c>
      <c r="NC40" s="109">
        <v>0</v>
      </c>
      <c r="ND40" s="110">
        <v>0</v>
      </c>
      <c r="NE40" s="132"/>
      <c r="NF40" s="109">
        <v>4766156</v>
      </c>
      <c r="NG40" s="109">
        <v>6597567</v>
      </c>
      <c r="NH40" s="109">
        <v>9214666</v>
      </c>
      <c r="NI40" s="109">
        <v>1670085</v>
      </c>
      <c r="NJ40" s="109">
        <v>3655845</v>
      </c>
      <c r="NK40" s="110">
        <v>25904319</v>
      </c>
      <c r="NL40" s="298">
        <v>25904319</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894474</v>
      </c>
      <c r="OC40" s="109">
        <v>251829</v>
      </c>
      <c r="OD40" s="109">
        <v>1519884</v>
      </c>
      <c r="OE40" s="109">
        <v>2073597</v>
      </c>
      <c r="OF40" s="109">
        <v>1979649</v>
      </c>
      <c r="OG40" s="110">
        <v>6719433</v>
      </c>
      <c r="OH40" s="111">
        <v>6719433</v>
      </c>
      <c r="OI40" s="129">
        <v>2672521</v>
      </c>
      <c r="OJ40" s="109">
        <v>4452584</v>
      </c>
      <c r="OK40" s="128">
        <v>7125105</v>
      </c>
      <c r="OL40" s="108">
        <v>0</v>
      </c>
      <c r="OM40" s="109">
        <v>41141107</v>
      </c>
      <c r="ON40" s="109">
        <v>32340449</v>
      </c>
      <c r="OO40" s="109">
        <v>44372253</v>
      </c>
      <c r="OP40" s="109">
        <v>44107940</v>
      </c>
      <c r="OQ40" s="109">
        <v>28522518</v>
      </c>
      <c r="OR40" s="110">
        <v>190484267</v>
      </c>
      <c r="OS40" s="130">
        <v>197609372</v>
      </c>
    </row>
    <row r="41" spans="2:409" ht="21" customHeight="1" x14ac:dyDescent="0.2">
      <c r="B41" s="472" t="s">
        <v>36</v>
      </c>
      <c r="C41" s="100">
        <v>1115538</v>
      </c>
      <c r="D41" s="104">
        <v>3376732</v>
      </c>
      <c r="E41" s="103">
        <v>4492270</v>
      </c>
      <c r="F41" s="99">
        <v>0</v>
      </c>
      <c r="G41" s="104">
        <v>22091965</v>
      </c>
      <c r="H41" s="104">
        <v>28932902</v>
      </c>
      <c r="I41" s="104">
        <v>25553241</v>
      </c>
      <c r="J41" s="104">
        <v>20277635</v>
      </c>
      <c r="K41" s="104">
        <v>17443050</v>
      </c>
      <c r="L41" s="160">
        <v>114298793</v>
      </c>
      <c r="M41" s="106">
        <v>118791063</v>
      </c>
      <c r="N41" s="100">
        <v>374958</v>
      </c>
      <c r="O41" s="104">
        <v>1270887</v>
      </c>
      <c r="P41" s="103">
        <v>1645845</v>
      </c>
      <c r="Q41" s="100">
        <v>0</v>
      </c>
      <c r="R41" s="104">
        <v>5637601</v>
      </c>
      <c r="S41" s="104">
        <v>8661831</v>
      </c>
      <c r="T41" s="104">
        <v>8704675</v>
      </c>
      <c r="U41" s="104">
        <v>7783780</v>
      </c>
      <c r="V41" s="104">
        <v>10511923</v>
      </c>
      <c r="W41" s="103">
        <v>41299810</v>
      </c>
      <c r="X41" s="106">
        <v>42945655</v>
      </c>
      <c r="Y41" s="100">
        <v>0</v>
      </c>
      <c r="Z41" s="104">
        <v>0</v>
      </c>
      <c r="AA41" s="103">
        <v>0</v>
      </c>
      <c r="AB41" s="100">
        <v>0</v>
      </c>
      <c r="AC41" s="104">
        <v>2077128</v>
      </c>
      <c r="AD41" s="104">
        <v>4378341</v>
      </c>
      <c r="AE41" s="104">
        <v>5284737</v>
      </c>
      <c r="AF41" s="104">
        <v>4630359</v>
      </c>
      <c r="AG41" s="104">
        <v>6388906</v>
      </c>
      <c r="AH41" s="103">
        <v>22759471</v>
      </c>
      <c r="AI41" s="106">
        <v>22759471</v>
      </c>
      <c r="AJ41" s="100">
        <v>0</v>
      </c>
      <c r="AK41" s="104">
        <v>0</v>
      </c>
      <c r="AL41" s="103">
        <v>0</v>
      </c>
      <c r="AM41" s="100">
        <v>0</v>
      </c>
      <c r="AN41" s="104">
        <v>143525</v>
      </c>
      <c r="AO41" s="104">
        <v>373026</v>
      </c>
      <c r="AP41" s="104">
        <v>394216</v>
      </c>
      <c r="AQ41" s="104">
        <v>662729</v>
      </c>
      <c r="AR41" s="104">
        <v>725826</v>
      </c>
      <c r="AS41" s="103">
        <v>2299322</v>
      </c>
      <c r="AT41" s="106">
        <v>2299322</v>
      </c>
      <c r="AU41" s="100">
        <v>242317</v>
      </c>
      <c r="AV41" s="104">
        <v>782024</v>
      </c>
      <c r="AW41" s="103">
        <v>1024341</v>
      </c>
      <c r="AX41" s="100">
        <v>0</v>
      </c>
      <c r="AY41" s="104">
        <v>2322440</v>
      </c>
      <c r="AZ41" s="104">
        <v>2297899</v>
      </c>
      <c r="BA41" s="104">
        <v>1862484</v>
      </c>
      <c r="BB41" s="104">
        <v>1316621</v>
      </c>
      <c r="BC41" s="104">
        <v>2389086</v>
      </c>
      <c r="BD41" s="103">
        <v>10188530</v>
      </c>
      <c r="BE41" s="106">
        <v>11212871</v>
      </c>
      <c r="BF41" s="100">
        <v>69501</v>
      </c>
      <c r="BG41" s="104">
        <v>394921</v>
      </c>
      <c r="BH41" s="102">
        <v>464422</v>
      </c>
      <c r="BI41" s="101">
        <v>0</v>
      </c>
      <c r="BJ41" s="104">
        <v>523475</v>
      </c>
      <c r="BK41" s="104">
        <v>486746</v>
      </c>
      <c r="BL41" s="104">
        <v>100075</v>
      </c>
      <c r="BM41" s="104">
        <v>252294</v>
      </c>
      <c r="BN41" s="104">
        <v>188045</v>
      </c>
      <c r="BO41" s="103">
        <v>1550635</v>
      </c>
      <c r="BP41" s="106">
        <v>2015057</v>
      </c>
      <c r="BQ41" s="100">
        <v>63140</v>
      </c>
      <c r="BR41" s="104">
        <v>93942</v>
      </c>
      <c r="BS41" s="103">
        <v>157082</v>
      </c>
      <c r="BT41" s="100">
        <v>0</v>
      </c>
      <c r="BU41" s="104">
        <v>571033</v>
      </c>
      <c r="BV41" s="104">
        <v>1125819</v>
      </c>
      <c r="BW41" s="104">
        <v>1063163</v>
      </c>
      <c r="BX41" s="104">
        <v>921777</v>
      </c>
      <c r="BY41" s="104">
        <v>820060</v>
      </c>
      <c r="BZ41" s="103">
        <v>4501852</v>
      </c>
      <c r="CA41" s="106">
        <v>4658934</v>
      </c>
      <c r="CB41" s="100">
        <v>158491</v>
      </c>
      <c r="CC41" s="104">
        <v>295591</v>
      </c>
      <c r="CD41" s="103">
        <v>454082</v>
      </c>
      <c r="CE41" s="100">
        <v>0</v>
      </c>
      <c r="CF41" s="104">
        <v>6857158</v>
      </c>
      <c r="CG41" s="104">
        <v>11251808</v>
      </c>
      <c r="CH41" s="104">
        <v>5518110</v>
      </c>
      <c r="CI41" s="104">
        <v>4001983</v>
      </c>
      <c r="CJ41" s="104">
        <v>2368365</v>
      </c>
      <c r="CK41" s="103">
        <v>29997424</v>
      </c>
      <c r="CL41" s="106">
        <v>30451506</v>
      </c>
      <c r="CM41" s="100">
        <v>0</v>
      </c>
      <c r="CN41" s="104">
        <v>0</v>
      </c>
      <c r="CO41" s="103">
        <v>0</v>
      </c>
      <c r="CP41" s="101">
        <v>0</v>
      </c>
      <c r="CQ41" s="104">
        <v>5312111</v>
      </c>
      <c r="CR41" s="104">
        <v>9163521</v>
      </c>
      <c r="CS41" s="104">
        <v>3988656</v>
      </c>
      <c r="CT41" s="104">
        <v>3573194</v>
      </c>
      <c r="CU41" s="104">
        <v>2135580</v>
      </c>
      <c r="CV41" s="103">
        <v>24173062</v>
      </c>
      <c r="CW41" s="106">
        <v>24173062</v>
      </c>
      <c r="CX41" s="100">
        <v>158491</v>
      </c>
      <c r="CY41" s="104">
        <v>295591</v>
      </c>
      <c r="CZ41" s="103">
        <v>454082</v>
      </c>
      <c r="DA41" s="100">
        <v>0</v>
      </c>
      <c r="DB41" s="104">
        <v>1545047</v>
      </c>
      <c r="DC41" s="104">
        <v>2088287</v>
      </c>
      <c r="DD41" s="104">
        <v>1529454</v>
      </c>
      <c r="DE41" s="104">
        <v>428789</v>
      </c>
      <c r="DF41" s="104">
        <v>232785</v>
      </c>
      <c r="DG41" s="103">
        <v>5824362</v>
      </c>
      <c r="DH41" s="106">
        <v>6278444</v>
      </c>
      <c r="DI41" s="100">
        <v>0</v>
      </c>
      <c r="DJ41" s="104">
        <v>137425</v>
      </c>
      <c r="DK41" s="102">
        <v>137425</v>
      </c>
      <c r="DL41" s="101">
        <v>0</v>
      </c>
      <c r="DM41" s="104">
        <v>1174597</v>
      </c>
      <c r="DN41" s="104">
        <v>1257762</v>
      </c>
      <c r="DO41" s="104">
        <v>4048358</v>
      </c>
      <c r="DP41" s="104">
        <v>2424586</v>
      </c>
      <c r="DQ41" s="104">
        <v>1403990</v>
      </c>
      <c r="DR41" s="103">
        <v>10309293</v>
      </c>
      <c r="DS41" s="106">
        <v>10446718</v>
      </c>
      <c r="DT41" s="100">
        <v>0</v>
      </c>
      <c r="DU41" s="104">
        <v>137425</v>
      </c>
      <c r="DV41" s="103">
        <v>137425</v>
      </c>
      <c r="DW41" s="100">
        <v>0</v>
      </c>
      <c r="DX41" s="104">
        <v>1129350</v>
      </c>
      <c r="DY41" s="104">
        <v>1233216</v>
      </c>
      <c r="DZ41" s="104">
        <v>4048358</v>
      </c>
      <c r="EA41" s="104">
        <v>2321151</v>
      </c>
      <c r="EB41" s="104">
        <v>1368115</v>
      </c>
      <c r="EC41" s="103">
        <v>10100190</v>
      </c>
      <c r="ED41" s="106">
        <v>10237615</v>
      </c>
      <c r="EE41" s="100">
        <v>0</v>
      </c>
      <c r="EF41" s="102">
        <v>0</v>
      </c>
      <c r="EG41" s="103">
        <v>0</v>
      </c>
      <c r="EH41" s="100">
        <v>0</v>
      </c>
      <c r="EI41" s="104">
        <v>45247</v>
      </c>
      <c r="EJ41" s="104">
        <v>24546</v>
      </c>
      <c r="EK41" s="104">
        <v>0</v>
      </c>
      <c r="EL41" s="104">
        <v>103435</v>
      </c>
      <c r="EM41" s="104">
        <v>35875</v>
      </c>
      <c r="EN41" s="102">
        <v>209103</v>
      </c>
      <c r="EO41" s="106">
        <v>209103</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205068</v>
      </c>
      <c r="FM41" s="104">
        <v>916157</v>
      </c>
      <c r="FN41" s="103">
        <v>1121225</v>
      </c>
      <c r="FO41" s="100">
        <v>0</v>
      </c>
      <c r="FP41" s="104">
        <v>2646248</v>
      </c>
      <c r="FQ41" s="104">
        <v>2674749</v>
      </c>
      <c r="FR41" s="104">
        <v>1999884</v>
      </c>
      <c r="FS41" s="104">
        <v>1943558</v>
      </c>
      <c r="FT41" s="104">
        <v>1151662</v>
      </c>
      <c r="FU41" s="103">
        <v>10416101</v>
      </c>
      <c r="FV41" s="106">
        <v>11537326</v>
      </c>
      <c r="FW41" s="105">
        <v>205068</v>
      </c>
      <c r="FX41" s="104">
        <v>797710</v>
      </c>
      <c r="FY41" s="102">
        <v>1002778</v>
      </c>
      <c r="FZ41" s="101">
        <v>0</v>
      </c>
      <c r="GA41" s="104">
        <v>1578740</v>
      </c>
      <c r="GB41" s="104">
        <v>2498007</v>
      </c>
      <c r="GC41" s="104">
        <v>1803684</v>
      </c>
      <c r="GD41" s="104">
        <v>1763558</v>
      </c>
      <c r="GE41" s="104">
        <v>1151662</v>
      </c>
      <c r="GF41" s="103">
        <v>8795651</v>
      </c>
      <c r="GG41" s="296">
        <v>9798429</v>
      </c>
      <c r="GH41" s="105">
        <v>0</v>
      </c>
      <c r="GI41" s="104">
        <v>16200</v>
      </c>
      <c r="GJ41" s="102">
        <v>16200</v>
      </c>
      <c r="GK41" s="101">
        <v>0</v>
      </c>
      <c r="GL41" s="104">
        <v>203508</v>
      </c>
      <c r="GM41" s="104">
        <v>60642</v>
      </c>
      <c r="GN41" s="104">
        <v>16200</v>
      </c>
      <c r="GO41" s="104">
        <v>0</v>
      </c>
      <c r="GP41" s="104">
        <v>0</v>
      </c>
      <c r="GQ41" s="103">
        <v>280350</v>
      </c>
      <c r="GR41" s="106">
        <v>296550</v>
      </c>
      <c r="GS41" s="100">
        <v>0</v>
      </c>
      <c r="GT41" s="104">
        <v>102247</v>
      </c>
      <c r="GU41" s="103">
        <v>102247</v>
      </c>
      <c r="GV41" s="100">
        <v>0</v>
      </c>
      <c r="GW41" s="104">
        <v>864000</v>
      </c>
      <c r="GX41" s="104">
        <v>116100</v>
      </c>
      <c r="GY41" s="104">
        <v>180000</v>
      </c>
      <c r="GZ41" s="104">
        <v>180000</v>
      </c>
      <c r="HA41" s="104">
        <v>0</v>
      </c>
      <c r="HB41" s="102">
        <v>1340100</v>
      </c>
      <c r="HC41" s="106">
        <v>1442347</v>
      </c>
      <c r="HD41" s="100">
        <v>178414</v>
      </c>
      <c r="HE41" s="104">
        <v>101592</v>
      </c>
      <c r="HF41" s="102">
        <v>280006</v>
      </c>
      <c r="HG41" s="101">
        <v>0</v>
      </c>
      <c r="HH41" s="104">
        <v>1990707</v>
      </c>
      <c r="HI41" s="104">
        <v>1834887</v>
      </c>
      <c r="HJ41" s="104">
        <v>2999314</v>
      </c>
      <c r="HK41" s="104">
        <v>2507591</v>
      </c>
      <c r="HL41" s="104">
        <v>827124</v>
      </c>
      <c r="HM41" s="103">
        <v>10159623</v>
      </c>
      <c r="HN41" s="99">
        <v>10439629</v>
      </c>
      <c r="HO41" s="105">
        <v>198607</v>
      </c>
      <c r="HP41" s="104">
        <v>655080</v>
      </c>
      <c r="HQ41" s="103">
        <v>853687</v>
      </c>
      <c r="HR41" s="100">
        <v>0</v>
      </c>
      <c r="HS41" s="104">
        <v>3785654</v>
      </c>
      <c r="HT41" s="104">
        <v>3251865</v>
      </c>
      <c r="HU41" s="104">
        <v>2282900</v>
      </c>
      <c r="HV41" s="104">
        <v>1616137</v>
      </c>
      <c r="HW41" s="104">
        <v>1179986</v>
      </c>
      <c r="HX41" s="102">
        <v>12116542</v>
      </c>
      <c r="HY41" s="106">
        <v>12970229</v>
      </c>
      <c r="HZ41" s="118">
        <v>0</v>
      </c>
      <c r="IA41" s="119">
        <v>435576</v>
      </c>
      <c r="IB41" s="120">
        <v>435576</v>
      </c>
      <c r="IC41" s="133">
        <v>0</v>
      </c>
      <c r="ID41" s="119">
        <v>5537163</v>
      </c>
      <c r="IE41" s="134">
        <v>10205290</v>
      </c>
      <c r="IF41" s="120">
        <v>8901217</v>
      </c>
      <c r="IG41" s="119">
        <v>5834807</v>
      </c>
      <c r="IH41" s="120">
        <v>4340438</v>
      </c>
      <c r="II41" s="135">
        <v>34818915</v>
      </c>
      <c r="IJ41" s="126">
        <v>35254491</v>
      </c>
      <c r="IK41" s="219">
        <v>0</v>
      </c>
      <c r="IL41" s="223">
        <v>0</v>
      </c>
      <c r="IM41" s="224">
        <v>0</v>
      </c>
      <c r="IN41" s="127"/>
      <c r="IO41" s="109">
        <v>0</v>
      </c>
      <c r="IP41" s="109">
        <v>108954</v>
      </c>
      <c r="IQ41" s="109">
        <v>0</v>
      </c>
      <c r="IR41" s="109">
        <v>0</v>
      </c>
      <c r="IS41" s="109">
        <v>0</v>
      </c>
      <c r="IT41" s="128">
        <v>108954</v>
      </c>
      <c r="IU41" s="298">
        <v>108954</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2929556</v>
      </c>
      <c r="JL41" s="109">
        <v>2753233</v>
      </c>
      <c r="JM41" s="109">
        <v>3730452</v>
      </c>
      <c r="JN41" s="109">
        <v>1940765</v>
      </c>
      <c r="JO41" s="109">
        <v>2842017</v>
      </c>
      <c r="JP41" s="110">
        <v>14196023</v>
      </c>
      <c r="JQ41" s="298">
        <v>14196023</v>
      </c>
      <c r="JR41" s="129">
        <v>0</v>
      </c>
      <c r="JS41" s="109">
        <v>0</v>
      </c>
      <c r="JT41" s="128">
        <v>0</v>
      </c>
      <c r="JU41" s="108">
        <v>0</v>
      </c>
      <c r="JV41" s="109">
        <v>0</v>
      </c>
      <c r="JW41" s="109">
        <v>0</v>
      </c>
      <c r="JX41" s="109">
        <v>0</v>
      </c>
      <c r="JY41" s="109">
        <v>0</v>
      </c>
      <c r="JZ41" s="109">
        <v>0</v>
      </c>
      <c r="KA41" s="110">
        <v>0</v>
      </c>
      <c r="KB41" s="298">
        <v>0</v>
      </c>
      <c r="KC41" s="221">
        <v>0</v>
      </c>
      <c r="KD41" s="217">
        <v>435576</v>
      </c>
      <c r="KE41" s="110">
        <v>435576</v>
      </c>
      <c r="KF41" s="108">
        <v>0</v>
      </c>
      <c r="KG41" s="109">
        <v>1316492</v>
      </c>
      <c r="KH41" s="109">
        <v>2983275</v>
      </c>
      <c r="KI41" s="109">
        <v>2614743</v>
      </c>
      <c r="KJ41" s="109">
        <v>843401</v>
      </c>
      <c r="KK41" s="109">
        <v>220482</v>
      </c>
      <c r="KL41" s="110">
        <v>7978393</v>
      </c>
      <c r="KM41" s="130">
        <v>8413969</v>
      </c>
      <c r="KN41" s="219">
        <v>0</v>
      </c>
      <c r="KO41" s="223">
        <v>0</v>
      </c>
      <c r="KP41" s="224">
        <v>0</v>
      </c>
      <c r="KQ41" s="127"/>
      <c r="KR41" s="109">
        <v>1291115</v>
      </c>
      <c r="KS41" s="109">
        <v>4359828</v>
      </c>
      <c r="KT41" s="109">
        <v>2556022</v>
      </c>
      <c r="KU41" s="109">
        <v>2729751</v>
      </c>
      <c r="KV41" s="109">
        <v>1277939</v>
      </c>
      <c r="KW41" s="110">
        <v>12214655</v>
      </c>
      <c r="KX41" s="298">
        <v>12214655</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320890</v>
      </c>
      <c r="MC41" s="109">
        <v>0</v>
      </c>
      <c r="MD41" s="110">
        <v>320890</v>
      </c>
      <c r="ME41" s="111">
        <v>320890</v>
      </c>
      <c r="MF41" s="129">
        <v>0</v>
      </c>
      <c r="MG41" s="109">
        <v>0</v>
      </c>
      <c r="MH41" s="110">
        <v>0</v>
      </c>
      <c r="MI41" s="132"/>
      <c r="MJ41" s="109">
        <v>4545888</v>
      </c>
      <c r="MK41" s="109">
        <v>5687100</v>
      </c>
      <c r="ML41" s="109">
        <v>28872806</v>
      </c>
      <c r="MM41" s="109">
        <v>42596675</v>
      </c>
      <c r="MN41" s="109">
        <v>28078107</v>
      </c>
      <c r="MO41" s="110">
        <v>109780576</v>
      </c>
      <c r="MP41" s="130">
        <v>109780576</v>
      </c>
      <c r="MQ41" s="129">
        <v>0</v>
      </c>
      <c r="MR41" s="109">
        <v>0</v>
      </c>
      <c r="MS41" s="110">
        <v>0</v>
      </c>
      <c r="MT41" s="132"/>
      <c r="MU41" s="109">
        <v>0</v>
      </c>
      <c r="MV41" s="109">
        <v>443981</v>
      </c>
      <c r="MW41" s="109">
        <v>17045252</v>
      </c>
      <c r="MX41" s="109">
        <v>23309584</v>
      </c>
      <c r="MY41" s="109">
        <v>20450874</v>
      </c>
      <c r="MZ41" s="110">
        <v>61249691</v>
      </c>
      <c r="NA41" s="130">
        <v>61249691</v>
      </c>
      <c r="NB41" s="129">
        <v>0</v>
      </c>
      <c r="NC41" s="109">
        <v>0</v>
      </c>
      <c r="ND41" s="110">
        <v>0</v>
      </c>
      <c r="NE41" s="132"/>
      <c r="NF41" s="109">
        <v>4545888</v>
      </c>
      <c r="NG41" s="109">
        <v>5243119</v>
      </c>
      <c r="NH41" s="109">
        <v>11827554</v>
      </c>
      <c r="NI41" s="109">
        <v>16481003</v>
      </c>
      <c r="NJ41" s="109">
        <v>6859407</v>
      </c>
      <c r="NK41" s="110">
        <v>44956971</v>
      </c>
      <c r="NL41" s="298">
        <v>44956971</v>
      </c>
      <c r="NM41" s="129">
        <v>0</v>
      </c>
      <c r="NN41" s="109">
        <v>0</v>
      </c>
      <c r="NO41" s="110">
        <v>0</v>
      </c>
      <c r="NP41" s="132"/>
      <c r="NQ41" s="109">
        <v>0</v>
      </c>
      <c r="NR41" s="109">
        <v>0</v>
      </c>
      <c r="NS41" s="109">
        <v>0</v>
      </c>
      <c r="NT41" s="109">
        <v>989217</v>
      </c>
      <c r="NU41" s="109">
        <v>338759</v>
      </c>
      <c r="NV41" s="110">
        <v>1327976</v>
      </c>
      <c r="NW41" s="111">
        <v>1327976</v>
      </c>
      <c r="NX41" s="129">
        <v>0</v>
      </c>
      <c r="NY41" s="109">
        <v>0</v>
      </c>
      <c r="NZ41" s="110">
        <v>0</v>
      </c>
      <c r="OA41" s="132"/>
      <c r="OB41" s="109">
        <v>0</v>
      </c>
      <c r="OC41" s="109">
        <v>0</v>
      </c>
      <c r="OD41" s="109">
        <v>0</v>
      </c>
      <c r="OE41" s="109">
        <v>1816871</v>
      </c>
      <c r="OF41" s="109">
        <v>429067</v>
      </c>
      <c r="OG41" s="110">
        <v>2245938</v>
      </c>
      <c r="OH41" s="111">
        <v>2245938</v>
      </c>
      <c r="OI41" s="129">
        <v>1115538</v>
      </c>
      <c r="OJ41" s="109">
        <v>3812308</v>
      </c>
      <c r="OK41" s="128">
        <v>4927846</v>
      </c>
      <c r="OL41" s="108">
        <v>0</v>
      </c>
      <c r="OM41" s="109">
        <v>32175016</v>
      </c>
      <c r="ON41" s="109">
        <v>44825292</v>
      </c>
      <c r="OO41" s="109">
        <v>63327264</v>
      </c>
      <c r="OP41" s="109">
        <v>68709117</v>
      </c>
      <c r="OQ41" s="109">
        <v>49861595</v>
      </c>
      <c r="OR41" s="110">
        <v>258898284</v>
      </c>
      <c r="OS41" s="130">
        <v>263826130</v>
      </c>
    </row>
    <row r="42" spans="2:409" ht="21" customHeight="1" thickBot="1" x14ac:dyDescent="0.25">
      <c r="B42" s="473" t="s">
        <v>37</v>
      </c>
      <c r="C42" s="107">
        <v>390185</v>
      </c>
      <c r="D42" s="165">
        <v>34538</v>
      </c>
      <c r="E42" s="166">
        <v>424723</v>
      </c>
      <c r="F42" s="167">
        <v>0</v>
      </c>
      <c r="G42" s="165">
        <v>1508940</v>
      </c>
      <c r="H42" s="165">
        <v>1838402</v>
      </c>
      <c r="I42" s="165">
        <v>1842527</v>
      </c>
      <c r="J42" s="165">
        <v>2354652</v>
      </c>
      <c r="K42" s="165">
        <v>847266</v>
      </c>
      <c r="L42" s="167">
        <v>8391787</v>
      </c>
      <c r="M42" s="168">
        <v>8816510</v>
      </c>
      <c r="N42" s="107">
        <v>93486</v>
      </c>
      <c r="O42" s="165">
        <v>8780</v>
      </c>
      <c r="P42" s="166">
        <v>102266</v>
      </c>
      <c r="Q42" s="107">
        <v>0</v>
      </c>
      <c r="R42" s="165">
        <v>242970</v>
      </c>
      <c r="S42" s="165">
        <v>341138</v>
      </c>
      <c r="T42" s="165">
        <v>306245</v>
      </c>
      <c r="U42" s="165">
        <v>639543</v>
      </c>
      <c r="V42" s="165">
        <v>463787</v>
      </c>
      <c r="W42" s="166">
        <v>1993683</v>
      </c>
      <c r="X42" s="168">
        <v>2095949</v>
      </c>
      <c r="Y42" s="107">
        <v>0</v>
      </c>
      <c r="Z42" s="165">
        <v>0</v>
      </c>
      <c r="AA42" s="166">
        <v>0</v>
      </c>
      <c r="AB42" s="107">
        <v>0</v>
      </c>
      <c r="AC42" s="165">
        <v>119705</v>
      </c>
      <c r="AD42" s="165">
        <v>142941</v>
      </c>
      <c r="AE42" s="165">
        <v>151931</v>
      </c>
      <c r="AF42" s="165">
        <v>231185</v>
      </c>
      <c r="AG42" s="165">
        <v>209395</v>
      </c>
      <c r="AH42" s="166">
        <v>855157</v>
      </c>
      <c r="AI42" s="168">
        <v>855157</v>
      </c>
      <c r="AJ42" s="107">
        <v>0</v>
      </c>
      <c r="AK42" s="165">
        <v>0</v>
      </c>
      <c r="AL42" s="166">
        <v>0</v>
      </c>
      <c r="AM42" s="107">
        <v>0</v>
      </c>
      <c r="AN42" s="165">
        <v>0</v>
      </c>
      <c r="AO42" s="165">
        <v>0</v>
      </c>
      <c r="AP42" s="165">
        <v>53296</v>
      </c>
      <c r="AQ42" s="165">
        <v>0</v>
      </c>
      <c r="AR42" s="165">
        <v>0</v>
      </c>
      <c r="AS42" s="166">
        <v>53296</v>
      </c>
      <c r="AT42" s="168">
        <v>53296</v>
      </c>
      <c r="AU42" s="107">
        <v>63282</v>
      </c>
      <c r="AV42" s="165">
        <v>8780</v>
      </c>
      <c r="AW42" s="166">
        <v>72062</v>
      </c>
      <c r="AX42" s="107">
        <v>0</v>
      </c>
      <c r="AY42" s="165">
        <v>99010</v>
      </c>
      <c r="AZ42" s="165">
        <v>170297</v>
      </c>
      <c r="BA42" s="165">
        <v>22457</v>
      </c>
      <c r="BB42" s="165">
        <v>183420</v>
      </c>
      <c r="BC42" s="165">
        <v>168784</v>
      </c>
      <c r="BD42" s="166">
        <v>643968</v>
      </c>
      <c r="BE42" s="168">
        <v>716030</v>
      </c>
      <c r="BF42" s="107">
        <v>0</v>
      </c>
      <c r="BG42" s="165">
        <v>0</v>
      </c>
      <c r="BH42" s="170">
        <v>0</v>
      </c>
      <c r="BI42" s="169">
        <v>0</v>
      </c>
      <c r="BJ42" s="165">
        <v>0</v>
      </c>
      <c r="BK42" s="165">
        <v>22536</v>
      </c>
      <c r="BL42" s="165">
        <v>0</v>
      </c>
      <c r="BM42" s="165">
        <v>71253</v>
      </c>
      <c r="BN42" s="165">
        <v>0</v>
      </c>
      <c r="BO42" s="166">
        <v>93789</v>
      </c>
      <c r="BP42" s="168">
        <v>93789</v>
      </c>
      <c r="BQ42" s="107">
        <v>30204</v>
      </c>
      <c r="BR42" s="165">
        <v>0</v>
      </c>
      <c r="BS42" s="166">
        <v>30204</v>
      </c>
      <c r="BT42" s="107">
        <v>0</v>
      </c>
      <c r="BU42" s="165">
        <v>24255</v>
      </c>
      <c r="BV42" s="165">
        <v>5364</v>
      </c>
      <c r="BW42" s="165">
        <v>78561</v>
      </c>
      <c r="BX42" s="165">
        <v>153685</v>
      </c>
      <c r="BY42" s="165">
        <v>85608</v>
      </c>
      <c r="BZ42" s="166">
        <v>347473</v>
      </c>
      <c r="CA42" s="168">
        <v>377677</v>
      </c>
      <c r="CB42" s="107">
        <v>69410</v>
      </c>
      <c r="CC42" s="165">
        <v>0</v>
      </c>
      <c r="CD42" s="166">
        <v>69410</v>
      </c>
      <c r="CE42" s="107">
        <v>0</v>
      </c>
      <c r="CF42" s="165">
        <v>787244</v>
      </c>
      <c r="CG42" s="165">
        <v>727538</v>
      </c>
      <c r="CH42" s="165">
        <v>887789</v>
      </c>
      <c r="CI42" s="165">
        <v>800183</v>
      </c>
      <c r="CJ42" s="165">
        <v>157236</v>
      </c>
      <c r="CK42" s="166">
        <v>3359990</v>
      </c>
      <c r="CL42" s="168">
        <v>3429400</v>
      </c>
      <c r="CM42" s="107">
        <v>0</v>
      </c>
      <c r="CN42" s="165">
        <v>0</v>
      </c>
      <c r="CO42" s="166">
        <v>0</v>
      </c>
      <c r="CP42" s="169">
        <v>0</v>
      </c>
      <c r="CQ42" s="165">
        <v>512027</v>
      </c>
      <c r="CR42" s="165">
        <v>414842</v>
      </c>
      <c r="CS42" s="165">
        <v>887789</v>
      </c>
      <c r="CT42" s="165">
        <v>425511</v>
      </c>
      <c r="CU42" s="165">
        <v>94204</v>
      </c>
      <c r="CV42" s="166">
        <v>2334373</v>
      </c>
      <c r="CW42" s="168">
        <v>2334373</v>
      </c>
      <c r="CX42" s="107">
        <v>69410</v>
      </c>
      <c r="CY42" s="165">
        <v>0</v>
      </c>
      <c r="CZ42" s="166">
        <v>69410</v>
      </c>
      <c r="DA42" s="107">
        <v>0</v>
      </c>
      <c r="DB42" s="165">
        <v>275217</v>
      </c>
      <c r="DC42" s="165">
        <v>312696</v>
      </c>
      <c r="DD42" s="165">
        <v>0</v>
      </c>
      <c r="DE42" s="165">
        <v>374672</v>
      </c>
      <c r="DF42" s="165">
        <v>63032</v>
      </c>
      <c r="DG42" s="166">
        <v>1025617</v>
      </c>
      <c r="DH42" s="168">
        <v>1095027</v>
      </c>
      <c r="DI42" s="107">
        <v>0</v>
      </c>
      <c r="DJ42" s="165">
        <v>0</v>
      </c>
      <c r="DK42" s="170">
        <v>0</v>
      </c>
      <c r="DL42" s="169">
        <v>0</v>
      </c>
      <c r="DM42" s="165">
        <v>0</v>
      </c>
      <c r="DN42" s="165">
        <v>64125</v>
      </c>
      <c r="DO42" s="165">
        <v>187168</v>
      </c>
      <c r="DP42" s="165">
        <v>115866</v>
      </c>
      <c r="DQ42" s="165">
        <v>56898</v>
      </c>
      <c r="DR42" s="166">
        <v>424057</v>
      </c>
      <c r="DS42" s="168">
        <v>424057</v>
      </c>
      <c r="DT42" s="107">
        <v>0</v>
      </c>
      <c r="DU42" s="165">
        <v>0</v>
      </c>
      <c r="DV42" s="166">
        <v>0</v>
      </c>
      <c r="DW42" s="107">
        <v>0</v>
      </c>
      <c r="DX42" s="165">
        <v>0</v>
      </c>
      <c r="DY42" s="165">
        <v>64125</v>
      </c>
      <c r="DZ42" s="165">
        <v>187168</v>
      </c>
      <c r="EA42" s="165">
        <v>35103</v>
      </c>
      <c r="EB42" s="165">
        <v>0</v>
      </c>
      <c r="EC42" s="166">
        <v>286396</v>
      </c>
      <c r="ED42" s="168">
        <v>286396</v>
      </c>
      <c r="EE42" s="107">
        <v>0</v>
      </c>
      <c r="EF42" s="170">
        <v>0</v>
      </c>
      <c r="EG42" s="166">
        <v>0</v>
      </c>
      <c r="EH42" s="107">
        <v>0</v>
      </c>
      <c r="EI42" s="165">
        <v>0</v>
      </c>
      <c r="EJ42" s="165">
        <v>0</v>
      </c>
      <c r="EK42" s="165">
        <v>0</v>
      </c>
      <c r="EL42" s="165">
        <v>80763</v>
      </c>
      <c r="EM42" s="165">
        <v>56898</v>
      </c>
      <c r="EN42" s="170">
        <v>137661</v>
      </c>
      <c r="EO42" s="168">
        <v>137661</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118962</v>
      </c>
      <c r="FM42" s="165">
        <v>16632</v>
      </c>
      <c r="FN42" s="166">
        <v>135594</v>
      </c>
      <c r="FO42" s="107">
        <v>0</v>
      </c>
      <c r="FP42" s="165">
        <v>144156</v>
      </c>
      <c r="FQ42" s="165">
        <v>371025</v>
      </c>
      <c r="FR42" s="165">
        <v>178200</v>
      </c>
      <c r="FS42" s="165">
        <v>215658</v>
      </c>
      <c r="FT42" s="165">
        <v>82760</v>
      </c>
      <c r="FU42" s="166">
        <v>991799</v>
      </c>
      <c r="FV42" s="168">
        <v>1127393</v>
      </c>
      <c r="FW42" s="171">
        <v>118962</v>
      </c>
      <c r="FX42" s="165">
        <v>16632</v>
      </c>
      <c r="FY42" s="170">
        <v>135594</v>
      </c>
      <c r="FZ42" s="169">
        <v>0</v>
      </c>
      <c r="GA42" s="165">
        <v>128856</v>
      </c>
      <c r="GB42" s="165">
        <v>371025</v>
      </c>
      <c r="GC42" s="165">
        <v>178200</v>
      </c>
      <c r="GD42" s="165">
        <v>215658</v>
      </c>
      <c r="GE42" s="165">
        <v>82760</v>
      </c>
      <c r="GF42" s="166">
        <v>976499</v>
      </c>
      <c r="GG42" s="297">
        <v>1112093</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15300</v>
      </c>
      <c r="GX42" s="165">
        <v>0</v>
      </c>
      <c r="GY42" s="165">
        <v>0</v>
      </c>
      <c r="GZ42" s="165">
        <v>0</v>
      </c>
      <c r="HA42" s="165">
        <v>0</v>
      </c>
      <c r="HB42" s="170">
        <v>15300</v>
      </c>
      <c r="HC42" s="168">
        <v>15300</v>
      </c>
      <c r="HD42" s="107">
        <v>0</v>
      </c>
      <c r="HE42" s="165">
        <v>0</v>
      </c>
      <c r="HF42" s="170">
        <v>0</v>
      </c>
      <c r="HG42" s="169">
        <v>0</v>
      </c>
      <c r="HH42" s="165">
        <v>0</v>
      </c>
      <c r="HI42" s="165">
        <v>0</v>
      </c>
      <c r="HJ42" s="165">
        <v>0</v>
      </c>
      <c r="HK42" s="165">
        <v>394986</v>
      </c>
      <c r="HL42" s="165">
        <v>0</v>
      </c>
      <c r="HM42" s="166">
        <v>394986</v>
      </c>
      <c r="HN42" s="167">
        <v>394986</v>
      </c>
      <c r="HO42" s="171">
        <v>108327</v>
      </c>
      <c r="HP42" s="165">
        <v>9126</v>
      </c>
      <c r="HQ42" s="166">
        <v>117453</v>
      </c>
      <c r="HR42" s="107">
        <v>0</v>
      </c>
      <c r="HS42" s="165">
        <v>334570</v>
      </c>
      <c r="HT42" s="165">
        <v>334576</v>
      </c>
      <c r="HU42" s="165">
        <v>283125</v>
      </c>
      <c r="HV42" s="165">
        <v>188416</v>
      </c>
      <c r="HW42" s="165">
        <v>86585</v>
      </c>
      <c r="HX42" s="170">
        <v>1227272</v>
      </c>
      <c r="HY42" s="168">
        <v>1344725</v>
      </c>
      <c r="HZ42" s="138">
        <v>0</v>
      </c>
      <c r="IA42" s="139">
        <v>0</v>
      </c>
      <c r="IB42" s="140">
        <v>0</v>
      </c>
      <c r="IC42" s="141">
        <v>0</v>
      </c>
      <c r="ID42" s="142">
        <v>1061606</v>
      </c>
      <c r="IE42" s="143">
        <v>615449</v>
      </c>
      <c r="IF42" s="144">
        <v>1750098</v>
      </c>
      <c r="IG42" s="142">
        <v>1440607</v>
      </c>
      <c r="IH42" s="144">
        <v>861688</v>
      </c>
      <c r="II42" s="145">
        <v>5729448</v>
      </c>
      <c r="IJ42" s="146">
        <v>5729448</v>
      </c>
      <c r="IK42" s="220">
        <v>0</v>
      </c>
      <c r="IL42" s="225">
        <v>0</v>
      </c>
      <c r="IM42" s="226">
        <v>0</v>
      </c>
      <c r="IN42" s="147"/>
      <c r="IO42" s="148">
        <v>0</v>
      </c>
      <c r="IP42" s="148">
        <v>0</v>
      </c>
      <c r="IQ42" s="148">
        <v>0</v>
      </c>
      <c r="IR42" s="148">
        <v>223127</v>
      </c>
      <c r="IS42" s="148">
        <v>0</v>
      </c>
      <c r="IT42" s="149">
        <v>223127</v>
      </c>
      <c r="IU42" s="299">
        <v>223127</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769515</v>
      </c>
      <c r="JL42" s="148">
        <v>615449</v>
      </c>
      <c r="JM42" s="148">
        <v>938843</v>
      </c>
      <c r="JN42" s="148">
        <v>234023</v>
      </c>
      <c r="JO42" s="148">
        <v>322874</v>
      </c>
      <c r="JP42" s="152">
        <v>2880704</v>
      </c>
      <c r="JQ42" s="299">
        <v>2880704</v>
      </c>
      <c r="JR42" s="150">
        <v>0</v>
      </c>
      <c r="JS42" s="148">
        <v>0</v>
      </c>
      <c r="JT42" s="149">
        <v>0</v>
      </c>
      <c r="JU42" s="151">
        <v>0</v>
      </c>
      <c r="JV42" s="148">
        <v>37577</v>
      </c>
      <c r="JW42" s="148">
        <v>0</v>
      </c>
      <c r="JX42" s="148">
        <v>0</v>
      </c>
      <c r="JY42" s="148">
        <v>147708</v>
      </c>
      <c r="JZ42" s="148">
        <v>254777</v>
      </c>
      <c r="KA42" s="152">
        <v>440062</v>
      </c>
      <c r="KB42" s="299">
        <v>440062</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254514</v>
      </c>
      <c r="KS42" s="148">
        <v>0</v>
      </c>
      <c r="KT42" s="148">
        <v>811255</v>
      </c>
      <c r="KU42" s="148">
        <v>835749</v>
      </c>
      <c r="KV42" s="148">
        <v>284037</v>
      </c>
      <c r="KW42" s="152">
        <v>2185555</v>
      </c>
      <c r="KX42" s="299">
        <v>2185555</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496041</v>
      </c>
      <c r="MK42" s="148">
        <v>542547</v>
      </c>
      <c r="ML42" s="148">
        <v>4627507</v>
      </c>
      <c r="MM42" s="148">
        <v>2528078</v>
      </c>
      <c r="MN42" s="148">
        <v>2254657</v>
      </c>
      <c r="MO42" s="152">
        <v>10448830</v>
      </c>
      <c r="MP42" s="154">
        <v>10448830</v>
      </c>
      <c r="MQ42" s="150">
        <v>0</v>
      </c>
      <c r="MR42" s="148">
        <v>0</v>
      </c>
      <c r="MS42" s="152">
        <v>0</v>
      </c>
      <c r="MT42" s="156"/>
      <c r="MU42" s="148">
        <v>0</v>
      </c>
      <c r="MV42" s="148">
        <v>0</v>
      </c>
      <c r="MW42" s="148">
        <v>2014911</v>
      </c>
      <c r="MX42" s="148">
        <v>2182997</v>
      </c>
      <c r="MY42" s="148">
        <v>1391345</v>
      </c>
      <c r="MZ42" s="152">
        <v>5589253</v>
      </c>
      <c r="NA42" s="154">
        <v>5589253</v>
      </c>
      <c r="NB42" s="150">
        <v>0</v>
      </c>
      <c r="NC42" s="148">
        <v>0</v>
      </c>
      <c r="ND42" s="152">
        <v>0</v>
      </c>
      <c r="NE42" s="156"/>
      <c r="NF42" s="148">
        <v>496041</v>
      </c>
      <c r="NG42" s="148">
        <v>542547</v>
      </c>
      <c r="NH42" s="148">
        <v>2612596</v>
      </c>
      <c r="NI42" s="148">
        <v>345081</v>
      </c>
      <c r="NJ42" s="148">
        <v>863312</v>
      </c>
      <c r="NK42" s="152">
        <v>4859577</v>
      </c>
      <c r="NL42" s="299">
        <v>4859577</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390185</v>
      </c>
      <c r="OJ42" s="148">
        <v>34538</v>
      </c>
      <c r="OK42" s="149">
        <v>424723</v>
      </c>
      <c r="OL42" s="151">
        <v>0</v>
      </c>
      <c r="OM42" s="148">
        <v>3066587</v>
      </c>
      <c r="ON42" s="148">
        <v>2996398</v>
      </c>
      <c r="OO42" s="148">
        <v>8220132</v>
      </c>
      <c r="OP42" s="148">
        <v>6323337</v>
      </c>
      <c r="OQ42" s="148">
        <v>3963611</v>
      </c>
      <c r="OR42" s="152">
        <v>24570065</v>
      </c>
      <c r="OS42" s="154">
        <v>24994788</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218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10"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1:409" ht="24" customHeight="1" x14ac:dyDescent="0.2">
      <c r="B1" s="15" t="s">
        <v>135</v>
      </c>
      <c r="E1" s="468">
        <f>第１表!F2</f>
        <v>5</v>
      </c>
      <c r="F1" s="477">
        <f>第１表!G2</f>
        <v>11</v>
      </c>
      <c r="G1" s="655">
        <f>IF(F1&lt;3,F1-2+12,F1-2)</f>
        <v>9</v>
      </c>
      <c r="H1" s="655"/>
      <c r="IB1" s="341"/>
      <c r="IC1" s="239"/>
      <c r="ID1" s="625"/>
      <c r="IE1" s="625"/>
    </row>
    <row r="2" spans="1:409" ht="24" customHeight="1" x14ac:dyDescent="0.2">
      <c r="B2" s="15" t="s">
        <v>146</v>
      </c>
      <c r="E2" s="236"/>
      <c r="F2" s="237"/>
      <c r="G2" s="319"/>
      <c r="H2" s="319"/>
      <c r="IB2" s="238"/>
      <c r="IC2" s="239"/>
      <c r="ID2" s="344"/>
      <c r="IE2" s="344"/>
    </row>
    <row r="3" spans="1:409" ht="24" customHeight="1" thickBot="1" x14ac:dyDescent="0.25">
      <c r="B3" s="15" t="s">
        <v>136</v>
      </c>
    </row>
    <row r="4" spans="1:409" ht="21" customHeight="1" thickBot="1" x14ac:dyDescent="0.25">
      <c r="B4" s="685" t="s">
        <v>42</v>
      </c>
      <c r="C4" s="688" t="s">
        <v>63</v>
      </c>
      <c r="D4" s="688"/>
      <c r="E4" s="688"/>
      <c r="F4" s="688"/>
      <c r="G4" s="688"/>
      <c r="H4" s="688"/>
      <c r="I4" s="688"/>
      <c r="J4" s="688"/>
      <c r="K4" s="688"/>
      <c r="L4" s="688"/>
      <c r="M4" s="688"/>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c r="AW4" s="691"/>
      <c r="AX4" s="691"/>
      <c r="AY4" s="691"/>
      <c r="AZ4" s="691"/>
      <c r="BA4" s="691"/>
      <c r="BB4" s="691"/>
      <c r="BC4" s="691"/>
      <c r="BD4" s="691"/>
      <c r="BE4" s="691"/>
      <c r="BF4" s="691"/>
      <c r="BG4" s="691"/>
      <c r="BH4" s="691"/>
      <c r="BI4" s="691"/>
      <c r="BJ4" s="691"/>
      <c r="BK4" s="691"/>
      <c r="BL4" s="691"/>
      <c r="BM4" s="691"/>
      <c r="BN4" s="691"/>
      <c r="BO4" s="691"/>
      <c r="BP4" s="691"/>
      <c r="BQ4" s="691"/>
      <c r="BR4" s="691"/>
      <c r="BS4" s="691"/>
      <c r="BT4" s="691"/>
      <c r="BU4" s="691"/>
      <c r="BV4" s="691"/>
      <c r="BW4" s="691"/>
      <c r="BX4" s="691"/>
      <c r="BY4" s="691"/>
      <c r="BZ4" s="691"/>
      <c r="CA4" s="691"/>
      <c r="CB4" s="691"/>
      <c r="CC4" s="691"/>
      <c r="CD4" s="691"/>
      <c r="CE4" s="691"/>
      <c r="CF4" s="691"/>
      <c r="CG4" s="691"/>
      <c r="CH4" s="691"/>
      <c r="CI4" s="691"/>
      <c r="CJ4" s="691"/>
      <c r="CK4" s="691"/>
      <c r="CL4" s="691"/>
      <c r="CM4" s="691"/>
      <c r="CN4" s="691"/>
      <c r="CO4" s="691"/>
      <c r="CP4" s="691"/>
      <c r="CQ4" s="691"/>
      <c r="CR4" s="691"/>
      <c r="CS4" s="691"/>
      <c r="CT4" s="691"/>
      <c r="CU4" s="691"/>
      <c r="CV4" s="691"/>
      <c r="CW4" s="691"/>
      <c r="CX4" s="691"/>
      <c r="CY4" s="691"/>
      <c r="CZ4" s="691"/>
      <c r="DA4" s="691"/>
      <c r="DB4" s="691"/>
      <c r="DC4" s="691"/>
      <c r="DD4" s="691"/>
      <c r="DE4" s="691"/>
      <c r="DF4" s="691"/>
      <c r="DG4" s="691"/>
      <c r="DH4" s="691"/>
      <c r="DI4" s="691"/>
      <c r="DJ4" s="691"/>
      <c r="DK4" s="691"/>
      <c r="DL4" s="691"/>
      <c r="DM4" s="691"/>
      <c r="DN4" s="691"/>
      <c r="DO4" s="691"/>
      <c r="DP4" s="691"/>
      <c r="DQ4" s="691"/>
      <c r="DR4" s="691"/>
      <c r="DS4" s="691"/>
      <c r="DT4" s="691"/>
      <c r="DU4" s="691"/>
      <c r="DV4" s="691"/>
      <c r="DW4" s="691"/>
      <c r="DX4" s="691"/>
      <c r="DY4" s="691"/>
      <c r="DZ4" s="691"/>
      <c r="EA4" s="691"/>
      <c r="EB4" s="691"/>
      <c r="EC4" s="691"/>
      <c r="ED4" s="691"/>
      <c r="EE4" s="691"/>
      <c r="EF4" s="691"/>
      <c r="EG4" s="691"/>
      <c r="EH4" s="691"/>
      <c r="EI4" s="691"/>
      <c r="EJ4" s="691"/>
      <c r="EK4" s="691"/>
      <c r="EL4" s="691"/>
      <c r="EM4" s="691"/>
      <c r="EN4" s="691"/>
      <c r="EO4" s="691"/>
      <c r="EP4" s="691"/>
      <c r="EQ4" s="691"/>
      <c r="ER4" s="691"/>
      <c r="ES4" s="691"/>
      <c r="ET4" s="691"/>
      <c r="EU4" s="691"/>
      <c r="EV4" s="691"/>
      <c r="EW4" s="691"/>
      <c r="EX4" s="691"/>
      <c r="EY4" s="691"/>
      <c r="EZ4" s="691"/>
      <c r="FA4" s="691"/>
      <c r="FB4" s="691"/>
      <c r="FC4" s="691"/>
      <c r="FD4" s="691"/>
      <c r="FE4" s="691"/>
      <c r="FF4" s="691"/>
      <c r="FG4" s="691"/>
      <c r="FH4" s="691"/>
      <c r="FI4" s="691"/>
      <c r="FJ4" s="691"/>
      <c r="FK4" s="691"/>
      <c r="FL4" s="691"/>
      <c r="FM4" s="691"/>
      <c r="FN4" s="691"/>
      <c r="FO4" s="691"/>
      <c r="FP4" s="691"/>
      <c r="FQ4" s="691"/>
      <c r="FR4" s="691"/>
      <c r="FS4" s="691"/>
      <c r="FT4" s="691"/>
      <c r="FU4" s="691"/>
      <c r="FV4" s="691"/>
      <c r="FW4" s="691"/>
      <c r="FX4" s="691"/>
      <c r="FY4" s="691"/>
      <c r="FZ4" s="691"/>
      <c r="GA4" s="691"/>
      <c r="GB4" s="691"/>
      <c r="GC4" s="691"/>
      <c r="GD4" s="691"/>
      <c r="GE4" s="691"/>
      <c r="GF4" s="691"/>
      <c r="GG4" s="691"/>
      <c r="GH4" s="691"/>
      <c r="GI4" s="691"/>
      <c r="GJ4" s="691"/>
      <c r="GK4" s="691"/>
      <c r="GL4" s="691"/>
      <c r="GM4" s="691"/>
      <c r="GN4" s="691"/>
      <c r="GO4" s="691"/>
      <c r="GP4" s="691"/>
      <c r="GQ4" s="691"/>
      <c r="GR4" s="691"/>
      <c r="GS4" s="691"/>
      <c r="GT4" s="691"/>
      <c r="GU4" s="691"/>
      <c r="GV4" s="691"/>
      <c r="GW4" s="691"/>
      <c r="GX4" s="691"/>
      <c r="GY4" s="691"/>
      <c r="GZ4" s="691"/>
      <c r="HA4" s="691"/>
      <c r="HB4" s="691"/>
      <c r="HC4" s="691"/>
      <c r="HD4" s="691"/>
      <c r="HE4" s="691"/>
      <c r="HF4" s="691"/>
      <c r="HG4" s="691"/>
      <c r="HH4" s="691"/>
      <c r="HI4" s="691"/>
      <c r="HJ4" s="691"/>
      <c r="HK4" s="691"/>
      <c r="HL4" s="691"/>
      <c r="HM4" s="691"/>
      <c r="HN4" s="691"/>
      <c r="HO4" s="691"/>
      <c r="HP4" s="691"/>
      <c r="HQ4" s="691"/>
      <c r="HR4" s="691"/>
      <c r="HS4" s="691"/>
      <c r="HT4" s="691"/>
      <c r="HU4" s="691"/>
      <c r="HV4" s="691"/>
      <c r="HW4" s="691"/>
      <c r="HX4" s="691"/>
      <c r="HY4" s="692"/>
      <c r="HZ4" s="586" t="s">
        <v>85</v>
      </c>
      <c r="IA4" s="587"/>
      <c r="IB4" s="587"/>
      <c r="IC4" s="587"/>
      <c r="ID4" s="587"/>
      <c r="IE4" s="587"/>
      <c r="IF4" s="587"/>
      <c r="IG4" s="587"/>
      <c r="IH4" s="587"/>
      <c r="II4" s="587"/>
      <c r="IJ4" s="587"/>
      <c r="IK4" s="587"/>
      <c r="IL4" s="587"/>
      <c r="IM4" s="587"/>
      <c r="IN4" s="587"/>
      <c r="IO4" s="587"/>
      <c r="IP4" s="587"/>
      <c r="IQ4" s="587"/>
      <c r="IR4" s="587"/>
      <c r="IS4" s="587"/>
      <c r="IT4" s="587"/>
      <c r="IU4" s="587"/>
      <c r="IV4" s="587"/>
      <c r="IW4" s="587"/>
      <c r="IX4" s="587"/>
      <c r="IY4" s="587"/>
      <c r="IZ4" s="587"/>
      <c r="JA4" s="587"/>
      <c r="JB4" s="587"/>
      <c r="JC4" s="587"/>
      <c r="JD4" s="587"/>
      <c r="JE4" s="587"/>
      <c r="JF4" s="587"/>
      <c r="JG4" s="587"/>
      <c r="JH4" s="587"/>
      <c r="JI4" s="587"/>
      <c r="JJ4" s="587"/>
      <c r="JK4" s="587"/>
      <c r="JL4" s="587"/>
      <c r="JM4" s="587"/>
      <c r="JN4" s="587"/>
      <c r="JO4" s="587"/>
      <c r="JP4" s="587"/>
      <c r="JQ4" s="587"/>
      <c r="JR4" s="587"/>
      <c r="JS4" s="587"/>
      <c r="JT4" s="587"/>
      <c r="JU4" s="587"/>
      <c r="JV4" s="587"/>
      <c r="JW4" s="587"/>
      <c r="JX4" s="587"/>
      <c r="JY4" s="587"/>
      <c r="JZ4" s="587"/>
      <c r="KA4" s="587"/>
      <c r="KB4" s="587"/>
      <c r="KC4" s="587"/>
      <c r="KD4" s="587"/>
      <c r="KE4" s="587"/>
      <c r="KF4" s="587"/>
      <c r="KG4" s="587"/>
      <c r="KH4" s="587"/>
      <c r="KI4" s="587"/>
      <c r="KJ4" s="587"/>
      <c r="KK4" s="587"/>
      <c r="KL4" s="587"/>
      <c r="KM4" s="587"/>
      <c r="KN4" s="587"/>
      <c r="KO4" s="587"/>
      <c r="KP4" s="587"/>
      <c r="KQ4" s="587"/>
      <c r="KR4" s="587"/>
      <c r="KS4" s="587"/>
      <c r="KT4" s="587"/>
      <c r="KU4" s="587"/>
      <c r="KV4" s="587"/>
      <c r="KW4" s="587"/>
      <c r="KX4" s="587"/>
      <c r="KY4" s="587"/>
      <c r="KZ4" s="587"/>
      <c r="LA4" s="587"/>
      <c r="LB4" s="587"/>
      <c r="LC4" s="587"/>
      <c r="LD4" s="587"/>
      <c r="LE4" s="587"/>
      <c r="LF4" s="587"/>
      <c r="LG4" s="587"/>
      <c r="LH4" s="587"/>
      <c r="LI4" s="587"/>
      <c r="LJ4" s="587"/>
      <c r="LK4" s="587"/>
      <c r="LL4" s="587"/>
      <c r="LM4" s="587"/>
      <c r="LN4" s="587"/>
      <c r="LO4" s="587"/>
      <c r="LP4" s="587"/>
      <c r="LQ4" s="587"/>
      <c r="LR4" s="587"/>
      <c r="LS4" s="587"/>
      <c r="LT4" s="587"/>
      <c r="LU4" s="587"/>
      <c r="LV4" s="587"/>
      <c r="LW4" s="587"/>
      <c r="LX4" s="587"/>
      <c r="LY4" s="587"/>
      <c r="LZ4" s="587"/>
      <c r="MA4" s="587"/>
      <c r="MB4" s="587"/>
      <c r="MC4" s="587"/>
      <c r="MD4" s="587"/>
      <c r="ME4" s="588"/>
      <c r="MF4" s="586" t="s">
        <v>86</v>
      </c>
      <c r="MG4" s="587"/>
      <c r="MH4" s="587"/>
      <c r="MI4" s="587"/>
      <c r="MJ4" s="587"/>
      <c r="MK4" s="587"/>
      <c r="ML4" s="587"/>
      <c r="MM4" s="587"/>
      <c r="MN4" s="587"/>
      <c r="MO4" s="587"/>
      <c r="MP4" s="587"/>
      <c r="MQ4" s="587"/>
      <c r="MR4" s="587"/>
      <c r="MS4" s="587"/>
      <c r="MT4" s="587"/>
      <c r="MU4" s="587"/>
      <c r="MV4" s="587"/>
      <c r="MW4" s="587"/>
      <c r="MX4" s="587"/>
      <c r="MY4" s="587"/>
      <c r="MZ4" s="587"/>
      <c r="NA4" s="587"/>
      <c r="NB4" s="587"/>
      <c r="NC4" s="587"/>
      <c r="ND4" s="587"/>
      <c r="NE4" s="587"/>
      <c r="NF4" s="587"/>
      <c r="NG4" s="587"/>
      <c r="NH4" s="587"/>
      <c r="NI4" s="587"/>
      <c r="NJ4" s="587"/>
      <c r="NK4" s="587"/>
      <c r="NL4" s="587"/>
      <c r="NM4" s="587"/>
      <c r="NN4" s="587"/>
      <c r="NO4" s="587"/>
      <c r="NP4" s="587"/>
      <c r="NQ4" s="587"/>
      <c r="NR4" s="587"/>
      <c r="NS4" s="587"/>
      <c r="NT4" s="587"/>
      <c r="NU4" s="587"/>
      <c r="NV4" s="587"/>
      <c r="NW4" s="587"/>
      <c r="NX4" s="587"/>
      <c r="NY4" s="587"/>
      <c r="NZ4" s="587"/>
      <c r="OA4" s="587"/>
      <c r="OB4" s="587"/>
      <c r="OC4" s="587"/>
      <c r="OD4" s="587"/>
      <c r="OE4" s="587"/>
      <c r="OF4" s="587"/>
      <c r="OG4" s="587"/>
      <c r="OH4" s="588"/>
      <c r="OI4" s="575" t="s">
        <v>60</v>
      </c>
      <c r="OJ4" s="480"/>
      <c r="OK4" s="480"/>
      <c r="OL4" s="480"/>
      <c r="OM4" s="480"/>
      <c r="ON4" s="480"/>
      <c r="OO4" s="480"/>
      <c r="OP4" s="480"/>
      <c r="OQ4" s="480"/>
      <c r="OR4" s="480"/>
      <c r="OS4" s="481"/>
    </row>
    <row r="5" spans="1:409" ht="21" customHeight="1" thickBot="1" x14ac:dyDescent="0.25">
      <c r="B5" s="686"/>
      <c r="C5" s="689"/>
      <c r="D5" s="689"/>
      <c r="E5" s="689"/>
      <c r="F5" s="689"/>
      <c r="G5" s="689"/>
      <c r="H5" s="689"/>
      <c r="I5" s="689"/>
      <c r="J5" s="689"/>
      <c r="K5" s="689"/>
      <c r="L5" s="689"/>
      <c r="M5" s="689"/>
      <c r="N5" s="693" t="s">
        <v>64</v>
      </c>
      <c r="O5" s="694"/>
      <c r="P5" s="694"/>
      <c r="Q5" s="694"/>
      <c r="R5" s="694"/>
      <c r="S5" s="694"/>
      <c r="T5" s="694"/>
      <c r="U5" s="694"/>
      <c r="V5" s="694"/>
      <c r="W5" s="694"/>
      <c r="X5" s="694"/>
      <c r="Y5" s="694"/>
      <c r="Z5" s="694"/>
      <c r="AA5" s="694"/>
      <c r="AB5" s="694"/>
      <c r="AC5" s="694"/>
      <c r="AD5" s="694"/>
      <c r="AE5" s="694"/>
      <c r="AF5" s="694"/>
      <c r="AG5" s="694"/>
      <c r="AH5" s="694"/>
      <c r="AI5" s="694"/>
      <c r="AJ5" s="694"/>
      <c r="AK5" s="694"/>
      <c r="AL5" s="694"/>
      <c r="AM5" s="694"/>
      <c r="AN5" s="694"/>
      <c r="AO5" s="694"/>
      <c r="AP5" s="694"/>
      <c r="AQ5" s="694"/>
      <c r="AR5" s="694"/>
      <c r="AS5" s="694"/>
      <c r="AT5" s="694"/>
      <c r="AU5" s="694"/>
      <c r="AV5" s="694"/>
      <c r="AW5" s="694"/>
      <c r="AX5" s="694"/>
      <c r="AY5" s="694"/>
      <c r="AZ5" s="694"/>
      <c r="BA5" s="694"/>
      <c r="BB5" s="694"/>
      <c r="BC5" s="694"/>
      <c r="BD5" s="694"/>
      <c r="BE5" s="694"/>
      <c r="BF5" s="694"/>
      <c r="BG5" s="694"/>
      <c r="BH5" s="694"/>
      <c r="BI5" s="694"/>
      <c r="BJ5" s="694"/>
      <c r="BK5" s="694"/>
      <c r="BL5" s="694"/>
      <c r="BM5" s="694"/>
      <c r="BN5" s="694"/>
      <c r="BO5" s="694"/>
      <c r="BP5" s="694"/>
      <c r="BQ5" s="694"/>
      <c r="BR5" s="694"/>
      <c r="BS5" s="694"/>
      <c r="BT5" s="694"/>
      <c r="BU5" s="694"/>
      <c r="BV5" s="694"/>
      <c r="BW5" s="694"/>
      <c r="BX5" s="694"/>
      <c r="BY5" s="694"/>
      <c r="BZ5" s="694"/>
      <c r="CA5" s="695"/>
      <c r="CB5" s="693" t="s">
        <v>65</v>
      </c>
      <c r="CC5" s="694"/>
      <c r="CD5" s="694"/>
      <c r="CE5" s="694"/>
      <c r="CF5" s="694"/>
      <c r="CG5" s="694"/>
      <c r="CH5" s="694"/>
      <c r="CI5" s="694"/>
      <c r="CJ5" s="694"/>
      <c r="CK5" s="694"/>
      <c r="CL5" s="694"/>
      <c r="CM5" s="694"/>
      <c r="CN5" s="694"/>
      <c r="CO5" s="694"/>
      <c r="CP5" s="694"/>
      <c r="CQ5" s="694"/>
      <c r="CR5" s="694"/>
      <c r="CS5" s="694"/>
      <c r="CT5" s="694"/>
      <c r="CU5" s="694"/>
      <c r="CV5" s="694"/>
      <c r="CW5" s="694"/>
      <c r="CX5" s="694"/>
      <c r="CY5" s="694"/>
      <c r="CZ5" s="694"/>
      <c r="DA5" s="694"/>
      <c r="DB5" s="694"/>
      <c r="DC5" s="694"/>
      <c r="DD5" s="694"/>
      <c r="DE5" s="694"/>
      <c r="DF5" s="694"/>
      <c r="DG5" s="694"/>
      <c r="DH5" s="695"/>
      <c r="DI5" s="497" t="s">
        <v>66</v>
      </c>
      <c r="DJ5" s="498"/>
      <c r="DK5" s="498"/>
      <c r="DL5" s="498"/>
      <c r="DM5" s="498"/>
      <c r="DN5" s="498"/>
      <c r="DO5" s="498"/>
      <c r="DP5" s="498"/>
      <c r="DQ5" s="498"/>
      <c r="DR5" s="498"/>
      <c r="DS5" s="498"/>
      <c r="DT5" s="498"/>
      <c r="DU5" s="498"/>
      <c r="DV5" s="498"/>
      <c r="DW5" s="498"/>
      <c r="DX5" s="498"/>
      <c r="DY5" s="498"/>
      <c r="DZ5" s="498"/>
      <c r="EA5" s="498"/>
      <c r="EB5" s="498"/>
      <c r="EC5" s="498"/>
      <c r="ED5" s="498"/>
      <c r="EE5" s="498"/>
      <c r="EF5" s="498"/>
      <c r="EG5" s="498"/>
      <c r="EH5" s="498"/>
      <c r="EI5" s="498"/>
      <c r="EJ5" s="498"/>
      <c r="EK5" s="498"/>
      <c r="EL5" s="498"/>
      <c r="EM5" s="498"/>
      <c r="EN5" s="498"/>
      <c r="EO5" s="498"/>
      <c r="EP5" s="498"/>
      <c r="EQ5" s="498"/>
      <c r="ER5" s="498"/>
      <c r="ES5" s="498"/>
      <c r="ET5" s="498"/>
      <c r="EU5" s="498"/>
      <c r="EV5" s="498"/>
      <c r="EW5" s="498"/>
      <c r="EX5" s="498"/>
      <c r="EY5" s="498"/>
      <c r="EZ5" s="498"/>
      <c r="FA5" s="498"/>
      <c r="FB5" s="498"/>
      <c r="FC5" s="498"/>
      <c r="FD5" s="498"/>
      <c r="FE5" s="498"/>
      <c r="FF5" s="498"/>
      <c r="FG5" s="498"/>
      <c r="FH5" s="498"/>
      <c r="FI5" s="498"/>
      <c r="FJ5" s="498"/>
      <c r="FK5" s="499"/>
      <c r="FL5" s="693" t="s">
        <v>67</v>
      </c>
      <c r="FM5" s="694"/>
      <c r="FN5" s="694"/>
      <c r="FO5" s="694"/>
      <c r="FP5" s="694"/>
      <c r="FQ5" s="694"/>
      <c r="FR5" s="694"/>
      <c r="FS5" s="694"/>
      <c r="FT5" s="694"/>
      <c r="FU5" s="694"/>
      <c r="FV5" s="694"/>
      <c r="FW5" s="694"/>
      <c r="FX5" s="694"/>
      <c r="FY5" s="694"/>
      <c r="FZ5" s="694"/>
      <c r="GA5" s="694"/>
      <c r="GB5" s="694"/>
      <c r="GC5" s="694"/>
      <c r="GD5" s="694"/>
      <c r="GE5" s="694"/>
      <c r="GF5" s="694"/>
      <c r="GG5" s="694"/>
      <c r="GH5" s="694"/>
      <c r="GI5" s="694"/>
      <c r="GJ5" s="694"/>
      <c r="GK5" s="694"/>
      <c r="GL5" s="694"/>
      <c r="GM5" s="694"/>
      <c r="GN5" s="694"/>
      <c r="GO5" s="694"/>
      <c r="GP5" s="694"/>
      <c r="GQ5" s="694"/>
      <c r="GR5" s="694"/>
      <c r="GS5" s="694"/>
      <c r="GT5" s="694"/>
      <c r="GU5" s="694"/>
      <c r="GV5" s="694"/>
      <c r="GW5" s="694"/>
      <c r="GX5" s="694"/>
      <c r="GY5" s="694"/>
      <c r="GZ5" s="694"/>
      <c r="HA5" s="694"/>
      <c r="HB5" s="694"/>
      <c r="HC5" s="695"/>
      <c r="HD5" s="696" t="s">
        <v>68</v>
      </c>
      <c r="HE5" s="697"/>
      <c r="HF5" s="697"/>
      <c r="HG5" s="697"/>
      <c r="HH5" s="697"/>
      <c r="HI5" s="697"/>
      <c r="HJ5" s="697"/>
      <c r="HK5" s="697"/>
      <c r="HL5" s="697"/>
      <c r="HM5" s="697"/>
      <c r="HN5" s="698"/>
      <c r="HO5" s="696" t="s">
        <v>69</v>
      </c>
      <c r="HP5" s="697"/>
      <c r="HQ5" s="697"/>
      <c r="HR5" s="697"/>
      <c r="HS5" s="697"/>
      <c r="HT5" s="697"/>
      <c r="HU5" s="697"/>
      <c r="HV5" s="697"/>
      <c r="HW5" s="697"/>
      <c r="HX5" s="697"/>
      <c r="HY5" s="698"/>
      <c r="HZ5" s="637"/>
      <c r="IA5" s="638"/>
      <c r="IB5" s="638"/>
      <c r="IC5" s="638"/>
      <c r="ID5" s="638"/>
      <c r="IE5" s="638"/>
      <c r="IF5" s="638"/>
      <c r="IG5" s="638"/>
      <c r="IH5" s="638"/>
      <c r="II5" s="638"/>
      <c r="IJ5" s="639"/>
      <c r="IK5" s="575" t="s">
        <v>94</v>
      </c>
      <c r="IL5" s="480"/>
      <c r="IM5" s="480"/>
      <c r="IN5" s="480"/>
      <c r="IO5" s="480"/>
      <c r="IP5" s="480"/>
      <c r="IQ5" s="480"/>
      <c r="IR5" s="480"/>
      <c r="IS5" s="480"/>
      <c r="IT5" s="480"/>
      <c r="IU5" s="481"/>
      <c r="IV5" s="575" t="s">
        <v>88</v>
      </c>
      <c r="IW5" s="480"/>
      <c r="IX5" s="480"/>
      <c r="IY5" s="480"/>
      <c r="IZ5" s="480"/>
      <c r="JA5" s="480"/>
      <c r="JB5" s="480"/>
      <c r="JC5" s="480"/>
      <c r="JD5" s="480"/>
      <c r="JE5" s="480"/>
      <c r="JF5" s="481"/>
      <c r="JG5" s="640" t="s">
        <v>143</v>
      </c>
      <c r="JH5" s="641"/>
      <c r="JI5" s="641"/>
      <c r="JJ5" s="641"/>
      <c r="JK5" s="641"/>
      <c r="JL5" s="641"/>
      <c r="JM5" s="641"/>
      <c r="JN5" s="641"/>
      <c r="JO5" s="641"/>
      <c r="JP5" s="641"/>
      <c r="JQ5" s="642"/>
      <c r="JR5" s="575" t="s">
        <v>90</v>
      </c>
      <c r="JS5" s="480"/>
      <c r="JT5" s="480"/>
      <c r="JU5" s="480"/>
      <c r="JV5" s="480"/>
      <c r="JW5" s="480"/>
      <c r="JX5" s="480"/>
      <c r="JY5" s="480"/>
      <c r="JZ5" s="480"/>
      <c r="KA5" s="480"/>
      <c r="KB5" s="481"/>
      <c r="KC5" s="575" t="s">
        <v>89</v>
      </c>
      <c r="KD5" s="480"/>
      <c r="KE5" s="480"/>
      <c r="KF5" s="480"/>
      <c r="KG5" s="480"/>
      <c r="KH5" s="480"/>
      <c r="KI5" s="480"/>
      <c r="KJ5" s="480"/>
      <c r="KK5" s="480"/>
      <c r="KL5" s="480"/>
      <c r="KM5" s="481"/>
      <c r="KN5" s="575" t="s">
        <v>91</v>
      </c>
      <c r="KO5" s="480"/>
      <c r="KP5" s="480"/>
      <c r="KQ5" s="480"/>
      <c r="KR5" s="480"/>
      <c r="KS5" s="480"/>
      <c r="KT5" s="480"/>
      <c r="KU5" s="480"/>
      <c r="KV5" s="480"/>
      <c r="KW5" s="480"/>
      <c r="KX5" s="481"/>
      <c r="KY5" s="575" t="s">
        <v>92</v>
      </c>
      <c r="KZ5" s="480"/>
      <c r="LA5" s="480"/>
      <c r="LB5" s="480"/>
      <c r="LC5" s="480"/>
      <c r="LD5" s="480"/>
      <c r="LE5" s="480"/>
      <c r="LF5" s="480"/>
      <c r="LG5" s="480"/>
      <c r="LH5" s="480"/>
      <c r="LI5" s="481"/>
      <c r="LJ5" s="646" t="s">
        <v>93</v>
      </c>
      <c r="LK5" s="647"/>
      <c r="LL5" s="647"/>
      <c r="LM5" s="647"/>
      <c r="LN5" s="647"/>
      <c r="LO5" s="647"/>
      <c r="LP5" s="647"/>
      <c r="LQ5" s="647"/>
      <c r="LR5" s="647"/>
      <c r="LS5" s="647"/>
      <c r="LT5" s="648"/>
      <c r="LU5" s="649" t="s">
        <v>144</v>
      </c>
      <c r="LV5" s="650"/>
      <c r="LW5" s="650"/>
      <c r="LX5" s="650"/>
      <c r="LY5" s="650"/>
      <c r="LZ5" s="650"/>
      <c r="MA5" s="650"/>
      <c r="MB5" s="650"/>
      <c r="MC5" s="650"/>
      <c r="MD5" s="650"/>
      <c r="ME5" s="651"/>
      <c r="MF5" s="637"/>
      <c r="MG5" s="638"/>
      <c r="MH5" s="638"/>
      <c r="MI5" s="638"/>
      <c r="MJ5" s="638"/>
      <c r="MK5" s="638"/>
      <c r="ML5" s="638"/>
      <c r="MM5" s="638"/>
      <c r="MN5" s="638"/>
      <c r="MO5" s="638"/>
      <c r="MP5" s="639"/>
      <c r="MQ5" s="575" t="s">
        <v>57</v>
      </c>
      <c r="MR5" s="480"/>
      <c r="MS5" s="480"/>
      <c r="MT5" s="480"/>
      <c r="MU5" s="480"/>
      <c r="MV5" s="480"/>
      <c r="MW5" s="480"/>
      <c r="MX5" s="480"/>
      <c r="MY5" s="480"/>
      <c r="MZ5" s="480"/>
      <c r="NA5" s="481"/>
      <c r="NB5" s="575" t="s">
        <v>58</v>
      </c>
      <c r="NC5" s="480"/>
      <c r="ND5" s="480"/>
      <c r="NE5" s="480"/>
      <c r="NF5" s="480"/>
      <c r="NG5" s="480"/>
      <c r="NH5" s="480"/>
      <c r="NI5" s="480"/>
      <c r="NJ5" s="480"/>
      <c r="NK5" s="480"/>
      <c r="NL5" s="481"/>
      <c r="NM5" s="575" t="s">
        <v>59</v>
      </c>
      <c r="NN5" s="480"/>
      <c r="NO5" s="480"/>
      <c r="NP5" s="480"/>
      <c r="NQ5" s="480"/>
      <c r="NR5" s="480"/>
      <c r="NS5" s="480"/>
      <c r="NT5" s="480"/>
      <c r="NU5" s="480"/>
      <c r="NV5" s="480"/>
      <c r="NW5" s="481"/>
      <c r="NX5" s="627" t="s">
        <v>150</v>
      </c>
      <c r="NY5" s="628"/>
      <c r="NZ5" s="628"/>
      <c r="OA5" s="628"/>
      <c r="OB5" s="628"/>
      <c r="OC5" s="628"/>
      <c r="OD5" s="628"/>
      <c r="OE5" s="628"/>
      <c r="OF5" s="628"/>
      <c r="OG5" s="628"/>
      <c r="OH5" s="629"/>
      <c r="OI5" s="634"/>
      <c r="OJ5" s="635"/>
      <c r="OK5" s="635"/>
      <c r="OL5" s="635"/>
      <c r="OM5" s="635"/>
      <c r="ON5" s="635"/>
      <c r="OO5" s="635"/>
      <c r="OP5" s="635"/>
      <c r="OQ5" s="635"/>
      <c r="OR5" s="635"/>
      <c r="OS5" s="636"/>
    </row>
    <row r="6" spans="1:409" ht="21" customHeight="1" thickBot="1" x14ac:dyDescent="0.25">
      <c r="B6" s="686"/>
      <c r="C6" s="690"/>
      <c r="D6" s="690"/>
      <c r="E6" s="690"/>
      <c r="F6" s="690"/>
      <c r="G6" s="690"/>
      <c r="H6" s="690"/>
      <c r="I6" s="690"/>
      <c r="J6" s="690"/>
      <c r="K6" s="690"/>
      <c r="L6" s="690"/>
      <c r="M6" s="690"/>
      <c r="N6" s="489"/>
      <c r="O6" s="490"/>
      <c r="P6" s="490"/>
      <c r="Q6" s="490"/>
      <c r="R6" s="490"/>
      <c r="S6" s="490"/>
      <c r="T6" s="490"/>
      <c r="U6" s="490"/>
      <c r="V6" s="490"/>
      <c r="W6" s="490"/>
      <c r="X6" s="491"/>
      <c r="Y6" s="678" t="s">
        <v>70</v>
      </c>
      <c r="Z6" s="493"/>
      <c r="AA6" s="493"/>
      <c r="AB6" s="493"/>
      <c r="AC6" s="493"/>
      <c r="AD6" s="493"/>
      <c r="AE6" s="493"/>
      <c r="AF6" s="493"/>
      <c r="AG6" s="493"/>
      <c r="AH6" s="493"/>
      <c r="AI6" s="494"/>
      <c r="AJ6" s="673" t="s">
        <v>71</v>
      </c>
      <c r="AK6" s="674"/>
      <c r="AL6" s="674"/>
      <c r="AM6" s="674"/>
      <c r="AN6" s="674"/>
      <c r="AO6" s="674"/>
      <c r="AP6" s="674"/>
      <c r="AQ6" s="674"/>
      <c r="AR6" s="674"/>
      <c r="AS6" s="674"/>
      <c r="AT6" s="675"/>
      <c r="AU6" s="673" t="s">
        <v>72</v>
      </c>
      <c r="AV6" s="674"/>
      <c r="AW6" s="674"/>
      <c r="AX6" s="674"/>
      <c r="AY6" s="674"/>
      <c r="AZ6" s="674"/>
      <c r="BA6" s="674"/>
      <c r="BB6" s="674"/>
      <c r="BC6" s="674"/>
      <c r="BD6" s="674"/>
      <c r="BE6" s="675"/>
      <c r="BF6" s="673" t="s">
        <v>73</v>
      </c>
      <c r="BG6" s="674"/>
      <c r="BH6" s="674"/>
      <c r="BI6" s="674"/>
      <c r="BJ6" s="674"/>
      <c r="BK6" s="674"/>
      <c r="BL6" s="674"/>
      <c r="BM6" s="674"/>
      <c r="BN6" s="674"/>
      <c r="BO6" s="674"/>
      <c r="BP6" s="675"/>
      <c r="BQ6" s="673" t="s">
        <v>74</v>
      </c>
      <c r="BR6" s="674"/>
      <c r="BS6" s="674"/>
      <c r="BT6" s="674"/>
      <c r="BU6" s="674"/>
      <c r="BV6" s="674"/>
      <c r="BW6" s="674"/>
      <c r="BX6" s="674"/>
      <c r="BY6" s="674"/>
      <c r="BZ6" s="674"/>
      <c r="CA6" s="675"/>
      <c r="CB6" s="676"/>
      <c r="CC6" s="677"/>
      <c r="CD6" s="677"/>
      <c r="CE6" s="677"/>
      <c r="CF6" s="677"/>
      <c r="CG6" s="677"/>
      <c r="CH6" s="677"/>
      <c r="CI6" s="677"/>
      <c r="CJ6" s="677"/>
      <c r="CK6" s="677"/>
      <c r="CL6" s="702"/>
      <c r="CM6" s="673" t="s">
        <v>75</v>
      </c>
      <c r="CN6" s="674"/>
      <c r="CO6" s="674"/>
      <c r="CP6" s="674"/>
      <c r="CQ6" s="674"/>
      <c r="CR6" s="674"/>
      <c r="CS6" s="674"/>
      <c r="CT6" s="674"/>
      <c r="CU6" s="674"/>
      <c r="CV6" s="674"/>
      <c r="CW6" s="675"/>
      <c r="CX6" s="673" t="s">
        <v>76</v>
      </c>
      <c r="CY6" s="674"/>
      <c r="CZ6" s="674"/>
      <c r="DA6" s="674"/>
      <c r="DB6" s="674"/>
      <c r="DC6" s="674"/>
      <c r="DD6" s="674"/>
      <c r="DE6" s="674"/>
      <c r="DF6" s="674"/>
      <c r="DG6" s="674"/>
      <c r="DH6" s="675"/>
      <c r="DI6" s="676"/>
      <c r="DJ6" s="677"/>
      <c r="DK6" s="677"/>
      <c r="DL6" s="677"/>
      <c r="DM6" s="677"/>
      <c r="DN6" s="677"/>
      <c r="DO6" s="677"/>
      <c r="DP6" s="677"/>
      <c r="DQ6" s="677"/>
      <c r="DR6" s="677"/>
      <c r="DS6" s="677"/>
      <c r="DT6" s="673" t="s">
        <v>77</v>
      </c>
      <c r="DU6" s="674"/>
      <c r="DV6" s="674"/>
      <c r="DW6" s="674"/>
      <c r="DX6" s="674"/>
      <c r="DY6" s="674"/>
      <c r="DZ6" s="674"/>
      <c r="EA6" s="674"/>
      <c r="EB6" s="674"/>
      <c r="EC6" s="674"/>
      <c r="ED6" s="675"/>
      <c r="EE6" s="673" t="s">
        <v>78</v>
      </c>
      <c r="EF6" s="674"/>
      <c r="EG6" s="674"/>
      <c r="EH6" s="674"/>
      <c r="EI6" s="674"/>
      <c r="EJ6" s="674"/>
      <c r="EK6" s="674"/>
      <c r="EL6" s="674"/>
      <c r="EM6" s="674"/>
      <c r="EN6" s="674"/>
      <c r="EO6" s="675"/>
      <c r="EP6" s="673" t="s">
        <v>79</v>
      </c>
      <c r="EQ6" s="674"/>
      <c r="ER6" s="674"/>
      <c r="ES6" s="674"/>
      <c r="ET6" s="674"/>
      <c r="EU6" s="674"/>
      <c r="EV6" s="674"/>
      <c r="EW6" s="674"/>
      <c r="EX6" s="674"/>
      <c r="EY6" s="674"/>
      <c r="EZ6" s="675"/>
      <c r="FA6" s="595" t="s">
        <v>151</v>
      </c>
      <c r="FB6" s="674"/>
      <c r="FC6" s="674"/>
      <c r="FD6" s="674"/>
      <c r="FE6" s="674"/>
      <c r="FF6" s="674"/>
      <c r="FG6" s="674"/>
      <c r="FH6" s="674"/>
      <c r="FI6" s="674"/>
      <c r="FJ6" s="674"/>
      <c r="FK6" s="675"/>
      <c r="FL6" s="676"/>
      <c r="FM6" s="677"/>
      <c r="FN6" s="677"/>
      <c r="FO6" s="677"/>
      <c r="FP6" s="677"/>
      <c r="FQ6" s="677"/>
      <c r="FR6" s="677"/>
      <c r="FS6" s="677"/>
      <c r="FT6" s="677"/>
      <c r="FU6" s="677"/>
      <c r="FV6" s="677"/>
      <c r="FW6" s="673" t="s">
        <v>80</v>
      </c>
      <c r="FX6" s="674"/>
      <c r="FY6" s="674"/>
      <c r="FZ6" s="674"/>
      <c r="GA6" s="674"/>
      <c r="GB6" s="674"/>
      <c r="GC6" s="674"/>
      <c r="GD6" s="674"/>
      <c r="GE6" s="674"/>
      <c r="GF6" s="674"/>
      <c r="GG6" s="675"/>
      <c r="GH6" s="678" t="s">
        <v>81</v>
      </c>
      <c r="GI6" s="493"/>
      <c r="GJ6" s="493"/>
      <c r="GK6" s="493"/>
      <c r="GL6" s="493"/>
      <c r="GM6" s="493"/>
      <c r="GN6" s="493"/>
      <c r="GO6" s="493"/>
      <c r="GP6" s="493"/>
      <c r="GQ6" s="493"/>
      <c r="GR6" s="494"/>
      <c r="GS6" s="678" t="s">
        <v>82</v>
      </c>
      <c r="GT6" s="493"/>
      <c r="GU6" s="493"/>
      <c r="GV6" s="493"/>
      <c r="GW6" s="493"/>
      <c r="GX6" s="493"/>
      <c r="GY6" s="493"/>
      <c r="GZ6" s="493"/>
      <c r="HA6" s="493"/>
      <c r="HB6" s="493"/>
      <c r="HC6" s="494"/>
      <c r="HD6" s="699"/>
      <c r="HE6" s="700"/>
      <c r="HF6" s="700"/>
      <c r="HG6" s="700"/>
      <c r="HH6" s="700"/>
      <c r="HI6" s="700"/>
      <c r="HJ6" s="700"/>
      <c r="HK6" s="700"/>
      <c r="HL6" s="700"/>
      <c r="HM6" s="700"/>
      <c r="HN6" s="701"/>
      <c r="HO6" s="699"/>
      <c r="HP6" s="700"/>
      <c r="HQ6" s="700"/>
      <c r="HR6" s="700"/>
      <c r="HS6" s="700"/>
      <c r="HT6" s="700"/>
      <c r="HU6" s="700"/>
      <c r="HV6" s="700"/>
      <c r="HW6" s="700"/>
      <c r="HX6" s="700"/>
      <c r="HY6" s="701"/>
      <c r="HZ6" s="589"/>
      <c r="IA6" s="590"/>
      <c r="IB6" s="590"/>
      <c r="IC6" s="590"/>
      <c r="ID6" s="590"/>
      <c r="IE6" s="590"/>
      <c r="IF6" s="590"/>
      <c r="IG6" s="590"/>
      <c r="IH6" s="590"/>
      <c r="II6" s="590"/>
      <c r="IJ6" s="591"/>
      <c r="IK6" s="576"/>
      <c r="IL6" s="569"/>
      <c r="IM6" s="569"/>
      <c r="IN6" s="569"/>
      <c r="IO6" s="569"/>
      <c r="IP6" s="569"/>
      <c r="IQ6" s="569"/>
      <c r="IR6" s="569"/>
      <c r="IS6" s="569"/>
      <c r="IT6" s="569"/>
      <c r="IU6" s="577"/>
      <c r="IV6" s="576"/>
      <c r="IW6" s="569"/>
      <c r="IX6" s="569"/>
      <c r="IY6" s="569"/>
      <c r="IZ6" s="569"/>
      <c r="JA6" s="569"/>
      <c r="JB6" s="569"/>
      <c r="JC6" s="569"/>
      <c r="JD6" s="569"/>
      <c r="JE6" s="569"/>
      <c r="JF6" s="577"/>
      <c r="JG6" s="643"/>
      <c r="JH6" s="644"/>
      <c r="JI6" s="644"/>
      <c r="JJ6" s="644"/>
      <c r="JK6" s="644"/>
      <c r="JL6" s="644"/>
      <c r="JM6" s="644"/>
      <c r="JN6" s="644"/>
      <c r="JO6" s="644"/>
      <c r="JP6" s="644"/>
      <c r="JQ6" s="645"/>
      <c r="JR6" s="576"/>
      <c r="JS6" s="569"/>
      <c r="JT6" s="569"/>
      <c r="JU6" s="569"/>
      <c r="JV6" s="569"/>
      <c r="JW6" s="569"/>
      <c r="JX6" s="569"/>
      <c r="JY6" s="569"/>
      <c r="JZ6" s="569"/>
      <c r="KA6" s="569"/>
      <c r="KB6" s="577"/>
      <c r="KC6" s="576"/>
      <c r="KD6" s="569"/>
      <c r="KE6" s="569"/>
      <c r="KF6" s="569"/>
      <c r="KG6" s="569"/>
      <c r="KH6" s="569"/>
      <c r="KI6" s="569"/>
      <c r="KJ6" s="569"/>
      <c r="KK6" s="569"/>
      <c r="KL6" s="569"/>
      <c r="KM6" s="577"/>
      <c r="KN6" s="576"/>
      <c r="KO6" s="569"/>
      <c r="KP6" s="569"/>
      <c r="KQ6" s="569"/>
      <c r="KR6" s="569"/>
      <c r="KS6" s="569"/>
      <c r="KT6" s="569"/>
      <c r="KU6" s="569"/>
      <c r="KV6" s="569"/>
      <c r="KW6" s="569"/>
      <c r="KX6" s="577"/>
      <c r="KY6" s="576"/>
      <c r="KZ6" s="569"/>
      <c r="LA6" s="569"/>
      <c r="LB6" s="569"/>
      <c r="LC6" s="569"/>
      <c r="LD6" s="569"/>
      <c r="LE6" s="569"/>
      <c r="LF6" s="569"/>
      <c r="LG6" s="569"/>
      <c r="LH6" s="569"/>
      <c r="LI6" s="577"/>
      <c r="LJ6" s="589"/>
      <c r="LK6" s="590"/>
      <c r="LL6" s="590"/>
      <c r="LM6" s="590"/>
      <c r="LN6" s="590"/>
      <c r="LO6" s="590"/>
      <c r="LP6" s="590"/>
      <c r="LQ6" s="590"/>
      <c r="LR6" s="590"/>
      <c r="LS6" s="590"/>
      <c r="LT6" s="591"/>
      <c r="LU6" s="652"/>
      <c r="LV6" s="653"/>
      <c r="LW6" s="653"/>
      <c r="LX6" s="653"/>
      <c r="LY6" s="653"/>
      <c r="LZ6" s="653"/>
      <c r="MA6" s="653"/>
      <c r="MB6" s="653"/>
      <c r="MC6" s="653"/>
      <c r="MD6" s="653"/>
      <c r="ME6" s="654"/>
      <c r="MF6" s="589"/>
      <c r="MG6" s="590"/>
      <c r="MH6" s="590"/>
      <c r="MI6" s="590"/>
      <c r="MJ6" s="590"/>
      <c r="MK6" s="590"/>
      <c r="ML6" s="590"/>
      <c r="MM6" s="590"/>
      <c r="MN6" s="590"/>
      <c r="MO6" s="590"/>
      <c r="MP6" s="591"/>
      <c r="MQ6" s="576"/>
      <c r="MR6" s="569"/>
      <c r="MS6" s="569"/>
      <c r="MT6" s="569"/>
      <c r="MU6" s="569"/>
      <c r="MV6" s="569"/>
      <c r="MW6" s="569"/>
      <c r="MX6" s="569"/>
      <c r="MY6" s="569"/>
      <c r="MZ6" s="569"/>
      <c r="NA6" s="577"/>
      <c r="NB6" s="576"/>
      <c r="NC6" s="569"/>
      <c r="ND6" s="569"/>
      <c r="NE6" s="569"/>
      <c r="NF6" s="569"/>
      <c r="NG6" s="569"/>
      <c r="NH6" s="569"/>
      <c r="NI6" s="569"/>
      <c r="NJ6" s="569"/>
      <c r="NK6" s="569"/>
      <c r="NL6" s="577"/>
      <c r="NM6" s="576"/>
      <c r="NN6" s="569"/>
      <c r="NO6" s="569"/>
      <c r="NP6" s="569"/>
      <c r="NQ6" s="569"/>
      <c r="NR6" s="569"/>
      <c r="NS6" s="569"/>
      <c r="NT6" s="569"/>
      <c r="NU6" s="569"/>
      <c r="NV6" s="569"/>
      <c r="NW6" s="577"/>
      <c r="NX6" s="630"/>
      <c r="NY6" s="631"/>
      <c r="NZ6" s="631"/>
      <c r="OA6" s="631"/>
      <c r="OB6" s="631"/>
      <c r="OC6" s="631"/>
      <c r="OD6" s="631"/>
      <c r="OE6" s="631"/>
      <c r="OF6" s="631"/>
      <c r="OG6" s="631"/>
      <c r="OH6" s="632"/>
      <c r="OI6" s="576"/>
      <c r="OJ6" s="569"/>
      <c r="OK6" s="569"/>
      <c r="OL6" s="569"/>
      <c r="OM6" s="569"/>
      <c r="ON6" s="569"/>
      <c r="OO6" s="569"/>
      <c r="OP6" s="569"/>
      <c r="OQ6" s="569"/>
      <c r="OR6" s="569"/>
      <c r="OS6" s="577"/>
    </row>
    <row r="7" spans="1:409" ht="21" customHeight="1" x14ac:dyDescent="0.2">
      <c r="B7" s="686"/>
      <c r="C7" s="671" t="s">
        <v>61</v>
      </c>
      <c r="D7" s="671"/>
      <c r="E7" s="671"/>
      <c r="F7" s="683" t="s">
        <v>62</v>
      </c>
      <c r="G7" s="671"/>
      <c r="H7" s="671"/>
      <c r="I7" s="671"/>
      <c r="J7" s="671"/>
      <c r="K7" s="671"/>
      <c r="L7" s="671"/>
      <c r="M7" s="683" t="s">
        <v>52</v>
      </c>
      <c r="N7" s="682" t="s">
        <v>61</v>
      </c>
      <c r="O7" s="671"/>
      <c r="P7" s="671"/>
      <c r="Q7" s="683" t="s">
        <v>62</v>
      </c>
      <c r="R7" s="671"/>
      <c r="S7" s="671"/>
      <c r="T7" s="671"/>
      <c r="U7" s="671"/>
      <c r="V7" s="671"/>
      <c r="W7" s="684"/>
      <c r="X7" s="679" t="s">
        <v>52</v>
      </c>
      <c r="Y7" s="489" t="s">
        <v>61</v>
      </c>
      <c r="Z7" s="490"/>
      <c r="AA7" s="665"/>
      <c r="AB7" s="664" t="s">
        <v>62</v>
      </c>
      <c r="AC7" s="490"/>
      <c r="AD7" s="490"/>
      <c r="AE7" s="490"/>
      <c r="AF7" s="490"/>
      <c r="AG7" s="490"/>
      <c r="AH7" s="665"/>
      <c r="AI7" s="491" t="s">
        <v>52</v>
      </c>
      <c r="AJ7" s="659" t="s">
        <v>61</v>
      </c>
      <c r="AK7" s="660"/>
      <c r="AL7" s="661"/>
      <c r="AM7" s="662" t="s">
        <v>62</v>
      </c>
      <c r="AN7" s="660"/>
      <c r="AO7" s="660"/>
      <c r="AP7" s="660"/>
      <c r="AQ7" s="660"/>
      <c r="AR7" s="660"/>
      <c r="AS7" s="663"/>
      <c r="AT7" s="491" t="s">
        <v>52</v>
      </c>
      <c r="AU7" s="659" t="s">
        <v>61</v>
      </c>
      <c r="AV7" s="660"/>
      <c r="AW7" s="661"/>
      <c r="AX7" s="662" t="s">
        <v>62</v>
      </c>
      <c r="AY7" s="660"/>
      <c r="AZ7" s="660"/>
      <c r="BA7" s="660"/>
      <c r="BB7" s="660"/>
      <c r="BC7" s="660"/>
      <c r="BD7" s="663"/>
      <c r="BE7" s="491" t="s">
        <v>52</v>
      </c>
      <c r="BF7" s="659" t="s">
        <v>61</v>
      </c>
      <c r="BG7" s="660"/>
      <c r="BH7" s="661"/>
      <c r="BI7" s="662" t="s">
        <v>62</v>
      </c>
      <c r="BJ7" s="660"/>
      <c r="BK7" s="660"/>
      <c r="BL7" s="660"/>
      <c r="BM7" s="660"/>
      <c r="BN7" s="660"/>
      <c r="BO7" s="663"/>
      <c r="BP7" s="491" t="s">
        <v>52</v>
      </c>
      <c r="BQ7" s="659" t="s">
        <v>61</v>
      </c>
      <c r="BR7" s="660"/>
      <c r="BS7" s="661"/>
      <c r="BT7" s="662" t="s">
        <v>62</v>
      </c>
      <c r="BU7" s="660"/>
      <c r="BV7" s="660"/>
      <c r="BW7" s="660"/>
      <c r="BX7" s="660"/>
      <c r="BY7" s="660"/>
      <c r="BZ7" s="663"/>
      <c r="CA7" s="491" t="s">
        <v>52</v>
      </c>
      <c r="CB7" s="666" t="s">
        <v>61</v>
      </c>
      <c r="CC7" s="667"/>
      <c r="CD7" s="668"/>
      <c r="CE7" s="669" t="s">
        <v>62</v>
      </c>
      <c r="CF7" s="667"/>
      <c r="CG7" s="667"/>
      <c r="CH7" s="667"/>
      <c r="CI7" s="667"/>
      <c r="CJ7" s="667"/>
      <c r="CK7" s="670"/>
      <c r="CL7" s="679" t="s">
        <v>52</v>
      </c>
      <c r="CM7" s="659" t="s">
        <v>61</v>
      </c>
      <c r="CN7" s="660"/>
      <c r="CO7" s="663"/>
      <c r="CP7" s="662" t="s">
        <v>62</v>
      </c>
      <c r="CQ7" s="660"/>
      <c r="CR7" s="660"/>
      <c r="CS7" s="660"/>
      <c r="CT7" s="660"/>
      <c r="CU7" s="660"/>
      <c r="CV7" s="663"/>
      <c r="CW7" s="681" t="s">
        <v>52</v>
      </c>
      <c r="CX7" s="659" t="s">
        <v>61</v>
      </c>
      <c r="CY7" s="660"/>
      <c r="CZ7" s="663"/>
      <c r="DA7" s="662" t="s">
        <v>62</v>
      </c>
      <c r="DB7" s="660"/>
      <c r="DC7" s="660"/>
      <c r="DD7" s="660"/>
      <c r="DE7" s="660"/>
      <c r="DF7" s="660"/>
      <c r="DG7" s="663"/>
      <c r="DH7" s="681" t="s">
        <v>52</v>
      </c>
      <c r="DI7" s="666" t="s">
        <v>61</v>
      </c>
      <c r="DJ7" s="667"/>
      <c r="DK7" s="670"/>
      <c r="DL7" s="669" t="s">
        <v>62</v>
      </c>
      <c r="DM7" s="667"/>
      <c r="DN7" s="667"/>
      <c r="DO7" s="667"/>
      <c r="DP7" s="667"/>
      <c r="DQ7" s="667"/>
      <c r="DR7" s="670"/>
      <c r="DS7" s="679" t="s">
        <v>52</v>
      </c>
      <c r="DT7" s="659" t="s">
        <v>61</v>
      </c>
      <c r="DU7" s="660"/>
      <c r="DV7" s="661"/>
      <c r="DW7" s="662" t="s">
        <v>62</v>
      </c>
      <c r="DX7" s="660"/>
      <c r="DY7" s="660"/>
      <c r="DZ7" s="660"/>
      <c r="EA7" s="660"/>
      <c r="EB7" s="660"/>
      <c r="EC7" s="663"/>
      <c r="ED7" s="491" t="s">
        <v>52</v>
      </c>
      <c r="EE7" s="659" t="s">
        <v>61</v>
      </c>
      <c r="EF7" s="660"/>
      <c r="EG7" s="661"/>
      <c r="EH7" s="662" t="s">
        <v>62</v>
      </c>
      <c r="EI7" s="660"/>
      <c r="EJ7" s="660"/>
      <c r="EK7" s="660"/>
      <c r="EL7" s="660"/>
      <c r="EM7" s="660"/>
      <c r="EN7" s="663"/>
      <c r="EO7" s="491" t="s">
        <v>52</v>
      </c>
      <c r="EP7" s="659" t="s">
        <v>61</v>
      </c>
      <c r="EQ7" s="660"/>
      <c r="ER7" s="661"/>
      <c r="ES7" s="662" t="s">
        <v>62</v>
      </c>
      <c r="ET7" s="660"/>
      <c r="EU7" s="660"/>
      <c r="EV7" s="660"/>
      <c r="EW7" s="660"/>
      <c r="EX7" s="660"/>
      <c r="EY7" s="663"/>
      <c r="EZ7" s="491" t="s">
        <v>52</v>
      </c>
      <c r="FA7" s="659" t="s">
        <v>61</v>
      </c>
      <c r="FB7" s="660"/>
      <c r="FC7" s="661"/>
      <c r="FD7" s="662" t="s">
        <v>62</v>
      </c>
      <c r="FE7" s="660"/>
      <c r="FF7" s="660"/>
      <c r="FG7" s="660"/>
      <c r="FH7" s="660"/>
      <c r="FI7" s="660"/>
      <c r="FJ7" s="663"/>
      <c r="FK7" s="491" t="s">
        <v>52</v>
      </c>
      <c r="FL7" s="666" t="s">
        <v>61</v>
      </c>
      <c r="FM7" s="667"/>
      <c r="FN7" s="668"/>
      <c r="FO7" s="669" t="s">
        <v>62</v>
      </c>
      <c r="FP7" s="667"/>
      <c r="FQ7" s="667"/>
      <c r="FR7" s="667"/>
      <c r="FS7" s="667"/>
      <c r="FT7" s="667"/>
      <c r="FU7" s="670"/>
      <c r="FV7" s="671" t="s">
        <v>52</v>
      </c>
      <c r="FW7" s="659" t="s">
        <v>61</v>
      </c>
      <c r="FX7" s="660"/>
      <c r="FY7" s="661"/>
      <c r="FZ7" s="662" t="s">
        <v>62</v>
      </c>
      <c r="GA7" s="660"/>
      <c r="GB7" s="660"/>
      <c r="GC7" s="660"/>
      <c r="GD7" s="660"/>
      <c r="GE7" s="660"/>
      <c r="GF7" s="663"/>
      <c r="GG7" s="491" t="s">
        <v>52</v>
      </c>
      <c r="GH7" s="489" t="s">
        <v>61</v>
      </c>
      <c r="GI7" s="490"/>
      <c r="GJ7" s="490"/>
      <c r="GK7" s="664" t="s">
        <v>62</v>
      </c>
      <c r="GL7" s="490"/>
      <c r="GM7" s="490"/>
      <c r="GN7" s="490"/>
      <c r="GO7" s="490"/>
      <c r="GP7" s="490"/>
      <c r="GQ7" s="665"/>
      <c r="GR7" s="657" t="s">
        <v>52</v>
      </c>
      <c r="GS7" s="489" t="s">
        <v>61</v>
      </c>
      <c r="GT7" s="490"/>
      <c r="GU7" s="665"/>
      <c r="GV7" s="664" t="s">
        <v>62</v>
      </c>
      <c r="GW7" s="490"/>
      <c r="GX7" s="490"/>
      <c r="GY7" s="490"/>
      <c r="GZ7" s="490"/>
      <c r="HA7" s="490"/>
      <c r="HB7" s="665"/>
      <c r="HC7" s="657" t="s">
        <v>52</v>
      </c>
      <c r="HD7" s="659" t="s">
        <v>61</v>
      </c>
      <c r="HE7" s="660"/>
      <c r="HF7" s="661"/>
      <c r="HG7" s="662" t="s">
        <v>62</v>
      </c>
      <c r="HH7" s="660"/>
      <c r="HI7" s="660"/>
      <c r="HJ7" s="660"/>
      <c r="HK7" s="660"/>
      <c r="HL7" s="660"/>
      <c r="HM7" s="663"/>
      <c r="HN7" s="491" t="s">
        <v>52</v>
      </c>
      <c r="HO7" s="659" t="s">
        <v>61</v>
      </c>
      <c r="HP7" s="660"/>
      <c r="HQ7" s="661"/>
      <c r="HR7" s="662" t="s">
        <v>62</v>
      </c>
      <c r="HS7" s="660"/>
      <c r="HT7" s="660"/>
      <c r="HU7" s="660"/>
      <c r="HV7" s="660"/>
      <c r="HW7" s="660"/>
      <c r="HX7" s="663"/>
      <c r="HY7" s="491" t="s">
        <v>52</v>
      </c>
      <c r="HZ7" s="557" t="s">
        <v>61</v>
      </c>
      <c r="IA7" s="558"/>
      <c r="IB7" s="559"/>
      <c r="IC7" s="618" t="s">
        <v>62</v>
      </c>
      <c r="ID7" s="558"/>
      <c r="IE7" s="558"/>
      <c r="IF7" s="558"/>
      <c r="IG7" s="558"/>
      <c r="IH7" s="558"/>
      <c r="II7" s="619"/>
      <c r="IJ7" s="561" t="s">
        <v>52</v>
      </c>
      <c r="IK7" s="565" t="s">
        <v>61</v>
      </c>
      <c r="IL7" s="566"/>
      <c r="IM7" s="567"/>
      <c r="IN7" s="600" t="s">
        <v>62</v>
      </c>
      <c r="IO7" s="566"/>
      <c r="IP7" s="566"/>
      <c r="IQ7" s="566"/>
      <c r="IR7" s="566"/>
      <c r="IS7" s="566"/>
      <c r="IT7" s="601"/>
      <c r="IU7" s="577" t="s">
        <v>52</v>
      </c>
      <c r="IV7" s="565" t="s">
        <v>61</v>
      </c>
      <c r="IW7" s="566"/>
      <c r="IX7" s="601"/>
      <c r="IY7" s="600" t="s">
        <v>62</v>
      </c>
      <c r="IZ7" s="566"/>
      <c r="JA7" s="566"/>
      <c r="JB7" s="566"/>
      <c r="JC7" s="566"/>
      <c r="JD7" s="566"/>
      <c r="JE7" s="601"/>
      <c r="JF7" s="577" t="s">
        <v>52</v>
      </c>
      <c r="JG7" s="565" t="s">
        <v>61</v>
      </c>
      <c r="JH7" s="566"/>
      <c r="JI7" s="567"/>
      <c r="JJ7" s="600" t="s">
        <v>62</v>
      </c>
      <c r="JK7" s="566"/>
      <c r="JL7" s="566"/>
      <c r="JM7" s="566"/>
      <c r="JN7" s="566"/>
      <c r="JO7" s="566"/>
      <c r="JP7" s="601"/>
      <c r="JQ7" s="624" t="s">
        <v>52</v>
      </c>
      <c r="JR7" s="565" t="s">
        <v>61</v>
      </c>
      <c r="JS7" s="566"/>
      <c r="JT7" s="567"/>
      <c r="JU7" s="600" t="s">
        <v>62</v>
      </c>
      <c r="JV7" s="566"/>
      <c r="JW7" s="566"/>
      <c r="JX7" s="566"/>
      <c r="JY7" s="566"/>
      <c r="JZ7" s="566"/>
      <c r="KA7" s="601"/>
      <c r="KB7" s="624" t="s">
        <v>52</v>
      </c>
      <c r="KC7" s="565" t="s">
        <v>61</v>
      </c>
      <c r="KD7" s="566"/>
      <c r="KE7" s="567"/>
      <c r="KF7" s="600" t="s">
        <v>62</v>
      </c>
      <c r="KG7" s="566"/>
      <c r="KH7" s="566"/>
      <c r="KI7" s="566"/>
      <c r="KJ7" s="566"/>
      <c r="KK7" s="566"/>
      <c r="KL7" s="601"/>
      <c r="KM7" s="624" t="s">
        <v>52</v>
      </c>
      <c r="KN7" s="565" t="s">
        <v>61</v>
      </c>
      <c r="KO7" s="566"/>
      <c r="KP7" s="567"/>
      <c r="KQ7" s="600" t="s">
        <v>62</v>
      </c>
      <c r="KR7" s="566"/>
      <c r="KS7" s="566"/>
      <c r="KT7" s="566"/>
      <c r="KU7" s="566"/>
      <c r="KV7" s="566"/>
      <c r="KW7" s="601"/>
      <c r="KX7" s="624" t="s">
        <v>52</v>
      </c>
      <c r="KY7" s="565" t="s">
        <v>61</v>
      </c>
      <c r="KZ7" s="566"/>
      <c r="LA7" s="567"/>
      <c r="LB7" s="600" t="s">
        <v>62</v>
      </c>
      <c r="LC7" s="566"/>
      <c r="LD7" s="566"/>
      <c r="LE7" s="566"/>
      <c r="LF7" s="566"/>
      <c r="LG7" s="566"/>
      <c r="LH7" s="601"/>
      <c r="LI7" s="624" t="s">
        <v>52</v>
      </c>
      <c r="LJ7" s="565" t="s">
        <v>61</v>
      </c>
      <c r="LK7" s="566"/>
      <c r="LL7" s="567"/>
      <c r="LM7" s="600" t="s">
        <v>62</v>
      </c>
      <c r="LN7" s="566"/>
      <c r="LO7" s="566"/>
      <c r="LP7" s="566"/>
      <c r="LQ7" s="566"/>
      <c r="LR7" s="566"/>
      <c r="LS7" s="601"/>
      <c r="LT7" s="624" t="s">
        <v>52</v>
      </c>
      <c r="LU7" s="565" t="s">
        <v>61</v>
      </c>
      <c r="LV7" s="566"/>
      <c r="LW7" s="567"/>
      <c r="LX7" s="600" t="s">
        <v>62</v>
      </c>
      <c r="LY7" s="566"/>
      <c r="LZ7" s="566"/>
      <c r="MA7" s="566"/>
      <c r="MB7" s="566"/>
      <c r="MC7" s="566"/>
      <c r="MD7" s="601"/>
      <c r="ME7" s="624" t="s">
        <v>52</v>
      </c>
      <c r="MF7" s="557" t="s">
        <v>61</v>
      </c>
      <c r="MG7" s="558"/>
      <c r="MH7" s="559"/>
      <c r="MI7" s="618" t="s">
        <v>62</v>
      </c>
      <c r="MJ7" s="558"/>
      <c r="MK7" s="558"/>
      <c r="ML7" s="558"/>
      <c r="MM7" s="558"/>
      <c r="MN7" s="558"/>
      <c r="MO7" s="619"/>
      <c r="MP7" s="602" t="s">
        <v>52</v>
      </c>
      <c r="MQ7" s="565" t="s">
        <v>61</v>
      </c>
      <c r="MR7" s="566"/>
      <c r="MS7" s="567"/>
      <c r="MT7" s="600" t="s">
        <v>62</v>
      </c>
      <c r="MU7" s="566"/>
      <c r="MV7" s="566"/>
      <c r="MW7" s="566"/>
      <c r="MX7" s="566"/>
      <c r="MY7" s="566"/>
      <c r="MZ7" s="601"/>
      <c r="NA7" s="624" t="s">
        <v>52</v>
      </c>
      <c r="NB7" s="565" t="s">
        <v>61</v>
      </c>
      <c r="NC7" s="566"/>
      <c r="ND7" s="567"/>
      <c r="NE7" s="600" t="s">
        <v>62</v>
      </c>
      <c r="NF7" s="566"/>
      <c r="NG7" s="566"/>
      <c r="NH7" s="566"/>
      <c r="NI7" s="566"/>
      <c r="NJ7" s="566"/>
      <c r="NK7" s="601"/>
      <c r="NL7" s="624" t="s">
        <v>52</v>
      </c>
      <c r="NM7" s="565" t="s">
        <v>61</v>
      </c>
      <c r="NN7" s="566"/>
      <c r="NO7" s="567"/>
      <c r="NP7" s="600" t="s">
        <v>62</v>
      </c>
      <c r="NQ7" s="566"/>
      <c r="NR7" s="566"/>
      <c r="NS7" s="566"/>
      <c r="NT7" s="566"/>
      <c r="NU7" s="566"/>
      <c r="NV7" s="601"/>
      <c r="NW7" s="624" t="s">
        <v>52</v>
      </c>
      <c r="NX7" s="565" t="s">
        <v>61</v>
      </c>
      <c r="NY7" s="566"/>
      <c r="NZ7" s="567"/>
      <c r="OA7" s="600" t="s">
        <v>62</v>
      </c>
      <c r="OB7" s="566"/>
      <c r="OC7" s="566"/>
      <c r="OD7" s="566"/>
      <c r="OE7" s="566"/>
      <c r="OF7" s="566"/>
      <c r="OG7" s="601"/>
      <c r="OH7" s="624" t="s">
        <v>52</v>
      </c>
      <c r="OI7" s="557" t="s">
        <v>61</v>
      </c>
      <c r="OJ7" s="558"/>
      <c r="OK7" s="559"/>
      <c r="OL7" s="618" t="s">
        <v>62</v>
      </c>
      <c r="OM7" s="558"/>
      <c r="ON7" s="558"/>
      <c r="OO7" s="558"/>
      <c r="OP7" s="558"/>
      <c r="OQ7" s="558"/>
      <c r="OR7" s="619"/>
      <c r="OS7" s="602" t="s">
        <v>52</v>
      </c>
    </row>
    <row r="8" spans="1:409" ht="30" customHeight="1" thickBot="1" x14ac:dyDescent="0.25">
      <c r="B8" s="687"/>
      <c r="C8" s="303" t="s">
        <v>43</v>
      </c>
      <c r="D8" s="41" t="s">
        <v>44</v>
      </c>
      <c r="E8" s="304" t="s">
        <v>45</v>
      </c>
      <c r="F8" s="44" t="s">
        <v>83</v>
      </c>
      <c r="G8" s="41" t="s">
        <v>47</v>
      </c>
      <c r="H8" s="41" t="s">
        <v>48</v>
      </c>
      <c r="I8" s="41" t="s">
        <v>49</v>
      </c>
      <c r="J8" s="41" t="s">
        <v>50</v>
      </c>
      <c r="K8" s="41" t="s">
        <v>51</v>
      </c>
      <c r="L8" s="42" t="s">
        <v>45</v>
      </c>
      <c r="M8" s="703"/>
      <c r="N8" s="43" t="s">
        <v>43</v>
      </c>
      <c r="O8" s="41" t="s">
        <v>44</v>
      </c>
      <c r="P8" s="42" t="s">
        <v>45</v>
      </c>
      <c r="Q8" s="44" t="s">
        <v>83</v>
      </c>
      <c r="R8" s="41" t="s">
        <v>47</v>
      </c>
      <c r="S8" s="41" t="s">
        <v>48</v>
      </c>
      <c r="T8" s="41" t="s">
        <v>49</v>
      </c>
      <c r="U8" s="41" t="s">
        <v>50</v>
      </c>
      <c r="V8" s="41" t="s">
        <v>51</v>
      </c>
      <c r="W8" s="42" t="s">
        <v>45</v>
      </c>
      <c r="X8" s="680"/>
      <c r="Y8" s="43" t="s">
        <v>43</v>
      </c>
      <c r="Z8" s="41" t="s">
        <v>44</v>
      </c>
      <c r="AA8" s="42" t="s">
        <v>45</v>
      </c>
      <c r="AB8" s="44" t="s">
        <v>83</v>
      </c>
      <c r="AC8" s="41" t="s">
        <v>47</v>
      </c>
      <c r="AD8" s="41" t="s">
        <v>48</v>
      </c>
      <c r="AE8" s="41" t="s">
        <v>49</v>
      </c>
      <c r="AF8" s="41" t="s">
        <v>50</v>
      </c>
      <c r="AG8" s="41" t="s">
        <v>51</v>
      </c>
      <c r="AH8" s="42" t="s">
        <v>45</v>
      </c>
      <c r="AI8" s="656"/>
      <c r="AJ8" s="43" t="s">
        <v>43</v>
      </c>
      <c r="AK8" s="41" t="s">
        <v>44</v>
      </c>
      <c r="AL8" s="304" t="s">
        <v>45</v>
      </c>
      <c r="AM8" s="44" t="s">
        <v>83</v>
      </c>
      <c r="AN8" s="41" t="s">
        <v>47</v>
      </c>
      <c r="AO8" s="41" t="s">
        <v>48</v>
      </c>
      <c r="AP8" s="41" t="s">
        <v>49</v>
      </c>
      <c r="AQ8" s="41" t="s">
        <v>50</v>
      </c>
      <c r="AR8" s="41" t="s">
        <v>51</v>
      </c>
      <c r="AS8" s="42" t="s">
        <v>45</v>
      </c>
      <c r="AT8" s="656"/>
      <c r="AU8" s="43" t="s">
        <v>43</v>
      </c>
      <c r="AV8" s="41" t="s">
        <v>44</v>
      </c>
      <c r="AW8" s="304" t="s">
        <v>45</v>
      </c>
      <c r="AX8" s="44" t="s">
        <v>83</v>
      </c>
      <c r="AY8" s="41" t="s">
        <v>47</v>
      </c>
      <c r="AZ8" s="41" t="s">
        <v>48</v>
      </c>
      <c r="BA8" s="41" t="s">
        <v>49</v>
      </c>
      <c r="BB8" s="41" t="s">
        <v>50</v>
      </c>
      <c r="BC8" s="41" t="s">
        <v>51</v>
      </c>
      <c r="BD8" s="42" t="s">
        <v>45</v>
      </c>
      <c r="BE8" s="656"/>
      <c r="BF8" s="305" t="s">
        <v>43</v>
      </c>
      <c r="BG8" s="41" t="s">
        <v>44</v>
      </c>
      <c r="BH8" s="304" t="s">
        <v>45</v>
      </c>
      <c r="BI8" s="44" t="s">
        <v>83</v>
      </c>
      <c r="BJ8" s="41" t="s">
        <v>47</v>
      </c>
      <c r="BK8" s="41" t="s">
        <v>48</v>
      </c>
      <c r="BL8" s="41" t="s">
        <v>49</v>
      </c>
      <c r="BM8" s="41" t="s">
        <v>50</v>
      </c>
      <c r="BN8" s="41" t="s">
        <v>51</v>
      </c>
      <c r="BO8" s="42" t="s">
        <v>45</v>
      </c>
      <c r="BP8" s="656"/>
      <c r="BQ8" s="43" t="s">
        <v>43</v>
      </c>
      <c r="BR8" s="41" t="s">
        <v>44</v>
      </c>
      <c r="BS8" s="304" t="s">
        <v>45</v>
      </c>
      <c r="BT8" s="44" t="s">
        <v>83</v>
      </c>
      <c r="BU8" s="41" t="s">
        <v>47</v>
      </c>
      <c r="BV8" s="41" t="s">
        <v>48</v>
      </c>
      <c r="BW8" s="41" t="s">
        <v>49</v>
      </c>
      <c r="BX8" s="41" t="s">
        <v>50</v>
      </c>
      <c r="BY8" s="41" t="s">
        <v>51</v>
      </c>
      <c r="BZ8" s="42" t="s">
        <v>45</v>
      </c>
      <c r="CA8" s="656"/>
      <c r="CB8" s="43" t="s">
        <v>43</v>
      </c>
      <c r="CC8" s="41" t="s">
        <v>44</v>
      </c>
      <c r="CD8" s="304" t="s">
        <v>45</v>
      </c>
      <c r="CE8" s="44" t="s">
        <v>83</v>
      </c>
      <c r="CF8" s="41" t="s">
        <v>47</v>
      </c>
      <c r="CG8" s="41" t="s">
        <v>48</v>
      </c>
      <c r="CH8" s="41" t="s">
        <v>49</v>
      </c>
      <c r="CI8" s="41" t="s">
        <v>50</v>
      </c>
      <c r="CJ8" s="41" t="s">
        <v>51</v>
      </c>
      <c r="CK8" s="42" t="s">
        <v>45</v>
      </c>
      <c r="CL8" s="680"/>
      <c r="CM8" s="43" t="s">
        <v>43</v>
      </c>
      <c r="CN8" s="41" t="s">
        <v>44</v>
      </c>
      <c r="CO8" s="42" t="s">
        <v>45</v>
      </c>
      <c r="CP8" s="44" t="s">
        <v>83</v>
      </c>
      <c r="CQ8" s="41" t="s">
        <v>47</v>
      </c>
      <c r="CR8" s="41" t="s">
        <v>48</v>
      </c>
      <c r="CS8" s="41" t="s">
        <v>49</v>
      </c>
      <c r="CT8" s="41" t="s">
        <v>50</v>
      </c>
      <c r="CU8" s="41" t="s">
        <v>51</v>
      </c>
      <c r="CV8" s="42" t="s">
        <v>45</v>
      </c>
      <c r="CW8" s="680"/>
      <c r="CX8" s="43" t="s">
        <v>43</v>
      </c>
      <c r="CY8" s="41" t="s">
        <v>44</v>
      </c>
      <c r="CZ8" s="42" t="s">
        <v>45</v>
      </c>
      <c r="DA8" s="44" t="s">
        <v>83</v>
      </c>
      <c r="DB8" s="41" t="s">
        <v>47</v>
      </c>
      <c r="DC8" s="41" t="s">
        <v>48</v>
      </c>
      <c r="DD8" s="41" t="s">
        <v>49</v>
      </c>
      <c r="DE8" s="41" t="s">
        <v>50</v>
      </c>
      <c r="DF8" s="41" t="s">
        <v>51</v>
      </c>
      <c r="DG8" s="42" t="s">
        <v>45</v>
      </c>
      <c r="DH8" s="680"/>
      <c r="DI8" s="43" t="s">
        <v>43</v>
      </c>
      <c r="DJ8" s="41" t="s">
        <v>44</v>
      </c>
      <c r="DK8" s="42" t="s">
        <v>45</v>
      </c>
      <c r="DL8" s="44" t="s">
        <v>83</v>
      </c>
      <c r="DM8" s="41" t="s">
        <v>47</v>
      </c>
      <c r="DN8" s="41" t="s">
        <v>48</v>
      </c>
      <c r="DO8" s="41" t="s">
        <v>49</v>
      </c>
      <c r="DP8" s="41" t="s">
        <v>50</v>
      </c>
      <c r="DQ8" s="41" t="s">
        <v>51</v>
      </c>
      <c r="DR8" s="42" t="s">
        <v>45</v>
      </c>
      <c r="DS8" s="680"/>
      <c r="DT8" s="43" t="s">
        <v>43</v>
      </c>
      <c r="DU8" s="41" t="s">
        <v>44</v>
      </c>
      <c r="DV8" s="304" t="s">
        <v>45</v>
      </c>
      <c r="DW8" s="44" t="s">
        <v>83</v>
      </c>
      <c r="DX8" s="41" t="s">
        <v>47</v>
      </c>
      <c r="DY8" s="41" t="s">
        <v>48</v>
      </c>
      <c r="DZ8" s="41" t="s">
        <v>49</v>
      </c>
      <c r="EA8" s="41" t="s">
        <v>50</v>
      </c>
      <c r="EB8" s="41" t="s">
        <v>51</v>
      </c>
      <c r="EC8" s="42" t="s">
        <v>45</v>
      </c>
      <c r="ED8" s="656"/>
      <c r="EE8" s="43" t="s">
        <v>43</v>
      </c>
      <c r="EF8" s="41" t="s">
        <v>44</v>
      </c>
      <c r="EG8" s="304" t="s">
        <v>45</v>
      </c>
      <c r="EH8" s="44" t="s">
        <v>83</v>
      </c>
      <c r="EI8" s="41" t="s">
        <v>47</v>
      </c>
      <c r="EJ8" s="41" t="s">
        <v>48</v>
      </c>
      <c r="EK8" s="41" t="s">
        <v>49</v>
      </c>
      <c r="EL8" s="41" t="s">
        <v>50</v>
      </c>
      <c r="EM8" s="41" t="s">
        <v>51</v>
      </c>
      <c r="EN8" s="42" t="s">
        <v>45</v>
      </c>
      <c r="EO8" s="656"/>
      <c r="EP8" s="43" t="s">
        <v>43</v>
      </c>
      <c r="EQ8" s="41" t="s">
        <v>44</v>
      </c>
      <c r="ER8" s="304" t="s">
        <v>45</v>
      </c>
      <c r="ES8" s="44" t="s">
        <v>83</v>
      </c>
      <c r="ET8" s="41" t="s">
        <v>47</v>
      </c>
      <c r="EU8" s="41" t="s">
        <v>48</v>
      </c>
      <c r="EV8" s="41" t="s">
        <v>49</v>
      </c>
      <c r="EW8" s="41" t="s">
        <v>50</v>
      </c>
      <c r="EX8" s="41" t="s">
        <v>51</v>
      </c>
      <c r="EY8" s="42" t="s">
        <v>45</v>
      </c>
      <c r="EZ8" s="656"/>
      <c r="FA8" s="43" t="s">
        <v>43</v>
      </c>
      <c r="FB8" s="41" t="s">
        <v>44</v>
      </c>
      <c r="FC8" s="304" t="s">
        <v>45</v>
      </c>
      <c r="FD8" s="44" t="s">
        <v>83</v>
      </c>
      <c r="FE8" s="41" t="s">
        <v>47</v>
      </c>
      <c r="FF8" s="41" t="s">
        <v>48</v>
      </c>
      <c r="FG8" s="41" t="s">
        <v>49</v>
      </c>
      <c r="FH8" s="41" t="s">
        <v>50</v>
      </c>
      <c r="FI8" s="41" t="s">
        <v>51</v>
      </c>
      <c r="FJ8" s="42" t="s">
        <v>45</v>
      </c>
      <c r="FK8" s="656"/>
      <c r="FL8" s="43" t="s">
        <v>43</v>
      </c>
      <c r="FM8" s="41" t="s">
        <v>44</v>
      </c>
      <c r="FN8" s="304" t="s">
        <v>45</v>
      </c>
      <c r="FO8" s="44" t="s">
        <v>83</v>
      </c>
      <c r="FP8" s="41" t="s">
        <v>47</v>
      </c>
      <c r="FQ8" s="41" t="s">
        <v>48</v>
      </c>
      <c r="FR8" s="41" t="s">
        <v>49</v>
      </c>
      <c r="FS8" s="41" t="s">
        <v>50</v>
      </c>
      <c r="FT8" s="41" t="s">
        <v>51</v>
      </c>
      <c r="FU8" s="42" t="s">
        <v>45</v>
      </c>
      <c r="FV8" s="672"/>
      <c r="FW8" s="43" t="s">
        <v>43</v>
      </c>
      <c r="FX8" s="41" t="s">
        <v>44</v>
      </c>
      <c r="FY8" s="304" t="s">
        <v>45</v>
      </c>
      <c r="FZ8" s="44" t="s">
        <v>83</v>
      </c>
      <c r="GA8" s="41" t="s">
        <v>47</v>
      </c>
      <c r="GB8" s="41" t="s">
        <v>48</v>
      </c>
      <c r="GC8" s="41" t="s">
        <v>49</v>
      </c>
      <c r="GD8" s="41" t="s">
        <v>50</v>
      </c>
      <c r="GE8" s="41" t="s">
        <v>51</v>
      </c>
      <c r="GF8" s="42" t="s">
        <v>45</v>
      </c>
      <c r="GG8" s="656"/>
      <c r="GH8" s="43" t="s">
        <v>43</v>
      </c>
      <c r="GI8" s="41" t="s">
        <v>44</v>
      </c>
      <c r="GJ8" s="304" t="s">
        <v>45</v>
      </c>
      <c r="GK8" s="44" t="s">
        <v>83</v>
      </c>
      <c r="GL8" s="41" t="s">
        <v>47</v>
      </c>
      <c r="GM8" s="41" t="s">
        <v>48</v>
      </c>
      <c r="GN8" s="41" t="s">
        <v>49</v>
      </c>
      <c r="GO8" s="41" t="s">
        <v>50</v>
      </c>
      <c r="GP8" s="41" t="s">
        <v>51</v>
      </c>
      <c r="GQ8" s="42" t="s">
        <v>45</v>
      </c>
      <c r="GR8" s="658"/>
      <c r="GS8" s="43" t="s">
        <v>43</v>
      </c>
      <c r="GT8" s="41" t="s">
        <v>44</v>
      </c>
      <c r="GU8" s="304" t="s">
        <v>45</v>
      </c>
      <c r="GV8" s="44" t="s">
        <v>83</v>
      </c>
      <c r="GW8" s="41" t="s">
        <v>47</v>
      </c>
      <c r="GX8" s="41" t="s">
        <v>48</v>
      </c>
      <c r="GY8" s="41" t="s">
        <v>49</v>
      </c>
      <c r="GZ8" s="41" t="s">
        <v>50</v>
      </c>
      <c r="HA8" s="41" t="s">
        <v>51</v>
      </c>
      <c r="HB8" s="42" t="s">
        <v>45</v>
      </c>
      <c r="HC8" s="658"/>
      <c r="HD8" s="43" t="s">
        <v>43</v>
      </c>
      <c r="HE8" s="41" t="s">
        <v>44</v>
      </c>
      <c r="HF8" s="304" t="s">
        <v>45</v>
      </c>
      <c r="HG8" s="44" t="s">
        <v>83</v>
      </c>
      <c r="HH8" s="41" t="s">
        <v>47</v>
      </c>
      <c r="HI8" s="41" t="s">
        <v>48</v>
      </c>
      <c r="HJ8" s="41" t="s">
        <v>49</v>
      </c>
      <c r="HK8" s="41" t="s">
        <v>50</v>
      </c>
      <c r="HL8" s="41" t="s">
        <v>51</v>
      </c>
      <c r="HM8" s="42" t="s">
        <v>45</v>
      </c>
      <c r="HN8" s="656"/>
      <c r="HO8" s="43" t="s">
        <v>43</v>
      </c>
      <c r="HP8" s="41" t="s">
        <v>44</v>
      </c>
      <c r="HQ8" s="304" t="s">
        <v>45</v>
      </c>
      <c r="HR8" s="44" t="s">
        <v>83</v>
      </c>
      <c r="HS8" s="41" t="s">
        <v>47</v>
      </c>
      <c r="HT8" s="41" t="s">
        <v>48</v>
      </c>
      <c r="HU8" s="41" t="s">
        <v>49</v>
      </c>
      <c r="HV8" s="41" t="s">
        <v>50</v>
      </c>
      <c r="HW8" s="41" t="s">
        <v>51</v>
      </c>
      <c r="HX8" s="42" t="s">
        <v>45</v>
      </c>
      <c r="HY8" s="656"/>
      <c r="HZ8" s="342" t="s">
        <v>43</v>
      </c>
      <c r="IA8" s="343" t="s">
        <v>44</v>
      </c>
      <c r="IB8" s="36" t="s">
        <v>45</v>
      </c>
      <c r="IC8" s="37" t="s">
        <v>83</v>
      </c>
      <c r="ID8" s="343" t="s">
        <v>47</v>
      </c>
      <c r="IE8" s="343" t="s">
        <v>48</v>
      </c>
      <c r="IF8" s="343" t="s">
        <v>49</v>
      </c>
      <c r="IG8" s="343" t="s">
        <v>50</v>
      </c>
      <c r="IH8" s="343" t="s">
        <v>51</v>
      </c>
      <c r="II8" s="14" t="s">
        <v>45</v>
      </c>
      <c r="IJ8" s="623"/>
      <c r="IK8" s="342" t="s">
        <v>43</v>
      </c>
      <c r="IL8" s="343" t="s">
        <v>44</v>
      </c>
      <c r="IM8" s="36" t="s">
        <v>45</v>
      </c>
      <c r="IN8" s="37" t="s">
        <v>83</v>
      </c>
      <c r="IO8" s="51" t="s">
        <v>47</v>
      </c>
      <c r="IP8" s="51" t="s">
        <v>48</v>
      </c>
      <c r="IQ8" s="51" t="s">
        <v>49</v>
      </c>
      <c r="IR8" s="51" t="s">
        <v>50</v>
      </c>
      <c r="IS8" s="51" t="s">
        <v>51</v>
      </c>
      <c r="IT8" s="54" t="s">
        <v>45</v>
      </c>
      <c r="IU8" s="633"/>
      <c r="IV8" s="53" t="s">
        <v>43</v>
      </c>
      <c r="IW8" s="51" t="s">
        <v>44</v>
      </c>
      <c r="IX8" s="54" t="s">
        <v>45</v>
      </c>
      <c r="IY8" s="28" t="s">
        <v>83</v>
      </c>
      <c r="IZ8" s="51" t="s">
        <v>47</v>
      </c>
      <c r="JA8" s="51" t="s">
        <v>48</v>
      </c>
      <c r="JB8" s="51" t="s">
        <v>49</v>
      </c>
      <c r="JC8" s="51" t="s">
        <v>50</v>
      </c>
      <c r="JD8" s="51" t="s">
        <v>51</v>
      </c>
      <c r="JE8" s="54" t="s">
        <v>45</v>
      </c>
      <c r="JF8" s="633"/>
      <c r="JG8" s="53" t="s">
        <v>43</v>
      </c>
      <c r="JH8" s="51" t="s">
        <v>44</v>
      </c>
      <c r="JI8" s="52" t="s">
        <v>45</v>
      </c>
      <c r="JJ8" s="28" t="s">
        <v>83</v>
      </c>
      <c r="JK8" s="51" t="s">
        <v>47</v>
      </c>
      <c r="JL8" s="51" t="s">
        <v>48</v>
      </c>
      <c r="JM8" s="51" t="s">
        <v>49</v>
      </c>
      <c r="JN8" s="51" t="s">
        <v>50</v>
      </c>
      <c r="JO8" s="51" t="s">
        <v>51</v>
      </c>
      <c r="JP8" s="54" t="s">
        <v>45</v>
      </c>
      <c r="JQ8" s="626"/>
      <c r="JR8" s="53" t="s">
        <v>43</v>
      </c>
      <c r="JS8" s="51" t="s">
        <v>44</v>
      </c>
      <c r="JT8" s="52" t="s">
        <v>45</v>
      </c>
      <c r="JU8" s="28" t="s">
        <v>83</v>
      </c>
      <c r="JV8" s="51" t="s">
        <v>47</v>
      </c>
      <c r="JW8" s="51" t="s">
        <v>48</v>
      </c>
      <c r="JX8" s="51" t="s">
        <v>49</v>
      </c>
      <c r="JY8" s="51" t="s">
        <v>50</v>
      </c>
      <c r="JZ8" s="51" t="s">
        <v>51</v>
      </c>
      <c r="KA8" s="54" t="s">
        <v>45</v>
      </c>
      <c r="KB8" s="626"/>
      <c r="KC8" s="53" t="s">
        <v>43</v>
      </c>
      <c r="KD8" s="51" t="s">
        <v>44</v>
      </c>
      <c r="KE8" s="52" t="s">
        <v>45</v>
      </c>
      <c r="KF8" s="28" t="s">
        <v>83</v>
      </c>
      <c r="KG8" s="51" t="s">
        <v>47</v>
      </c>
      <c r="KH8" s="51" t="s">
        <v>48</v>
      </c>
      <c r="KI8" s="51" t="s">
        <v>49</v>
      </c>
      <c r="KJ8" s="51" t="s">
        <v>50</v>
      </c>
      <c r="KK8" s="51" t="s">
        <v>51</v>
      </c>
      <c r="KL8" s="54" t="s">
        <v>45</v>
      </c>
      <c r="KM8" s="626"/>
      <c r="KN8" s="53" t="s">
        <v>43</v>
      </c>
      <c r="KO8" s="51" t="s">
        <v>44</v>
      </c>
      <c r="KP8" s="52" t="s">
        <v>45</v>
      </c>
      <c r="KQ8" s="37" t="s">
        <v>83</v>
      </c>
      <c r="KR8" s="51" t="s">
        <v>47</v>
      </c>
      <c r="KS8" s="51" t="s">
        <v>48</v>
      </c>
      <c r="KT8" s="51" t="s">
        <v>49</v>
      </c>
      <c r="KU8" s="51" t="s">
        <v>50</v>
      </c>
      <c r="KV8" s="51" t="s">
        <v>51</v>
      </c>
      <c r="KW8" s="54" t="s">
        <v>45</v>
      </c>
      <c r="KX8" s="626"/>
      <c r="KY8" s="53" t="s">
        <v>43</v>
      </c>
      <c r="KZ8" s="51" t="s">
        <v>44</v>
      </c>
      <c r="LA8" s="52" t="s">
        <v>45</v>
      </c>
      <c r="LB8" s="37" t="s">
        <v>83</v>
      </c>
      <c r="LC8" s="51" t="s">
        <v>47</v>
      </c>
      <c r="LD8" s="51" t="s">
        <v>48</v>
      </c>
      <c r="LE8" s="51" t="s">
        <v>49</v>
      </c>
      <c r="LF8" s="51" t="s">
        <v>50</v>
      </c>
      <c r="LG8" s="51" t="s">
        <v>51</v>
      </c>
      <c r="LH8" s="54" t="s">
        <v>45</v>
      </c>
      <c r="LI8" s="626"/>
      <c r="LJ8" s="53" t="s">
        <v>43</v>
      </c>
      <c r="LK8" s="51" t="s">
        <v>44</v>
      </c>
      <c r="LL8" s="52" t="s">
        <v>45</v>
      </c>
      <c r="LM8" s="37" t="s">
        <v>83</v>
      </c>
      <c r="LN8" s="51" t="s">
        <v>47</v>
      </c>
      <c r="LO8" s="51" t="s">
        <v>48</v>
      </c>
      <c r="LP8" s="51" t="s">
        <v>49</v>
      </c>
      <c r="LQ8" s="51" t="s">
        <v>50</v>
      </c>
      <c r="LR8" s="51" t="s">
        <v>51</v>
      </c>
      <c r="LS8" s="54" t="s">
        <v>45</v>
      </c>
      <c r="LT8" s="626"/>
      <c r="LU8" s="53" t="s">
        <v>43</v>
      </c>
      <c r="LV8" s="51" t="s">
        <v>44</v>
      </c>
      <c r="LW8" s="52" t="s">
        <v>45</v>
      </c>
      <c r="LX8" s="37" t="s">
        <v>83</v>
      </c>
      <c r="LY8" s="51" t="s">
        <v>47</v>
      </c>
      <c r="LZ8" s="51" t="s">
        <v>48</v>
      </c>
      <c r="MA8" s="51" t="s">
        <v>49</v>
      </c>
      <c r="MB8" s="51" t="s">
        <v>50</v>
      </c>
      <c r="MC8" s="51" t="s">
        <v>51</v>
      </c>
      <c r="MD8" s="54" t="s">
        <v>45</v>
      </c>
      <c r="ME8" s="626"/>
      <c r="MF8" s="53" t="s">
        <v>43</v>
      </c>
      <c r="MG8" s="51" t="s">
        <v>44</v>
      </c>
      <c r="MH8" s="52" t="s">
        <v>45</v>
      </c>
      <c r="MI8" s="37" t="s">
        <v>83</v>
      </c>
      <c r="MJ8" s="51" t="s">
        <v>47</v>
      </c>
      <c r="MK8" s="51" t="s">
        <v>48</v>
      </c>
      <c r="ML8" s="51" t="s">
        <v>49</v>
      </c>
      <c r="MM8" s="51" t="s">
        <v>50</v>
      </c>
      <c r="MN8" s="51" t="s">
        <v>51</v>
      </c>
      <c r="MO8" s="54" t="s">
        <v>45</v>
      </c>
      <c r="MP8" s="626"/>
      <c r="MQ8" s="53" t="s">
        <v>43</v>
      </c>
      <c r="MR8" s="51" t="s">
        <v>44</v>
      </c>
      <c r="MS8" s="52" t="s">
        <v>45</v>
      </c>
      <c r="MT8" s="37" t="s">
        <v>83</v>
      </c>
      <c r="MU8" s="51" t="s">
        <v>47</v>
      </c>
      <c r="MV8" s="51" t="s">
        <v>48</v>
      </c>
      <c r="MW8" s="51" t="s">
        <v>49</v>
      </c>
      <c r="MX8" s="51" t="s">
        <v>50</v>
      </c>
      <c r="MY8" s="51" t="s">
        <v>51</v>
      </c>
      <c r="MZ8" s="54" t="s">
        <v>45</v>
      </c>
      <c r="NA8" s="626"/>
      <c r="NB8" s="53" t="s">
        <v>43</v>
      </c>
      <c r="NC8" s="51" t="s">
        <v>44</v>
      </c>
      <c r="ND8" s="52" t="s">
        <v>45</v>
      </c>
      <c r="NE8" s="37" t="s">
        <v>83</v>
      </c>
      <c r="NF8" s="51" t="s">
        <v>47</v>
      </c>
      <c r="NG8" s="51" t="s">
        <v>48</v>
      </c>
      <c r="NH8" s="51" t="s">
        <v>49</v>
      </c>
      <c r="NI8" s="51" t="s">
        <v>50</v>
      </c>
      <c r="NJ8" s="51" t="s">
        <v>51</v>
      </c>
      <c r="NK8" s="54" t="s">
        <v>45</v>
      </c>
      <c r="NL8" s="626"/>
      <c r="NM8" s="53" t="s">
        <v>43</v>
      </c>
      <c r="NN8" s="51" t="s">
        <v>44</v>
      </c>
      <c r="NO8" s="52" t="s">
        <v>45</v>
      </c>
      <c r="NP8" s="37" t="s">
        <v>83</v>
      </c>
      <c r="NQ8" s="51" t="s">
        <v>47</v>
      </c>
      <c r="NR8" s="51" t="s">
        <v>48</v>
      </c>
      <c r="NS8" s="51" t="s">
        <v>49</v>
      </c>
      <c r="NT8" s="51" t="s">
        <v>50</v>
      </c>
      <c r="NU8" s="51" t="s">
        <v>51</v>
      </c>
      <c r="NV8" s="54" t="s">
        <v>45</v>
      </c>
      <c r="NW8" s="626"/>
      <c r="NX8" s="53" t="s">
        <v>43</v>
      </c>
      <c r="NY8" s="51" t="s">
        <v>44</v>
      </c>
      <c r="NZ8" s="52" t="s">
        <v>45</v>
      </c>
      <c r="OA8" s="37" t="s">
        <v>83</v>
      </c>
      <c r="OB8" s="51" t="s">
        <v>47</v>
      </c>
      <c r="OC8" s="51" t="s">
        <v>48</v>
      </c>
      <c r="OD8" s="51" t="s">
        <v>49</v>
      </c>
      <c r="OE8" s="51" t="s">
        <v>50</v>
      </c>
      <c r="OF8" s="51" t="s">
        <v>51</v>
      </c>
      <c r="OG8" s="54" t="s">
        <v>45</v>
      </c>
      <c r="OH8" s="626"/>
      <c r="OI8" s="53" t="s">
        <v>43</v>
      </c>
      <c r="OJ8" s="51" t="s">
        <v>44</v>
      </c>
      <c r="OK8" s="52" t="s">
        <v>45</v>
      </c>
      <c r="OL8" s="28" t="s">
        <v>83</v>
      </c>
      <c r="OM8" s="51" t="s">
        <v>47</v>
      </c>
      <c r="ON8" s="51" t="s">
        <v>48</v>
      </c>
      <c r="OO8" s="51" t="s">
        <v>49</v>
      </c>
      <c r="OP8" s="51" t="s">
        <v>50</v>
      </c>
      <c r="OQ8" s="51" t="s">
        <v>51</v>
      </c>
      <c r="OR8" s="54" t="s">
        <v>45</v>
      </c>
      <c r="OS8" s="626"/>
    </row>
    <row r="9" spans="1:409" s="444" customFormat="1" ht="21" customHeight="1" x14ac:dyDescent="0.2">
      <c r="A9" s="39"/>
      <c r="B9" s="470" t="s">
        <v>4</v>
      </c>
      <c r="C9" s="360">
        <v>28304910</v>
      </c>
      <c r="D9" s="361">
        <v>44366969</v>
      </c>
      <c r="E9" s="362">
        <v>72671879</v>
      </c>
      <c r="F9" s="363">
        <v>0</v>
      </c>
      <c r="G9" s="361">
        <v>293534076</v>
      </c>
      <c r="H9" s="361">
        <v>406133373</v>
      </c>
      <c r="I9" s="361">
        <v>333503998</v>
      </c>
      <c r="J9" s="361">
        <v>318253360</v>
      </c>
      <c r="K9" s="361">
        <v>202008467</v>
      </c>
      <c r="L9" s="364">
        <v>1553433274</v>
      </c>
      <c r="M9" s="365">
        <v>1626105153</v>
      </c>
      <c r="N9" s="360">
        <v>8471725</v>
      </c>
      <c r="O9" s="361">
        <v>15370104</v>
      </c>
      <c r="P9" s="366">
        <v>23841829</v>
      </c>
      <c r="Q9" s="360">
        <v>0</v>
      </c>
      <c r="R9" s="361">
        <v>94095913</v>
      </c>
      <c r="S9" s="361">
        <v>140559583</v>
      </c>
      <c r="T9" s="361">
        <v>111904203</v>
      </c>
      <c r="U9" s="361">
        <v>119972204</v>
      </c>
      <c r="V9" s="361">
        <v>103655957</v>
      </c>
      <c r="W9" s="366">
        <v>570187860</v>
      </c>
      <c r="X9" s="365">
        <v>594029689</v>
      </c>
      <c r="Y9" s="360">
        <v>0</v>
      </c>
      <c r="Z9" s="361">
        <v>0</v>
      </c>
      <c r="AA9" s="366">
        <v>0</v>
      </c>
      <c r="AB9" s="367">
        <v>0</v>
      </c>
      <c r="AC9" s="368">
        <v>40059002</v>
      </c>
      <c r="AD9" s="368">
        <v>60452242</v>
      </c>
      <c r="AE9" s="368">
        <v>53080160</v>
      </c>
      <c r="AF9" s="368">
        <v>63221815</v>
      </c>
      <c r="AG9" s="368">
        <v>56460112</v>
      </c>
      <c r="AH9" s="366">
        <v>273273331</v>
      </c>
      <c r="AI9" s="365">
        <v>273273331</v>
      </c>
      <c r="AJ9" s="369">
        <v>0</v>
      </c>
      <c r="AK9" s="368">
        <v>23823</v>
      </c>
      <c r="AL9" s="366">
        <v>23823</v>
      </c>
      <c r="AM9" s="367">
        <v>0</v>
      </c>
      <c r="AN9" s="368">
        <v>376496</v>
      </c>
      <c r="AO9" s="364">
        <v>1410755</v>
      </c>
      <c r="AP9" s="368">
        <v>3761225</v>
      </c>
      <c r="AQ9" s="368">
        <v>7134013</v>
      </c>
      <c r="AR9" s="368">
        <v>12917213</v>
      </c>
      <c r="AS9" s="366">
        <v>25599702</v>
      </c>
      <c r="AT9" s="365">
        <v>25623525</v>
      </c>
      <c r="AU9" s="369">
        <v>4437329</v>
      </c>
      <c r="AV9" s="368">
        <v>9667993</v>
      </c>
      <c r="AW9" s="366">
        <v>14105322</v>
      </c>
      <c r="AX9" s="367">
        <v>0</v>
      </c>
      <c r="AY9" s="368">
        <v>33853387</v>
      </c>
      <c r="AZ9" s="368">
        <v>54571907</v>
      </c>
      <c r="BA9" s="368">
        <v>33654166</v>
      </c>
      <c r="BB9" s="368">
        <v>29930704</v>
      </c>
      <c r="BC9" s="368">
        <v>21683081</v>
      </c>
      <c r="BD9" s="366">
        <v>173693245</v>
      </c>
      <c r="BE9" s="370">
        <v>187798567</v>
      </c>
      <c r="BF9" s="369">
        <v>587180</v>
      </c>
      <c r="BG9" s="364">
        <v>1841087</v>
      </c>
      <c r="BH9" s="371">
        <v>2428267</v>
      </c>
      <c r="BI9" s="367">
        <v>0</v>
      </c>
      <c r="BJ9" s="368">
        <v>2645052</v>
      </c>
      <c r="BK9" s="368">
        <v>3797191</v>
      </c>
      <c r="BL9" s="368">
        <v>3159652</v>
      </c>
      <c r="BM9" s="368">
        <v>2502445</v>
      </c>
      <c r="BN9" s="368">
        <v>1332312</v>
      </c>
      <c r="BO9" s="366">
        <v>13436652</v>
      </c>
      <c r="BP9" s="365">
        <v>15864919</v>
      </c>
      <c r="BQ9" s="369">
        <v>3447216</v>
      </c>
      <c r="BR9" s="368">
        <v>3837201</v>
      </c>
      <c r="BS9" s="366">
        <v>7284417</v>
      </c>
      <c r="BT9" s="367">
        <v>0</v>
      </c>
      <c r="BU9" s="368">
        <v>17161976</v>
      </c>
      <c r="BV9" s="368">
        <v>20327488</v>
      </c>
      <c r="BW9" s="368">
        <v>18249000</v>
      </c>
      <c r="BX9" s="368">
        <v>17183227</v>
      </c>
      <c r="BY9" s="368">
        <v>11263239</v>
      </c>
      <c r="BZ9" s="366">
        <v>84184930</v>
      </c>
      <c r="CA9" s="365">
        <v>91469347</v>
      </c>
      <c r="CB9" s="369">
        <v>3030310</v>
      </c>
      <c r="CC9" s="368">
        <v>6958801</v>
      </c>
      <c r="CD9" s="366">
        <v>9989111</v>
      </c>
      <c r="CE9" s="367">
        <v>0</v>
      </c>
      <c r="CF9" s="368">
        <v>89665598</v>
      </c>
      <c r="CG9" s="368">
        <v>117281762</v>
      </c>
      <c r="CH9" s="372">
        <v>80326667</v>
      </c>
      <c r="CI9" s="368">
        <v>48971654</v>
      </c>
      <c r="CJ9" s="368">
        <v>19335685</v>
      </c>
      <c r="CK9" s="366">
        <v>355581366</v>
      </c>
      <c r="CL9" s="365">
        <v>365570477</v>
      </c>
      <c r="CM9" s="360">
        <v>0</v>
      </c>
      <c r="CN9" s="361">
        <v>0</v>
      </c>
      <c r="CO9" s="366">
        <v>0</v>
      </c>
      <c r="CP9" s="367">
        <v>0</v>
      </c>
      <c r="CQ9" s="368">
        <v>74605479</v>
      </c>
      <c r="CR9" s="368">
        <v>87466023</v>
      </c>
      <c r="CS9" s="368">
        <v>56322207</v>
      </c>
      <c r="CT9" s="368">
        <v>33780810</v>
      </c>
      <c r="CU9" s="368">
        <v>14436687</v>
      </c>
      <c r="CV9" s="373">
        <v>266611206</v>
      </c>
      <c r="CW9" s="365">
        <v>266611206</v>
      </c>
      <c r="CX9" s="369">
        <v>3030310</v>
      </c>
      <c r="CY9" s="368">
        <v>6958801</v>
      </c>
      <c r="CZ9" s="366">
        <v>9989111</v>
      </c>
      <c r="DA9" s="367">
        <v>0</v>
      </c>
      <c r="DB9" s="368">
        <v>15060119</v>
      </c>
      <c r="DC9" s="368">
        <v>29815739</v>
      </c>
      <c r="DD9" s="368">
        <v>24004460</v>
      </c>
      <c r="DE9" s="368">
        <v>15190844</v>
      </c>
      <c r="DF9" s="368">
        <v>4898998</v>
      </c>
      <c r="DG9" s="366">
        <v>88970160</v>
      </c>
      <c r="DH9" s="365">
        <v>98959271</v>
      </c>
      <c r="DI9" s="369">
        <v>187941</v>
      </c>
      <c r="DJ9" s="368">
        <v>739454</v>
      </c>
      <c r="DK9" s="371">
        <v>927395</v>
      </c>
      <c r="DL9" s="367">
        <v>0</v>
      </c>
      <c r="DM9" s="368">
        <v>9099695</v>
      </c>
      <c r="DN9" s="368">
        <v>19803617</v>
      </c>
      <c r="DO9" s="368">
        <v>29498520</v>
      </c>
      <c r="DP9" s="368">
        <v>27164416</v>
      </c>
      <c r="DQ9" s="368">
        <v>11039503</v>
      </c>
      <c r="DR9" s="374">
        <v>96605751</v>
      </c>
      <c r="DS9" s="365">
        <v>97533146</v>
      </c>
      <c r="DT9" s="369">
        <v>145974</v>
      </c>
      <c r="DU9" s="368">
        <v>639262</v>
      </c>
      <c r="DV9" s="366">
        <v>785236</v>
      </c>
      <c r="DW9" s="367">
        <v>0</v>
      </c>
      <c r="DX9" s="368">
        <v>8335615</v>
      </c>
      <c r="DY9" s="368">
        <v>16458211</v>
      </c>
      <c r="DZ9" s="368">
        <v>25408473</v>
      </c>
      <c r="EA9" s="368">
        <v>23345546</v>
      </c>
      <c r="EB9" s="368">
        <v>9243178</v>
      </c>
      <c r="EC9" s="366">
        <v>82791023</v>
      </c>
      <c r="ED9" s="365">
        <v>83576259</v>
      </c>
      <c r="EE9" s="369">
        <v>41967</v>
      </c>
      <c r="EF9" s="364">
        <v>100192</v>
      </c>
      <c r="EG9" s="366">
        <v>142159</v>
      </c>
      <c r="EH9" s="370">
        <v>0</v>
      </c>
      <c r="EI9" s="368">
        <v>764080</v>
      </c>
      <c r="EJ9" s="368">
        <v>3345406</v>
      </c>
      <c r="EK9" s="368">
        <v>4090047</v>
      </c>
      <c r="EL9" s="368">
        <v>3818870</v>
      </c>
      <c r="EM9" s="372">
        <v>1796325</v>
      </c>
      <c r="EN9" s="364">
        <v>13814728</v>
      </c>
      <c r="EO9" s="365">
        <v>13956887</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6721692</v>
      </c>
      <c r="FM9" s="368">
        <v>9115426</v>
      </c>
      <c r="FN9" s="366">
        <v>15837118</v>
      </c>
      <c r="FO9" s="367">
        <v>0</v>
      </c>
      <c r="FP9" s="368">
        <v>14578147</v>
      </c>
      <c r="FQ9" s="368">
        <v>40054169</v>
      </c>
      <c r="FR9" s="368">
        <v>27923392</v>
      </c>
      <c r="FS9" s="368">
        <v>24794996</v>
      </c>
      <c r="FT9" s="368">
        <v>15141548</v>
      </c>
      <c r="FU9" s="366">
        <v>122492252</v>
      </c>
      <c r="FV9" s="365">
        <v>138329370</v>
      </c>
      <c r="FW9" s="369">
        <v>2763744</v>
      </c>
      <c r="FX9" s="368">
        <v>6777006</v>
      </c>
      <c r="FY9" s="364">
        <v>9540750</v>
      </c>
      <c r="FZ9" s="370">
        <v>0</v>
      </c>
      <c r="GA9" s="368">
        <v>10666022</v>
      </c>
      <c r="GB9" s="376">
        <v>35870795</v>
      </c>
      <c r="GC9" s="368">
        <v>25701566</v>
      </c>
      <c r="GD9" s="376">
        <v>22364896</v>
      </c>
      <c r="GE9" s="368">
        <v>14404764</v>
      </c>
      <c r="GF9" s="373">
        <v>109008043</v>
      </c>
      <c r="GG9" s="377">
        <v>118548793</v>
      </c>
      <c r="GH9" s="378">
        <v>419917</v>
      </c>
      <c r="GI9" s="368">
        <v>599957</v>
      </c>
      <c r="GJ9" s="376">
        <v>1019874</v>
      </c>
      <c r="GK9" s="363">
        <v>0</v>
      </c>
      <c r="GL9" s="368">
        <v>727901</v>
      </c>
      <c r="GM9" s="364">
        <v>1107702</v>
      </c>
      <c r="GN9" s="368">
        <v>919401</v>
      </c>
      <c r="GO9" s="364">
        <v>671328</v>
      </c>
      <c r="GP9" s="368">
        <v>96544</v>
      </c>
      <c r="GQ9" s="374">
        <v>3522876</v>
      </c>
      <c r="GR9" s="365">
        <v>4542750</v>
      </c>
      <c r="GS9" s="364">
        <v>3538031</v>
      </c>
      <c r="GT9" s="368">
        <v>1738463</v>
      </c>
      <c r="GU9" s="366">
        <v>5276494</v>
      </c>
      <c r="GV9" s="364">
        <v>0</v>
      </c>
      <c r="GW9" s="368">
        <v>3184224</v>
      </c>
      <c r="GX9" s="364">
        <v>3075672</v>
      </c>
      <c r="GY9" s="368">
        <v>1302425</v>
      </c>
      <c r="GZ9" s="364">
        <v>1758772</v>
      </c>
      <c r="HA9" s="368">
        <v>640240</v>
      </c>
      <c r="HB9" s="364">
        <v>9961333</v>
      </c>
      <c r="HC9" s="365">
        <v>15237827</v>
      </c>
      <c r="HD9" s="364">
        <v>9893242</v>
      </c>
      <c r="HE9" s="368">
        <v>12183184</v>
      </c>
      <c r="HF9" s="364">
        <v>22076426</v>
      </c>
      <c r="HG9" s="370">
        <v>0</v>
      </c>
      <c r="HH9" s="368">
        <v>86094723</v>
      </c>
      <c r="HI9" s="376">
        <v>88434242</v>
      </c>
      <c r="HJ9" s="368">
        <v>83851216</v>
      </c>
      <c r="HK9" s="376">
        <v>97350090</v>
      </c>
      <c r="HL9" s="368">
        <v>52835774</v>
      </c>
      <c r="HM9" s="373">
        <v>408566045</v>
      </c>
      <c r="HN9" s="364">
        <v>430642471</v>
      </c>
      <c r="HO9" s="439"/>
      <c r="HP9" s="440"/>
      <c r="HQ9" s="441"/>
      <c r="HR9" s="442"/>
      <c r="HS9" s="440"/>
      <c r="HT9" s="442"/>
      <c r="HU9" s="440"/>
      <c r="HV9" s="442"/>
      <c r="HW9" s="440"/>
      <c r="HX9" s="442"/>
      <c r="HY9" s="443"/>
      <c r="HZ9" s="379">
        <v>623389</v>
      </c>
      <c r="IA9" s="380">
        <v>910567</v>
      </c>
      <c r="IB9" s="381">
        <v>1533956</v>
      </c>
      <c r="IC9" s="382">
        <v>0</v>
      </c>
      <c r="ID9" s="380">
        <v>79293210</v>
      </c>
      <c r="IE9" s="383">
        <v>106589916</v>
      </c>
      <c r="IF9" s="384">
        <v>115211335</v>
      </c>
      <c r="IG9" s="380">
        <v>79442324</v>
      </c>
      <c r="IH9" s="384">
        <v>50947733</v>
      </c>
      <c r="II9" s="385">
        <v>431484518</v>
      </c>
      <c r="IJ9" s="386">
        <v>433018474</v>
      </c>
      <c r="IK9" s="387">
        <v>0</v>
      </c>
      <c r="IL9" s="388">
        <v>0</v>
      </c>
      <c r="IM9" s="389">
        <v>0</v>
      </c>
      <c r="IN9" s="390"/>
      <c r="IO9" s="391">
        <v>1622732</v>
      </c>
      <c r="IP9" s="391">
        <v>3034499</v>
      </c>
      <c r="IQ9" s="391">
        <v>4581609</v>
      </c>
      <c r="IR9" s="391">
        <v>6687375</v>
      </c>
      <c r="IS9" s="391">
        <v>4059641</v>
      </c>
      <c r="IT9" s="392">
        <v>19985856</v>
      </c>
      <c r="IU9" s="393">
        <v>19985856</v>
      </c>
      <c r="IV9" s="394">
        <v>0</v>
      </c>
      <c r="IW9" s="391">
        <v>0</v>
      </c>
      <c r="IX9" s="395">
        <v>0</v>
      </c>
      <c r="IY9" s="396"/>
      <c r="IZ9" s="391">
        <v>190959</v>
      </c>
      <c r="JA9" s="391">
        <v>668264</v>
      </c>
      <c r="JB9" s="391">
        <v>683307</v>
      </c>
      <c r="JC9" s="391">
        <v>1007989</v>
      </c>
      <c r="JD9" s="391">
        <v>690844</v>
      </c>
      <c r="JE9" s="395">
        <v>3241363</v>
      </c>
      <c r="JF9" s="397">
        <v>3241363</v>
      </c>
      <c r="JG9" s="394">
        <v>0</v>
      </c>
      <c r="JH9" s="391">
        <v>0</v>
      </c>
      <c r="JI9" s="392">
        <v>0</v>
      </c>
      <c r="JJ9" s="398">
        <v>0</v>
      </c>
      <c r="JK9" s="391">
        <v>34771269</v>
      </c>
      <c r="JL9" s="391">
        <v>39566411</v>
      </c>
      <c r="JM9" s="391">
        <v>27634274</v>
      </c>
      <c r="JN9" s="391">
        <v>14062688</v>
      </c>
      <c r="JO9" s="391">
        <v>7224251</v>
      </c>
      <c r="JP9" s="395">
        <v>123258893</v>
      </c>
      <c r="JQ9" s="393">
        <v>123258893</v>
      </c>
      <c r="JR9" s="394">
        <v>0</v>
      </c>
      <c r="JS9" s="391">
        <v>0</v>
      </c>
      <c r="JT9" s="392">
        <v>0</v>
      </c>
      <c r="JU9" s="398">
        <v>0</v>
      </c>
      <c r="JV9" s="391">
        <v>5456706</v>
      </c>
      <c r="JW9" s="391">
        <v>6554017</v>
      </c>
      <c r="JX9" s="391">
        <v>10910019</v>
      </c>
      <c r="JY9" s="391">
        <v>4287313</v>
      </c>
      <c r="JZ9" s="391">
        <v>2673342</v>
      </c>
      <c r="KA9" s="395">
        <v>29881397</v>
      </c>
      <c r="KB9" s="393">
        <v>29881397</v>
      </c>
      <c r="KC9" s="399">
        <v>623389</v>
      </c>
      <c r="KD9" s="400">
        <v>910567</v>
      </c>
      <c r="KE9" s="395">
        <v>1533956</v>
      </c>
      <c r="KF9" s="398">
        <v>0</v>
      </c>
      <c r="KG9" s="391">
        <v>9707285</v>
      </c>
      <c r="KH9" s="391">
        <v>13167317</v>
      </c>
      <c r="KI9" s="391">
        <v>19088630</v>
      </c>
      <c r="KJ9" s="391">
        <v>11956807</v>
      </c>
      <c r="KK9" s="391">
        <v>6233064</v>
      </c>
      <c r="KL9" s="395">
        <v>60153103</v>
      </c>
      <c r="KM9" s="401">
        <v>61687059</v>
      </c>
      <c r="KN9" s="387">
        <v>0</v>
      </c>
      <c r="KO9" s="388">
        <v>0</v>
      </c>
      <c r="KP9" s="389">
        <v>0</v>
      </c>
      <c r="KQ9" s="390"/>
      <c r="KR9" s="391">
        <v>23943179</v>
      </c>
      <c r="KS9" s="391">
        <v>39098077</v>
      </c>
      <c r="KT9" s="391">
        <v>41424162</v>
      </c>
      <c r="KU9" s="391">
        <v>26400876</v>
      </c>
      <c r="KV9" s="391">
        <v>16948300</v>
      </c>
      <c r="KW9" s="395">
        <v>147814594</v>
      </c>
      <c r="KX9" s="393">
        <v>147814594</v>
      </c>
      <c r="KY9" s="394">
        <v>0</v>
      </c>
      <c r="KZ9" s="391">
        <v>0</v>
      </c>
      <c r="LA9" s="395">
        <v>0</v>
      </c>
      <c r="LB9" s="402"/>
      <c r="LC9" s="391">
        <v>413511</v>
      </c>
      <c r="LD9" s="391">
        <v>891563</v>
      </c>
      <c r="LE9" s="391">
        <v>1347424</v>
      </c>
      <c r="LF9" s="391">
        <v>328672</v>
      </c>
      <c r="LG9" s="391">
        <v>341107</v>
      </c>
      <c r="LH9" s="395">
        <v>3322277</v>
      </c>
      <c r="LI9" s="397">
        <v>3322277</v>
      </c>
      <c r="LJ9" s="394">
        <v>0</v>
      </c>
      <c r="LK9" s="391">
        <v>0</v>
      </c>
      <c r="LL9" s="395">
        <v>0</v>
      </c>
      <c r="LM9" s="402"/>
      <c r="LN9" s="391">
        <v>0</v>
      </c>
      <c r="LO9" s="391">
        <v>629444</v>
      </c>
      <c r="LP9" s="391">
        <v>4269653</v>
      </c>
      <c r="LQ9" s="391">
        <v>6003059</v>
      </c>
      <c r="LR9" s="391">
        <v>3791255</v>
      </c>
      <c r="LS9" s="395">
        <v>14693411</v>
      </c>
      <c r="LT9" s="393">
        <v>14693411</v>
      </c>
      <c r="LU9" s="394">
        <v>0</v>
      </c>
      <c r="LV9" s="391">
        <v>0</v>
      </c>
      <c r="LW9" s="395">
        <v>0</v>
      </c>
      <c r="LX9" s="402"/>
      <c r="LY9" s="391">
        <v>3187569</v>
      </c>
      <c r="LZ9" s="391">
        <v>2980324</v>
      </c>
      <c r="MA9" s="391">
        <v>5272257</v>
      </c>
      <c r="MB9" s="391">
        <v>8707545</v>
      </c>
      <c r="MC9" s="391">
        <v>8985929</v>
      </c>
      <c r="MD9" s="395">
        <v>29133624</v>
      </c>
      <c r="ME9" s="397">
        <v>29133624</v>
      </c>
      <c r="MF9" s="394">
        <v>0</v>
      </c>
      <c r="MG9" s="391">
        <v>0</v>
      </c>
      <c r="MH9" s="395">
        <v>0</v>
      </c>
      <c r="MI9" s="402"/>
      <c r="MJ9" s="391">
        <v>24066188</v>
      </c>
      <c r="MK9" s="391">
        <v>60994178</v>
      </c>
      <c r="ML9" s="391">
        <v>183479501</v>
      </c>
      <c r="MM9" s="391">
        <v>271048277</v>
      </c>
      <c r="MN9" s="391">
        <v>149011684</v>
      </c>
      <c r="MO9" s="395">
        <v>688599828</v>
      </c>
      <c r="MP9" s="401">
        <v>688599828</v>
      </c>
      <c r="MQ9" s="394">
        <v>0</v>
      </c>
      <c r="MR9" s="391">
        <v>0</v>
      </c>
      <c r="MS9" s="395">
        <v>0</v>
      </c>
      <c r="MT9" s="402"/>
      <c r="MU9" s="391">
        <v>3172604</v>
      </c>
      <c r="MV9" s="391">
        <v>14633989</v>
      </c>
      <c r="MW9" s="391">
        <v>111742150</v>
      </c>
      <c r="MX9" s="391">
        <v>178022346</v>
      </c>
      <c r="MY9" s="391">
        <v>93995332</v>
      </c>
      <c r="MZ9" s="395">
        <v>401566421</v>
      </c>
      <c r="NA9" s="401">
        <v>401566421</v>
      </c>
      <c r="NB9" s="394">
        <v>0</v>
      </c>
      <c r="NC9" s="391">
        <v>0</v>
      </c>
      <c r="ND9" s="395">
        <v>0</v>
      </c>
      <c r="NE9" s="402"/>
      <c r="NF9" s="391">
        <v>20893584</v>
      </c>
      <c r="NG9" s="391">
        <v>46142108</v>
      </c>
      <c r="NH9" s="391">
        <v>71106510</v>
      </c>
      <c r="NI9" s="391">
        <v>85943210</v>
      </c>
      <c r="NJ9" s="391">
        <v>46858282</v>
      </c>
      <c r="NK9" s="395">
        <v>270943694</v>
      </c>
      <c r="NL9" s="393">
        <v>270943694</v>
      </c>
      <c r="NM9" s="394">
        <v>0</v>
      </c>
      <c r="NN9" s="391">
        <v>0</v>
      </c>
      <c r="NO9" s="395">
        <v>0</v>
      </c>
      <c r="NP9" s="402"/>
      <c r="NQ9" s="391">
        <v>0</v>
      </c>
      <c r="NR9" s="391">
        <v>0</v>
      </c>
      <c r="NS9" s="391">
        <v>0</v>
      </c>
      <c r="NT9" s="391">
        <v>2744141</v>
      </c>
      <c r="NU9" s="391">
        <v>1619799</v>
      </c>
      <c r="NV9" s="395">
        <v>4363940</v>
      </c>
      <c r="NW9" s="397">
        <v>4363940</v>
      </c>
      <c r="NX9" s="394">
        <v>0</v>
      </c>
      <c r="NY9" s="391">
        <v>0</v>
      </c>
      <c r="NZ9" s="395">
        <v>0</v>
      </c>
      <c r="OA9" s="402"/>
      <c r="OB9" s="391">
        <v>0</v>
      </c>
      <c r="OC9" s="391">
        <v>218081</v>
      </c>
      <c r="OD9" s="391">
        <v>630841</v>
      </c>
      <c r="OE9" s="391">
        <v>4338580</v>
      </c>
      <c r="OF9" s="391">
        <v>6538271</v>
      </c>
      <c r="OG9" s="395">
        <v>11725773</v>
      </c>
      <c r="OH9" s="397">
        <v>11725773</v>
      </c>
      <c r="OI9" s="394">
        <v>28928299</v>
      </c>
      <c r="OJ9" s="391">
        <v>45277536</v>
      </c>
      <c r="OK9" s="392">
        <v>74205835</v>
      </c>
      <c r="OL9" s="398">
        <v>0</v>
      </c>
      <c r="OM9" s="391">
        <v>396893474</v>
      </c>
      <c r="ON9" s="391">
        <v>573717467</v>
      </c>
      <c r="OO9" s="391">
        <v>632194834</v>
      </c>
      <c r="OP9" s="391">
        <v>668743961</v>
      </c>
      <c r="OQ9" s="391">
        <v>401967884</v>
      </c>
      <c r="OR9" s="395">
        <v>2673517620</v>
      </c>
      <c r="OS9" s="401">
        <v>2747723455</v>
      </c>
    </row>
    <row r="10" spans="1:409" s="444" customFormat="1" ht="21" customHeight="1" x14ac:dyDescent="0.2">
      <c r="A10" s="39"/>
      <c r="B10" s="471" t="s">
        <v>5</v>
      </c>
      <c r="C10" s="404">
        <v>12429858</v>
      </c>
      <c r="D10" s="405">
        <v>24397691</v>
      </c>
      <c r="E10" s="406">
        <v>36827549</v>
      </c>
      <c r="F10" s="407">
        <v>0</v>
      </c>
      <c r="G10" s="405">
        <v>109588851</v>
      </c>
      <c r="H10" s="405">
        <v>186346984</v>
      </c>
      <c r="I10" s="405">
        <v>150678199</v>
      </c>
      <c r="J10" s="405">
        <v>138535211</v>
      </c>
      <c r="K10" s="405">
        <v>91410043</v>
      </c>
      <c r="L10" s="407">
        <v>676559288</v>
      </c>
      <c r="M10" s="408">
        <v>713386837</v>
      </c>
      <c r="N10" s="404">
        <v>4274562</v>
      </c>
      <c r="O10" s="405">
        <v>9124247</v>
      </c>
      <c r="P10" s="406">
        <v>13398809</v>
      </c>
      <c r="Q10" s="404">
        <v>0</v>
      </c>
      <c r="R10" s="405">
        <v>37138063</v>
      </c>
      <c r="S10" s="405">
        <v>68365129</v>
      </c>
      <c r="T10" s="405">
        <v>51623977</v>
      </c>
      <c r="U10" s="405">
        <v>51382345</v>
      </c>
      <c r="V10" s="405">
        <v>45763810</v>
      </c>
      <c r="W10" s="406">
        <v>254273324</v>
      </c>
      <c r="X10" s="408">
        <v>267672133</v>
      </c>
      <c r="Y10" s="404">
        <v>0</v>
      </c>
      <c r="Z10" s="405">
        <v>0</v>
      </c>
      <c r="AA10" s="406">
        <v>0</v>
      </c>
      <c r="AB10" s="404">
        <v>0</v>
      </c>
      <c r="AC10" s="405">
        <v>15746525</v>
      </c>
      <c r="AD10" s="405">
        <v>27359395</v>
      </c>
      <c r="AE10" s="405">
        <v>23711409</v>
      </c>
      <c r="AF10" s="405">
        <v>23901568</v>
      </c>
      <c r="AG10" s="405">
        <v>23977820</v>
      </c>
      <c r="AH10" s="406">
        <v>114696717</v>
      </c>
      <c r="AI10" s="408">
        <v>114696717</v>
      </c>
      <c r="AJ10" s="404">
        <v>0</v>
      </c>
      <c r="AK10" s="405">
        <v>23823</v>
      </c>
      <c r="AL10" s="406">
        <v>23823</v>
      </c>
      <c r="AM10" s="404">
        <v>0</v>
      </c>
      <c r="AN10" s="405">
        <v>40314</v>
      </c>
      <c r="AO10" s="405">
        <v>433074</v>
      </c>
      <c r="AP10" s="405">
        <v>1373551</v>
      </c>
      <c r="AQ10" s="405">
        <v>3008183</v>
      </c>
      <c r="AR10" s="405">
        <v>6339741</v>
      </c>
      <c r="AS10" s="406">
        <v>11194863</v>
      </c>
      <c r="AT10" s="408">
        <v>11218686</v>
      </c>
      <c r="AU10" s="404">
        <v>2461626</v>
      </c>
      <c r="AV10" s="405">
        <v>5837586</v>
      </c>
      <c r="AW10" s="406">
        <v>8299212</v>
      </c>
      <c r="AX10" s="404">
        <v>0</v>
      </c>
      <c r="AY10" s="405">
        <v>14172103</v>
      </c>
      <c r="AZ10" s="405">
        <v>30155112</v>
      </c>
      <c r="BA10" s="405">
        <v>17200276</v>
      </c>
      <c r="BB10" s="405">
        <v>15688262</v>
      </c>
      <c r="BC10" s="405">
        <v>9947620</v>
      </c>
      <c r="BD10" s="406">
        <v>87163373</v>
      </c>
      <c r="BE10" s="408">
        <v>95462585</v>
      </c>
      <c r="BF10" s="404">
        <v>197192</v>
      </c>
      <c r="BG10" s="405">
        <v>954325</v>
      </c>
      <c r="BH10" s="409">
        <v>1151517</v>
      </c>
      <c r="BI10" s="410">
        <v>0</v>
      </c>
      <c r="BJ10" s="405">
        <v>823611</v>
      </c>
      <c r="BK10" s="405">
        <v>1301084</v>
      </c>
      <c r="BL10" s="405">
        <v>1298533</v>
      </c>
      <c r="BM10" s="405">
        <v>955028</v>
      </c>
      <c r="BN10" s="405">
        <v>599240</v>
      </c>
      <c r="BO10" s="406">
        <v>4977496</v>
      </c>
      <c r="BP10" s="408">
        <v>6129013</v>
      </c>
      <c r="BQ10" s="404">
        <v>1615744</v>
      </c>
      <c r="BR10" s="405">
        <v>2308513</v>
      </c>
      <c r="BS10" s="406">
        <v>3924257</v>
      </c>
      <c r="BT10" s="404">
        <v>0</v>
      </c>
      <c r="BU10" s="405">
        <v>6355510</v>
      </c>
      <c r="BV10" s="405">
        <v>9116464</v>
      </c>
      <c r="BW10" s="405">
        <v>8040208</v>
      </c>
      <c r="BX10" s="405">
        <v>7829304</v>
      </c>
      <c r="BY10" s="405">
        <v>4899389</v>
      </c>
      <c r="BZ10" s="406">
        <v>36240875</v>
      </c>
      <c r="CA10" s="408">
        <v>40165132</v>
      </c>
      <c r="CB10" s="404">
        <v>1580050</v>
      </c>
      <c r="CC10" s="405">
        <v>3565012</v>
      </c>
      <c r="CD10" s="406">
        <v>5145062</v>
      </c>
      <c r="CE10" s="404">
        <v>0</v>
      </c>
      <c r="CF10" s="405">
        <v>32368262</v>
      </c>
      <c r="CG10" s="405">
        <v>51111642</v>
      </c>
      <c r="CH10" s="405">
        <v>34563645</v>
      </c>
      <c r="CI10" s="405">
        <v>20559987</v>
      </c>
      <c r="CJ10" s="405">
        <v>8347185</v>
      </c>
      <c r="CK10" s="406">
        <v>146950721</v>
      </c>
      <c r="CL10" s="408">
        <v>152095783</v>
      </c>
      <c r="CM10" s="404">
        <v>0</v>
      </c>
      <c r="CN10" s="405">
        <v>0</v>
      </c>
      <c r="CO10" s="406">
        <v>0</v>
      </c>
      <c r="CP10" s="410">
        <v>0</v>
      </c>
      <c r="CQ10" s="405">
        <v>26923054</v>
      </c>
      <c r="CR10" s="405">
        <v>37632976</v>
      </c>
      <c r="CS10" s="405">
        <v>22945549</v>
      </c>
      <c r="CT10" s="405">
        <v>12313436</v>
      </c>
      <c r="CU10" s="405">
        <v>6355063</v>
      </c>
      <c r="CV10" s="406">
        <v>106170078</v>
      </c>
      <c r="CW10" s="408">
        <v>106170078</v>
      </c>
      <c r="CX10" s="404">
        <v>1580050</v>
      </c>
      <c r="CY10" s="405">
        <v>3565012</v>
      </c>
      <c r="CZ10" s="406">
        <v>5145062</v>
      </c>
      <c r="DA10" s="404">
        <v>0</v>
      </c>
      <c r="DB10" s="405">
        <v>5445208</v>
      </c>
      <c r="DC10" s="405">
        <v>13478666</v>
      </c>
      <c r="DD10" s="405">
        <v>11618096</v>
      </c>
      <c r="DE10" s="405">
        <v>8246551</v>
      </c>
      <c r="DF10" s="405">
        <v>1992122</v>
      </c>
      <c r="DG10" s="406">
        <v>40780643</v>
      </c>
      <c r="DH10" s="408">
        <v>45925705</v>
      </c>
      <c r="DI10" s="404">
        <v>41938</v>
      </c>
      <c r="DJ10" s="405">
        <v>456395</v>
      </c>
      <c r="DK10" s="409">
        <v>498333</v>
      </c>
      <c r="DL10" s="410">
        <v>0</v>
      </c>
      <c r="DM10" s="405">
        <v>3344501</v>
      </c>
      <c r="DN10" s="405">
        <v>8561064</v>
      </c>
      <c r="DO10" s="405">
        <v>13606003</v>
      </c>
      <c r="DP10" s="405">
        <v>10906543</v>
      </c>
      <c r="DQ10" s="405">
        <v>5123029</v>
      </c>
      <c r="DR10" s="406">
        <v>41541140</v>
      </c>
      <c r="DS10" s="408">
        <v>42039473</v>
      </c>
      <c r="DT10" s="404">
        <v>25284</v>
      </c>
      <c r="DU10" s="405">
        <v>356203</v>
      </c>
      <c r="DV10" s="406">
        <v>381487</v>
      </c>
      <c r="DW10" s="404">
        <v>0</v>
      </c>
      <c r="DX10" s="405">
        <v>2847436</v>
      </c>
      <c r="DY10" s="405">
        <v>6151302</v>
      </c>
      <c r="DZ10" s="405">
        <v>10944854</v>
      </c>
      <c r="EA10" s="405">
        <v>8262329</v>
      </c>
      <c r="EB10" s="405">
        <v>3949911</v>
      </c>
      <c r="EC10" s="406">
        <v>32155832</v>
      </c>
      <c r="ED10" s="408">
        <v>32537319</v>
      </c>
      <c r="EE10" s="404">
        <v>16654</v>
      </c>
      <c r="EF10" s="409">
        <v>100192</v>
      </c>
      <c r="EG10" s="406">
        <v>116846</v>
      </c>
      <c r="EH10" s="404">
        <v>0</v>
      </c>
      <c r="EI10" s="405">
        <v>497065</v>
      </c>
      <c r="EJ10" s="405">
        <v>2409762</v>
      </c>
      <c r="EK10" s="405">
        <v>2661149</v>
      </c>
      <c r="EL10" s="405">
        <v>2644214</v>
      </c>
      <c r="EM10" s="405">
        <v>1173118</v>
      </c>
      <c r="EN10" s="409">
        <v>9385308</v>
      </c>
      <c r="EO10" s="408">
        <v>9502154</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2459171</v>
      </c>
      <c r="FM10" s="405">
        <v>4399215</v>
      </c>
      <c r="FN10" s="406">
        <v>6858386</v>
      </c>
      <c r="FO10" s="404">
        <v>0</v>
      </c>
      <c r="FP10" s="405">
        <v>4379772</v>
      </c>
      <c r="FQ10" s="405">
        <v>17756398</v>
      </c>
      <c r="FR10" s="405">
        <v>12094838</v>
      </c>
      <c r="FS10" s="405">
        <v>10062392</v>
      </c>
      <c r="FT10" s="405">
        <v>7005812</v>
      </c>
      <c r="FU10" s="406">
        <v>51299212</v>
      </c>
      <c r="FV10" s="408">
        <v>58157598</v>
      </c>
      <c r="FW10" s="412">
        <v>948600</v>
      </c>
      <c r="FX10" s="405">
        <v>3159306</v>
      </c>
      <c r="FY10" s="409">
        <v>4107906</v>
      </c>
      <c r="FZ10" s="410">
        <v>0</v>
      </c>
      <c r="GA10" s="405">
        <v>3249074</v>
      </c>
      <c r="GB10" s="405">
        <v>15532544</v>
      </c>
      <c r="GC10" s="405">
        <v>11170142</v>
      </c>
      <c r="GD10" s="405">
        <v>9101664</v>
      </c>
      <c r="GE10" s="405">
        <v>6433428</v>
      </c>
      <c r="GF10" s="406">
        <v>45486852</v>
      </c>
      <c r="GG10" s="413">
        <v>49594758</v>
      </c>
      <c r="GH10" s="412">
        <v>172491</v>
      </c>
      <c r="GI10" s="405">
        <v>234869</v>
      </c>
      <c r="GJ10" s="409">
        <v>407360</v>
      </c>
      <c r="GK10" s="410">
        <v>0</v>
      </c>
      <c r="GL10" s="405">
        <v>184898</v>
      </c>
      <c r="GM10" s="405">
        <v>514102</v>
      </c>
      <c r="GN10" s="405">
        <v>415176</v>
      </c>
      <c r="GO10" s="405">
        <v>174864</v>
      </c>
      <c r="GP10" s="405">
        <v>64064</v>
      </c>
      <c r="GQ10" s="406">
        <v>1353104</v>
      </c>
      <c r="GR10" s="408">
        <v>1760464</v>
      </c>
      <c r="GS10" s="404">
        <v>1338080</v>
      </c>
      <c r="GT10" s="405">
        <v>1005040</v>
      </c>
      <c r="GU10" s="406">
        <v>2343120</v>
      </c>
      <c r="GV10" s="404">
        <v>0</v>
      </c>
      <c r="GW10" s="405">
        <v>945800</v>
      </c>
      <c r="GX10" s="405">
        <v>1709752</v>
      </c>
      <c r="GY10" s="405">
        <v>509520</v>
      </c>
      <c r="GZ10" s="405">
        <v>785864</v>
      </c>
      <c r="HA10" s="405">
        <v>508320</v>
      </c>
      <c r="HB10" s="409">
        <v>4459256</v>
      </c>
      <c r="HC10" s="408">
        <v>6802376</v>
      </c>
      <c r="HD10" s="404">
        <v>4074137</v>
      </c>
      <c r="HE10" s="405">
        <v>6852822</v>
      </c>
      <c r="HF10" s="409">
        <v>10926959</v>
      </c>
      <c r="HG10" s="410">
        <v>0</v>
      </c>
      <c r="HH10" s="405">
        <v>32358253</v>
      </c>
      <c r="HI10" s="405">
        <v>40552751</v>
      </c>
      <c r="HJ10" s="405">
        <v>38789736</v>
      </c>
      <c r="HK10" s="405">
        <v>45623944</v>
      </c>
      <c r="HL10" s="405">
        <v>25170207</v>
      </c>
      <c r="HM10" s="406">
        <v>182494891</v>
      </c>
      <c r="HN10" s="407">
        <v>193421850</v>
      </c>
      <c r="HO10" s="445"/>
      <c r="HP10" s="446"/>
      <c r="HQ10" s="447"/>
      <c r="HR10" s="448"/>
      <c r="HS10" s="446"/>
      <c r="HT10" s="446"/>
      <c r="HU10" s="446"/>
      <c r="HV10" s="446"/>
      <c r="HW10" s="446"/>
      <c r="HX10" s="449"/>
      <c r="HY10" s="450"/>
      <c r="HZ10" s="414">
        <v>268680</v>
      </c>
      <c r="IA10" s="415">
        <v>247776</v>
      </c>
      <c r="IB10" s="416">
        <v>516456</v>
      </c>
      <c r="IC10" s="417">
        <v>0</v>
      </c>
      <c r="ID10" s="418">
        <v>29778264</v>
      </c>
      <c r="IE10" s="419">
        <v>46308162</v>
      </c>
      <c r="IF10" s="420">
        <v>42108230</v>
      </c>
      <c r="IG10" s="418">
        <v>34378801</v>
      </c>
      <c r="IH10" s="420">
        <v>24836820</v>
      </c>
      <c r="II10" s="421">
        <v>177410277</v>
      </c>
      <c r="IJ10" s="422">
        <v>177926733</v>
      </c>
      <c r="IK10" s="423">
        <v>0</v>
      </c>
      <c r="IL10" s="424">
        <v>0</v>
      </c>
      <c r="IM10" s="425">
        <v>0</v>
      </c>
      <c r="IN10" s="426"/>
      <c r="IO10" s="427">
        <v>607385</v>
      </c>
      <c r="IP10" s="427">
        <v>1556945</v>
      </c>
      <c r="IQ10" s="427">
        <v>1710868</v>
      </c>
      <c r="IR10" s="427">
        <v>3982262</v>
      </c>
      <c r="IS10" s="427">
        <v>2546505</v>
      </c>
      <c r="IT10" s="428">
        <v>10403965</v>
      </c>
      <c r="IU10" s="429">
        <v>10403965</v>
      </c>
      <c r="IV10" s="430">
        <v>0</v>
      </c>
      <c r="IW10" s="427">
        <v>0</v>
      </c>
      <c r="IX10" s="431">
        <v>0</v>
      </c>
      <c r="IY10" s="432"/>
      <c r="IZ10" s="427">
        <v>99258</v>
      </c>
      <c r="JA10" s="427">
        <v>496036</v>
      </c>
      <c r="JB10" s="427">
        <v>357978</v>
      </c>
      <c r="JC10" s="427">
        <v>951609</v>
      </c>
      <c r="JD10" s="427">
        <v>558093</v>
      </c>
      <c r="JE10" s="431">
        <v>2462974</v>
      </c>
      <c r="JF10" s="433">
        <v>2462974</v>
      </c>
      <c r="JG10" s="430">
        <v>0</v>
      </c>
      <c r="JH10" s="427">
        <v>0</v>
      </c>
      <c r="JI10" s="428">
        <v>0</v>
      </c>
      <c r="JJ10" s="434">
        <v>0</v>
      </c>
      <c r="JK10" s="427">
        <v>14279057</v>
      </c>
      <c r="JL10" s="427">
        <v>19263540</v>
      </c>
      <c r="JM10" s="427">
        <v>12943508</v>
      </c>
      <c r="JN10" s="427">
        <v>6991329</v>
      </c>
      <c r="JO10" s="427">
        <v>3255073</v>
      </c>
      <c r="JP10" s="431">
        <v>56732507</v>
      </c>
      <c r="JQ10" s="429">
        <v>56732507</v>
      </c>
      <c r="JR10" s="430">
        <v>0</v>
      </c>
      <c r="JS10" s="427">
        <v>0</v>
      </c>
      <c r="JT10" s="428">
        <v>0</v>
      </c>
      <c r="JU10" s="434">
        <v>0</v>
      </c>
      <c r="JV10" s="427">
        <v>2905289</v>
      </c>
      <c r="JW10" s="427">
        <v>2787085</v>
      </c>
      <c r="JX10" s="427">
        <v>5892094</v>
      </c>
      <c r="JY10" s="427">
        <v>2337803</v>
      </c>
      <c r="JZ10" s="427">
        <v>1502387</v>
      </c>
      <c r="KA10" s="431">
        <v>15424658</v>
      </c>
      <c r="KB10" s="429">
        <v>15424658</v>
      </c>
      <c r="KC10" s="435">
        <v>268680</v>
      </c>
      <c r="KD10" s="436">
        <v>247776</v>
      </c>
      <c r="KE10" s="431">
        <v>516456</v>
      </c>
      <c r="KF10" s="434">
        <v>0</v>
      </c>
      <c r="KG10" s="427">
        <v>2750917</v>
      </c>
      <c r="KH10" s="427">
        <v>6498445</v>
      </c>
      <c r="KI10" s="427">
        <v>6654068</v>
      </c>
      <c r="KJ10" s="427">
        <v>4705447</v>
      </c>
      <c r="KK10" s="427">
        <v>2635225</v>
      </c>
      <c r="KL10" s="431">
        <v>23244102</v>
      </c>
      <c r="KM10" s="437">
        <v>23760558</v>
      </c>
      <c r="KN10" s="423">
        <v>0</v>
      </c>
      <c r="KO10" s="424">
        <v>0</v>
      </c>
      <c r="KP10" s="425">
        <v>0</v>
      </c>
      <c r="KQ10" s="426"/>
      <c r="KR10" s="427">
        <v>8703163</v>
      </c>
      <c r="KS10" s="427">
        <v>14943375</v>
      </c>
      <c r="KT10" s="427">
        <v>12431813</v>
      </c>
      <c r="KU10" s="427">
        <v>11663987</v>
      </c>
      <c r="KV10" s="427">
        <v>7927469</v>
      </c>
      <c r="KW10" s="431">
        <v>55669807</v>
      </c>
      <c r="KX10" s="429">
        <v>55669807</v>
      </c>
      <c r="KY10" s="430">
        <v>0</v>
      </c>
      <c r="KZ10" s="427">
        <v>0</v>
      </c>
      <c r="LA10" s="431">
        <v>0</v>
      </c>
      <c r="LB10" s="438"/>
      <c r="LC10" s="427">
        <v>0</v>
      </c>
      <c r="LD10" s="427">
        <v>0</v>
      </c>
      <c r="LE10" s="427">
        <v>0</v>
      </c>
      <c r="LF10" s="427">
        <v>0</v>
      </c>
      <c r="LG10" s="427">
        <v>0</v>
      </c>
      <c r="LH10" s="431">
        <v>0</v>
      </c>
      <c r="LI10" s="433">
        <v>0</v>
      </c>
      <c r="LJ10" s="430">
        <v>0</v>
      </c>
      <c r="LK10" s="427">
        <v>0</v>
      </c>
      <c r="LL10" s="431">
        <v>0</v>
      </c>
      <c r="LM10" s="438"/>
      <c r="LN10" s="427">
        <v>0</v>
      </c>
      <c r="LO10" s="427">
        <v>242100</v>
      </c>
      <c r="LP10" s="427">
        <v>801948</v>
      </c>
      <c r="LQ10" s="427">
        <v>866251</v>
      </c>
      <c r="LR10" s="427">
        <v>1233860</v>
      </c>
      <c r="LS10" s="431">
        <v>3144159</v>
      </c>
      <c r="LT10" s="429">
        <v>3144159</v>
      </c>
      <c r="LU10" s="430">
        <v>0</v>
      </c>
      <c r="LV10" s="427">
        <v>0</v>
      </c>
      <c r="LW10" s="431">
        <v>0</v>
      </c>
      <c r="LX10" s="438"/>
      <c r="LY10" s="427">
        <v>433195</v>
      </c>
      <c r="LZ10" s="427">
        <v>520636</v>
      </c>
      <c r="MA10" s="427">
        <v>1315953</v>
      </c>
      <c r="MB10" s="427">
        <v>2880113</v>
      </c>
      <c r="MC10" s="427">
        <v>5178208</v>
      </c>
      <c r="MD10" s="431">
        <v>10328105</v>
      </c>
      <c r="ME10" s="433">
        <v>10328105</v>
      </c>
      <c r="MF10" s="430">
        <v>0</v>
      </c>
      <c r="MG10" s="427">
        <v>0</v>
      </c>
      <c r="MH10" s="431">
        <v>0</v>
      </c>
      <c r="MI10" s="438"/>
      <c r="MJ10" s="427">
        <v>12814055</v>
      </c>
      <c r="MK10" s="427">
        <v>38131100</v>
      </c>
      <c r="ML10" s="427">
        <v>96828092</v>
      </c>
      <c r="MM10" s="427">
        <v>122782428</v>
      </c>
      <c r="MN10" s="427">
        <v>64054139</v>
      </c>
      <c r="MO10" s="431">
        <v>334609814</v>
      </c>
      <c r="MP10" s="437">
        <v>334609814</v>
      </c>
      <c r="MQ10" s="430">
        <v>0</v>
      </c>
      <c r="MR10" s="427">
        <v>0</v>
      </c>
      <c r="MS10" s="431">
        <v>0</v>
      </c>
      <c r="MT10" s="438"/>
      <c r="MU10" s="427">
        <v>2357071</v>
      </c>
      <c r="MV10" s="427">
        <v>12099581</v>
      </c>
      <c r="MW10" s="427">
        <v>58864376</v>
      </c>
      <c r="MX10" s="427">
        <v>74796680</v>
      </c>
      <c r="MY10" s="427">
        <v>41524483</v>
      </c>
      <c r="MZ10" s="431">
        <v>189642191</v>
      </c>
      <c r="NA10" s="437">
        <v>189642191</v>
      </c>
      <c r="NB10" s="430">
        <v>0</v>
      </c>
      <c r="NC10" s="427">
        <v>0</v>
      </c>
      <c r="ND10" s="431">
        <v>0</v>
      </c>
      <c r="NE10" s="438"/>
      <c r="NF10" s="427">
        <v>10456984</v>
      </c>
      <c r="NG10" s="427">
        <v>26031519</v>
      </c>
      <c r="NH10" s="427">
        <v>37650298</v>
      </c>
      <c r="NI10" s="427">
        <v>45539477</v>
      </c>
      <c r="NJ10" s="427">
        <v>20397113</v>
      </c>
      <c r="NK10" s="431">
        <v>140075391</v>
      </c>
      <c r="NL10" s="429">
        <v>140075391</v>
      </c>
      <c r="NM10" s="430">
        <v>0</v>
      </c>
      <c r="NN10" s="427">
        <v>0</v>
      </c>
      <c r="NO10" s="431">
        <v>0</v>
      </c>
      <c r="NP10" s="438"/>
      <c r="NQ10" s="427">
        <v>0</v>
      </c>
      <c r="NR10" s="427">
        <v>0</v>
      </c>
      <c r="NS10" s="427">
        <v>0</v>
      </c>
      <c r="NT10" s="427">
        <v>1240419</v>
      </c>
      <c r="NU10" s="427">
        <v>333227</v>
      </c>
      <c r="NV10" s="431">
        <v>1573646</v>
      </c>
      <c r="NW10" s="433">
        <v>1573646</v>
      </c>
      <c r="NX10" s="430">
        <v>0</v>
      </c>
      <c r="NY10" s="427">
        <v>0</v>
      </c>
      <c r="NZ10" s="431">
        <v>0</v>
      </c>
      <c r="OA10" s="438"/>
      <c r="OB10" s="427">
        <v>0</v>
      </c>
      <c r="OC10" s="427">
        <v>0</v>
      </c>
      <c r="OD10" s="427">
        <v>313418</v>
      </c>
      <c r="OE10" s="427">
        <v>1205852</v>
      </c>
      <c r="OF10" s="427">
        <v>1799316</v>
      </c>
      <c r="OG10" s="431">
        <v>3318586</v>
      </c>
      <c r="OH10" s="433">
        <v>3318586</v>
      </c>
      <c r="OI10" s="430">
        <v>12698538</v>
      </c>
      <c r="OJ10" s="427">
        <v>24645467</v>
      </c>
      <c r="OK10" s="428">
        <v>37344005</v>
      </c>
      <c r="OL10" s="434">
        <v>0</v>
      </c>
      <c r="OM10" s="427">
        <v>152181170</v>
      </c>
      <c r="ON10" s="427">
        <v>270786246</v>
      </c>
      <c r="OO10" s="427">
        <v>289614521</v>
      </c>
      <c r="OP10" s="427">
        <v>295696440</v>
      </c>
      <c r="OQ10" s="427">
        <v>180301002</v>
      </c>
      <c r="OR10" s="431">
        <v>1188579379</v>
      </c>
      <c r="OS10" s="437">
        <v>1225923384</v>
      </c>
    </row>
    <row r="11" spans="1:409" ht="21" customHeight="1" x14ac:dyDescent="0.2">
      <c r="B11" s="472" t="s">
        <v>6</v>
      </c>
      <c r="C11" s="100">
        <v>3998172</v>
      </c>
      <c r="D11" s="104">
        <v>4142661</v>
      </c>
      <c r="E11" s="103">
        <v>8140833</v>
      </c>
      <c r="F11" s="99">
        <v>0</v>
      </c>
      <c r="G11" s="104">
        <v>44030110</v>
      </c>
      <c r="H11" s="104">
        <v>50535961</v>
      </c>
      <c r="I11" s="104">
        <v>36279220</v>
      </c>
      <c r="J11" s="104">
        <v>38948206</v>
      </c>
      <c r="K11" s="104">
        <v>29421730</v>
      </c>
      <c r="L11" s="99">
        <v>199215227</v>
      </c>
      <c r="M11" s="106">
        <v>207356060</v>
      </c>
      <c r="N11" s="100">
        <v>1016133</v>
      </c>
      <c r="O11" s="104">
        <v>1531850</v>
      </c>
      <c r="P11" s="103">
        <v>2547983</v>
      </c>
      <c r="Q11" s="100">
        <v>0</v>
      </c>
      <c r="R11" s="104">
        <v>14556876</v>
      </c>
      <c r="S11" s="104">
        <v>18291548</v>
      </c>
      <c r="T11" s="104">
        <v>11189002</v>
      </c>
      <c r="U11" s="104">
        <v>13861156</v>
      </c>
      <c r="V11" s="104">
        <v>14257416</v>
      </c>
      <c r="W11" s="103">
        <v>72155998</v>
      </c>
      <c r="X11" s="106">
        <v>74703981</v>
      </c>
      <c r="Y11" s="100">
        <v>0</v>
      </c>
      <c r="Z11" s="104">
        <v>0</v>
      </c>
      <c r="AA11" s="103">
        <v>0</v>
      </c>
      <c r="AB11" s="100">
        <v>0</v>
      </c>
      <c r="AC11" s="104">
        <v>5560004</v>
      </c>
      <c r="AD11" s="104">
        <v>7709581</v>
      </c>
      <c r="AE11" s="104">
        <v>4957986</v>
      </c>
      <c r="AF11" s="104">
        <v>7014676</v>
      </c>
      <c r="AG11" s="104">
        <v>7546197</v>
      </c>
      <c r="AH11" s="103">
        <v>32788444</v>
      </c>
      <c r="AI11" s="106">
        <v>32788444</v>
      </c>
      <c r="AJ11" s="100">
        <v>0</v>
      </c>
      <c r="AK11" s="104">
        <v>0</v>
      </c>
      <c r="AL11" s="103">
        <v>0</v>
      </c>
      <c r="AM11" s="100">
        <v>0</v>
      </c>
      <c r="AN11" s="104">
        <v>184189</v>
      </c>
      <c r="AO11" s="104">
        <v>123056</v>
      </c>
      <c r="AP11" s="104">
        <v>500110</v>
      </c>
      <c r="AQ11" s="104">
        <v>554256</v>
      </c>
      <c r="AR11" s="104">
        <v>1488843</v>
      </c>
      <c r="AS11" s="103">
        <v>2850454</v>
      </c>
      <c r="AT11" s="106">
        <v>2850454</v>
      </c>
      <c r="AU11" s="100">
        <v>436652</v>
      </c>
      <c r="AV11" s="104">
        <v>923340</v>
      </c>
      <c r="AW11" s="103">
        <v>1359992</v>
      </c>
      <c r="AX11" s="100">
        <v>0</v>
      </c>
      <c r="AY11" s="104">
        <v>5400969</v>
      </c>
      <c r="AZ11" s="104">
        <v>7271504</v>
      </c>
      <c r="BA11" s="104">
        <v>2956429</v>
      </c>
      <c r="BB11" s="104">
        <v>3672584</v>
      </c>
      <c r="BC11" s="104">
        <v>3272035</v>
      </c>
      <c r="BD11" s="103">
        <v>22573521</v>
      </c>
      <c r="BE11" s="106">
        <v>23933513</v>
      </c>
      <c r="BF11" s="100">
        <v>76697</v>
      </c>
      <c r="BG11" s="104">
        <v>144030</v>
      </c>
      <c r="BH11" s="102">
        <v>220727</v>
      </c>
      <c r="BI11" s="101">
        <v>0</v>
      </c>
      <c r="BJ11" s="104">
        <v>546518</v>
      </c>
      <c r="BK11" s="104">
        <v>548111</v>
      </c>
      <c r="BL11" s="104">
        <v>390045</v>
      </c>
      <c r="BM11" s="104">
        <v>257552</v>
      </c>
      <c r="BN11" s="104">
        <v>268395</v>
      </c>
      <c r="BO11" s="103">
        <v>2010621</v>
      </c>
      <c r="BP11" s="106">
        <v>2231348</v>
      </c>
      <c r="BQ11" s="100">
        <v>502784</v>
      </c>
      <c r="BR11" s="104">
        <v>464480</v>
      </c>
      <c r="BS11" s="103">
        <v>967264</v>
      </c>
      <c r="BT11" s="100">
        <v>0</v>
      </c>
      <c r="BU11" s="104">
        <v>2865196</v>
      </c>
      <c r="BV11" s="104">
        <v>2639296</v>
      </c>
      <c r="BW11" s="104">
        <v>2384432</v>
      </c>
      <c r="BX11" s="104">
        <v>2362088</v>
      </c>
      <c r="BY11" s="104">
        <v>1681946</v>
      </c>
      <c r="BZ11" s="103">
        <v>11932958</v>
      </c>
      <c r="CA11" s="106">
        <v>12900222</v>
      </c>
      <c r="CB11" s="100">
        <v>177045</v>
      </c>
      <c r="CC11" s="104">
        <v>437201</v>
      </c>
      <c r="CD11" s="103">
        <v>614246</v>
      </c>
      <c r="CE11" s="100">
        <v>0</v>
      </c>
      <c r="CF11" s="104">
        <v>12053975</v>
      </c>
      <c r="CG11" s="104">
        <v>15488009</v>
      </c>
      <c r="CH11" s="104">
        <v>8083373</v>
      </c>
      <c r="CI11" s="104">
        <v>6336908</v>
      </c>
      <c r="CJ11" s="104">
        <v>4086347</v>
      </c>
      <c r="CK11" s="103">
        <v>46048612</v>
      </c>
      <c r="CL11" s="106">
        <v>46662858</v>
      </c>
      <c r="CM11" s="100">
        <v>0</v>
      </c>
      <c r="CN11" s="104">
        <v>0</v>
      </c>
      <c r="CO11" s="103">
        <v>0</v>
      </c>
      <c r="CP11" s="101">
        <v>0</v>
      </c>
      <c r="CQ11" s="104">
        <v>10230117</v>
      </c>
      <c r="CR11" s="104">
        <v>11948657</v>
      </c>
      <c r="CS11" s="104">
        <v>5193534</v>
      </c>
      <c r="CT11" s="104">
        <v>4604534</v>
      </c>
      <c r="CU11" s="104">
        <v>2836793</v>
      </c>
      <c r="CV11" s="103">
        <v>34813635</v>
      </c>
      <c r="CW11" s="106">
        <v>34813635</v>
      </c>
      <c r="CX11" s="100">
        <v>177045</v>
      </c>
      <c r="CY11" s="104">
        <v>437201</v>
      </c>
      <c r="CZ11" s="103">
        <v>614246</v>
      </c>
      <c r="DA11" s="100">
        <v>0</v>
      </c>
      <c r="DB11" s="104">
        <v>1823858</v>
      </c>
      <c r="DC11" s="104">
        <v>3539352</v>
      </c>
      <c r="DD11" s="104">
        <v>2889839</v>
      </c>
      <c r="DE11" s="104">
        <v>1732374</v>
      </c>
      <c r="DF11" s="104">
        <v>1249554</v>
      </c>
      <c r="DG11" s="103">
        <v>11234977</v>
      </c>
      <c r="DH11" s="106">
        <v>11849223</v>
      </c>
      <c r="DI11" s="100">
        <v>0</v>
      </c>
      <c r="DJ11" s="104">
        <v>113505</v>
      </c>
      <c r="DK11" s="102">
        <v>113505</v>
      </c>
      <c r="DL11" s="101">
        <v>0</v>
      </c>
      <c r="DM11" s="104">
        <v>1479969</v>
      </c>
      <c r="DN11" s="104">
        <v>1651118</v>
      </c>
      <c r="DO11" s="104">
        <v>2582926</v>
      </c>
      <c r="DP11" s="104">
        <v>2884708</v>
      </c>
      <c r="DQ11" s="104">
        <v>1363214</v>
      </c>
      <c r="DR11" s="103">
        <v>9961935</v>
      </c>
      <c r="DS11" s="106">
        <v>10075440</v>
      </c>
      <c r="DT11" s="100">
        <v>0</v>
      </c>
      <c r="DU11" s="104">
        <v>113505</v>
      </c>
      <c r="DV11" s="103">
        <v>113505</v>
      </c>
      <c r="DW11" s="100">
        <v>0</v>
      </c>
      <c r="DX11" s="104">
        <v>1416937</v>
      </c>
      <c r="DY11" s="104">
        <v>1287310</v>
      </c>
      <c r="DZ11" s="104">
        <v>2380021</v>
      </c>
      <c r="EA11" s="104">
        <v>2393025</v>
      </c>
      <c r="EB11" s="104">
        <v>1026772</v>
      </c>
      <c r="EC11" s="103">
        <v>8504065</v>
      </c>
      <c r="ED11" s="106">
        <v>8617570</v>
      </c>
      <c r="EE11" s="100">
        <v>0</v>
      </c>
      <c r="EF11" s="102">
        <v>0</v>
      </c>
      <c r="EG11" s="103">
        <v>0</v>
      </c>
      <c r="EH11" s="100">
        <v>0</v>
      </c>
      <c r="EI11" s="104">
        <v>63032</v>
      </c>
      <c r="EJ11" s="104">
        <v>363808</v>
      </c>
      <c r="EK11" s="104">
        <v>202905</v>
      </c>
      <c r="EL11" s="104">
        <v>491683</v>
      </c>
      <c r="EM11" s="104">
        <v>336442</v>
      </c>
      <c r="EN11" s="102">
        <v>1457870</v>
      </c>
      <c r="EO11" s="106">
        <v>1457870</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1162896</v>
      </c>
      <c r="FM11" s="104">
        <v>782824</v>
      </c>
      <c r="FN11" s="103">
        <v>1945720</v>
      </c>
      <c r="FO11" s="100">
        <v>0</v>
      </c>
      <c r="FP11" s="104">
        <v>2002824</v>
      </c>
      <c r="FQ11" s="104">
        <v>4707347</v>
      </c>
      <c r="FR11" s="104">
        <v>3245512</v>
      </c>
      <c r="FS11" s="104">
        <v>3118640</v>
      </c>
      <c r="FT11" s="104">
        <v>1864280</v>
      </c>
      <c r="FU11" s="103">
        <v>14938603</v>
      </c>
      <c r="FV11" s="106">
        <v>16884323</v>
      </c>
      <c r="FW11" s="105">
        <v>420896</v>
      </c>
      <c r="FX11" s="104">
        <v>701736</v>
      </c>
      <c r="FY11" s="102">
        <v>1122632</v>
      </c>
      <c r="FZ11" s="101">
        <v>0</v>
      </c>
      <c r="GA11" s="104">
        <v>1781928</v>
      </c>
      <c r="GB11" s="104">
        <v>4264006</v>
      </c>
      <c r="GC11" s="104">
        <v>2886728</v>
      </c>
      <c r="GD11" s="104">
        <v>2915648</v>
      </c>
      <c r="GE11" s="104">
        <v>1864280</v>
      </c>
      <c r="GF11" s="103">
        <v>13712590</v>
      </c>
      <c r="GG11" s="296">
        <v>14835222</v>
      </c>
      <c r="GH11" s="105">
        <v>107840</v>
      </c>
      <c r="GI11" s="104">
        <v>29888</v>
      </c>
      <c r="GJ11" s="102">
        <v>137728</v>
      </c>
      <c r="GK11" s="101">
        <v>0</v>
      </c>
      <c r="GL11" s="104">
        <v>56776</v>
      </c>
      <c r="GM11" s="104">
        <v>183240</v>
      </c>
      <c r="GN11" s="104">
        <v>91104</v>
      </c>
      <c r="GO11" s="104">
        <v>20592</v>
      </c>
      <c r="GP11" s="104">
        <v>0</v>
      </c>
      <c r="GQ11" s="103">
        <v>351712</v>
      </c>
      <c r="GR11" s="106">
        <v>489440</v>
      </c>
      <c r="GS11" s="100">
        <v>634160</v>
      </c>
      <c r="GT11" s="104">
        <v>51200</v>
      </c>
      <c r="GU11" s="103">
        <v>685360</v>
      </c>
      <c r="GV11" s="100">
        <v>0</v>
      </c>
      <c r="GW11" s="104">
        <v>164120</v>
      </c>
      <c r="GX11" s="104">
        <v>260101</v>
      </c>
      <c r="GY11" s="104">
        <v>267680</v>
      </c>
      <c r="GZ11" s="104">
        <v>182400</v>
      </c>
      <c r="HA11" s="104">
        <v>0</v>
      </c>
      <c r="HB11" s="102">
        <v>874301</v>
      </c>
      <c r="HC11" s="106">
        <v>1559661</v>
      </c>
      <c r="HD11" s="100">
        <v>1642098</v>
      </c>
      <c r="HE11" s="104">
        <v>1277281</v>
      </c>
      <c r="HF11" s="102">
        <v>2919379</v>
      </c>
      <c r="HG11" s="101">
        <v>0</v>
      </c>
      <c r="HH11" s="104">
        <v>13936466</v>
      </c>
      <c r="HI11" s="104">
        <v>10397939</v>
      </c>
      <c r="HJ11" s="104">
        <v>11178407</v>
      </c>
      <c r="HK11" s="104">
        <v>12746794</v>
      </c>
      <c r="HL11" s="104">
        <v>7850473</v>
      </c>
      <c r="HM11" s="103">
        <v>56110079</v>
      </c>
      <c r="HN11" s="99">
        <v>59029458</v>
      </c>
      <c r="HO11" s="306"/>
      <c r="HP11" s="307"/>
      <c r="HQ11" s="308"/>
      <c r="HR11" s="309"/>
      <c r="HS11" s="307"/>
      <c r="HT11" s="307"/>
      <c r="HU11" s="307"/>
      <c r="HV11" s="307"/>
      <c r="HW11" s="307"/>
      <c r="HX11" s="310"/>
      <c r="HY11" s="311"/>
      <c r="HZ11" s="118">
        <v>223863</v>
      </c>
      <c r="IA11" s="119">
        <v>0</v>
      </c>
      <c r="IB11" s="120">
        <v>223863</v>
      </c>
      <c r="IC11" s="133">
        <v>0</v>
      </c>
      <c r="ID11" s="119">
        <v>14907927</v>
      </c>
      <c r="IE11" s="134">
        <v>13668288</v>
      </c>
      <c r="IF11" s="120">
        <v>15949241</v>
      </c>
      <c r="IG11" s="119">
        <v>15149614</v>
      </c>
      <c r="IH11" s="120">
        <v>6985404</v>
      </c>
      <c r="II11" s="135">
        <v>66660474</v>
      </c>
      <c r="IJ11" s="126">
        <v>66884337</v>
      </c>
      <c r="IK11" s="219">
        <v>0</v>
      </c>
      <c r="IL11" s="223">
        <v>0</v>
      </c>
      <c r="IM11" s="224">
        <v>0</v>
      </c>
      <c r="IN11" s="127"/>
      <c r="IO11" s="109">
        <v>379553</v>
      </c>
      <c r="IP11" s="109">
        <v>248249</v>
      </c>
      <c r="IQ11" s="109">
        <v>1531405</v>
      </c>
      <c r="IR11" s="109">
        <v>1700285</v>
      </c>
      <c r="IS11" s="109">
        <v>501269</v>
      </c>
      <c r="IT11" s="128">
        <v>4360761</v>
      </c>
      <c r="IU11" s="298">
        <v>4360761</v>
      </c>
      <c r="IV11" s="129">
        <v>0</v>
      </c>
      <c r="IW11" s="109">
        <v>0</v>
      </c>
      <c r="IX11" s="110">
        <v>0</v>
      </c>
      <c r="IY11" s="131"/>
      <c r="IZ11" s="109">
        <v>64173</v>
      </c>
      <c r="JA11" s="109">
        <v>172228</v>
      </c>
      <c r="JB11" s="109">
        <v>287549</v>
      </c>
      <c r="JC11" s="109">
        <v>56380</v>
      </c>
      <c r="JD11" s="109">
        <v>132751</v>
      </c>
      <c r="JE11" s="110">
        <v>713081</v>
      </c>
      <c r="JF11" s="111">
        <v>713081</v>
      </c>
      <c r="JG11" s="129">
        <v>0</v>
      </c>
      <c r="JH11" s="109">
        <v>0</v>
      </c>
      <c r="JI11" s="128">
        <v>0</v>
      </c>
      <c r="JJ11" s="108">
        <v>0</v>
      </c>
      <c r="JK11" s="109">
        <v>4115530</v>
      </c>
      <c r="JL11" s="109">
        <v>3182106</v>
      </c>
      <c r="JM11" s="109">
        <v>2470372</v>
      </c>
      <c r="JN11" s="109">
        <v>2736119</v>
      </c>
      <c r="JO11" s="109">
        <v>591196</v>
      </c>
      <c r="JP11" s="110">
        <v>13095323</v>
      </c>
      <c r="JQ11" s="298">
        <v>13095323</v>
      </c>
      <c r="JR11" s="129">
        <v>0</v>
      </c>
      <c r="JS11" s="109">
        <v>0</v>
      </c>
      <c r="JT11" s="128">
        <v>0</v>
      </c>
      <c r="JU11" s="108">
        <v>0</v>
      </c>
      <c r="JV11" s="109">
        <v>1227697</v>
      </c>
      <c r="JW11" s="109">
        <v>977207</v>
      </c>
      <c r="JX11" s="109">
        <v>2055348</v>
      </c>
      <c r="JY11" s="109">
        <v>667129</v>
      </c>
      <c r="JZ11" s="109">
        <v>709799</v>
      </c>
      <c r="KA11" s="110">
        <v>5637180</v>
      </c>
      <c r="KB11" s="298">
        <v>5637180</v>
      </c>
      <c r="KC11" s="221">
        <v>223863</v>
      </c>
      <c r="KD11" s="217">
        <v>0</v>
      </c>
      <c r="KE11" s="110">
        <v>223863</v>
      </c>
      <c r="KF11" s="108">
        <v>0</v>
      </c>
      <c r="KG11" s="109">
        <v>1722031</v>
      </c>
      <c r="KH11" s="109">
        <v>1500175</v>
      </c>
      <c r="KI11" s="109">
        <v>1588392</v>
      </c>
      <c r="KJ11" s="109">
        <v>2062989</v>
      </c>
      <c r="KK11" s="109">
        <v>868265</v>
      </c>
      <c r="KL11" s="110">
        <v>7741852</v>
      </c>
      <c r="KM11" s="130">
        <v>7965715</v>
      </c>
      <c r="KN11" s="219">
        <v>0</v>
      </c>
      <c r="KO11" s="223">
        <v>0</v>
      </c>
      <c r="KP11" s="224">
        <v>0</v>
      </c>
      <c r="KQ11" s="127"/>
      <c r="KR11" s="109">
        <v>5879847</v>
      </c>
      <c r="KS11" s="109">
        <v>6851524</v>
      </c>
      <c r="KT11" s="109">
        <v>6668849</v>
      </c>
      <c r="KU11" s="109">
        <v>4983872</v>
      </c>
      <c r="KV11" s="109">
        <v>2478379</v>
      </c>
      <c r="KW11" s="110">
        <v>26862471</v>
      </c>
      <c r="KX11" s="298">
        <v>26862471</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0</v>
      </c>
      <c r="LO11" s="109">
        <v>0</v>
      </c>
      <c r="LP11" s="109">
        <v>1074029</v>
      </c>
      <c r="LQ11" s="109">
        <v>1683636</v>
      </c>
      <c r="LR11" s="109">
        <v>894346</v>
      </c>
      <c r="LS11" s="110">
        <v>3652011</v>
      </c>
      <c r="LT11" s="298">
        <v>3652011</v>
      </c>
      <c r="LU11" s="129">
        <v>0</v>
      </c>
      <c r="LV11" s="109">
        <v>0</v>
      </c>
      <c r="LW11" s="110">
        <v>0</v>
      </c>
      <c r="LX11" s="132"/>
      <c r="LY11" s="109">
        <v>1519096</v>
      </c>
      <c r="LZ11" s="109">
        <v>736799</v>
      </c>
      <c r="MA11" s="109">
        <v>273297</v>
      </c>
      <c r="MB11" s="109">
        <v>1259204</v>
      </c>
      <c r="MC11" s="109">
        <v>809399</v>
      </c>
      <c r="MD11" s="110">
        <v>4597795</v>
      </c>
      <c r="ME11" s="111">
        <v>4597795</v>
      </c>
      <c r="MF11" s="129">
        <v>0</v>
      </c>
      <c r="MG11" s="109">
        <v>0</v>
      </c>
      <c r="MH11" s="110">
        <v>0</v>
      </c>
      <c r="MI11" s="132"/>
      <c r="MJ11" s="109">
        <v>2117278</v>
      </c>
      <c r="MK11" s="109">
        <v>4493407</v>
      </c>
      <c r="ML11" s="109">
        <v>19334212</v>
      </c>
      <c r="MM11" s="109">
        <v>28820875</v>
      </c>
      <c r="MN11" s="109">
        <v>20571399</v>
      </c>
      <c r="MO11" s="110">
        <v>75337171</v>
      </c>
      <c r="MP11" s="130">
        <v>75337171</v>
      </c>
      <c r="MQ11" s="129">
        <v>0</v>
      </c>
      <c r="MR11" s="109">
        <v>0</v>
      </c>
      <c r="MS11" s="110">
        <v>0</v>
      </c>
      <c r="MT11" s="132"/>
      <c r="MU11" s="109">
        <v>410060</v>
      </c>
      <c r="MV11" s="109">
        <v>395669</v>
      </c>
      <c r="MW11" s="109">
        <v>11029936</v>
      </c>
      <c r="MX11" s="109">
        <v>18295646</v>
      </c>
      <c r="MY11" s="109">
        <v>11058355</v>
      </c>
      <c r="MZ11" s="110">
        <v>41189666</v>
      </c>
      <c r="NA11" s="130">
        <v>41189666</v>
      </c>
      <c r="NB11" s="129">
        <v>0</v>
      </c>
      <c r="NC11" s="109">
        <v>0</v>
      </c>
      <c r="ND11" s="110">
        <v>0</v>
      </c>
      <c r="NE11" s="132"/>
      <c r="NF11" s="109">
        <v>1707218</v>
      </c>
      <c r="NG11" s="109">
        <v>4097738</v>
      </c>
      <c r="NH11" s="109">
        <v>8304276</v>
      </c>
      <c r="NI11" s="109">
        <v>8250237</v>
      </c>
      <c r="NJ11" s="109">
        <v>7904045</v>
      </c>
      <c r="NK11" s="110">
        <v>30263514</v>
      </c>
      <c r="NL11" s="298">
        <v>30263514</v>
      </c>
      <c r="NM11" s="129">
        <v>0</v>
      </c>
      <c r="NN11" s="109">
        <v>0</v>
      </c>
      <c r="NO11" s="110">
        <v>0</v>
      </c>
      <c r="NP11" s="132"/>
      <c r="NQ11" s="109">
        <v>0</v>
      </c>
      <c r="NR11" s="109">
        <v>0</v>
      </c>
      <c r="NS11" s="109">
        <v>0</v>
      </c>
      <c r="NT11" s="109">
        <v>1503722</v>
      </c>
      <c r="NU11" s="109">
        <v>644765</v>
      </c>
      <c r="NV11" s="110">
        <v>2148487</v>
      </c>
      <c r="NW11" s="111">
        <v>2148487</v>
      </c>
      <c r="NX11" s="129">
        <v>0</v>
      </c>
      <c r="NY11" s="109">
        <v>0</v>
      </c>
      <c r="NZ11" s="110">
        <v>0</v>
      </c>
      <c r="OA11" s="132"/>
      <c r="OB11" s="109">
        <v>0</v>
      </c>
      <c r="OC11" s="109">
        <v>0</v>
      </c>
      <c r="OD11" s="109">
        <v>0</v>
      </c>
      <c r="OE11" s="109">
        <v>771270</v>
      </c>
      <c r="OF11" s="109">
        <v>964234</v>
      </c>
      <c r="OG11" s="110">
        <v>1735504</v>
      </c>
      <c r="OH11" s="111">
        <v>1735504</v>
      </c>
      <c r="OI11" s="129">
        <v>4222035</v>
      </c>
      <c r="OJ11" s="109">
        <v>4142661</v>
      </c>
      <c r="OK11" s="128">
        <v>8364696</v>
      </c>
      <c r="OL11" s="108">
        <v>0</v>
      </c>
      <c r="OM11" s="109">
        <v>61055315</v>
      </c>
      <c r="ON11" s="109">
        <v>68697656</v>
      </c>
      <c r="OO11" s="109">
        <v>71562673</v>
      </c>
      <c r="OP11" s="109">
        <v>82918695</v>
      </c>
      <c r="OQ11" s="109">
        <v>56978533</v>
      </c>
      <c r="OR11" s="110">
        <v>341212872</v>
      </c>
      <c r="OS11" s="130">
        <v>349577568</v>
      </c>
    </row>
    <row r="12" spans="1:409" ht="21" customHeight="1" x14ac:dyDescent="0.2">
      <c r="B12" s="472" t="s">
        <v>14</v>
      </c>
      <c r="C12" s="100">
        <v>1760067</v>
      </c>
      <c r="D12" s="104">
        <v>2877383</v>
      </c>
      <c r="E12" s="103">
        <v>4637450</v>
      </c>
      <c r="F12" s="99">
        <v>0</v>
      </c>
      <c r="G12" s="104">
        <v>17842725</v>
      </c>
      <c r="H12" s="104">
        <v>26844807</v>
      </c>
      <c r="I12" s="104">
        <v>26497132</v>
      </c>
      <c r="J12" s="104">
        <v>21881240</v>
      </c>
      <c r="K12" s="104">
        <v>13326999</v>
      </c>
      <c r="L12" s="102">
        <v>106392903</v>
      </c>
      <c r="M12" s="106">
        <v>111030353</v>
      </c>
      <c r="N12" s="100">
        <v>462801</v>
      </c>
      <c r="O12" s="104">
        <v>860641</v>
      </c>
      <c r="P12" s="103">
        <v>1323442</v>
      </c>
      <c r="Q12" s="100">
        <v>0</v>
      </c>
      <c r="R12" s="104">
        <v>4564845</v>
      </c>
      <c r="S12" s="104">
        <v>9375316</v>
      </c>
      <c r="T12" s="104">
        <v>8047900</v>
      </c>
      <c r="U12" s="104">
        <v>8859607</v>
      </c>
      <c r="V12" s="104">
        <v>7404852</v>
      </c>
      <c r="W12" s="103">
        <v>38252520</v>
      </c>
      <c r="X12" s="106">
        <v>39575962</v>
      </c>
      <c r="Y12" s="100">
        <v>0</v>
      </c>
      <c r="Z12" s="104">
        <v>0</v>
      </c>
      <c r="AA12" s="103">
        <v>0</v>
      </c>
      <c r="AB12" s="100">
        <v>0</v>
      </c>
      <c r="AC12" s="104">
        <v>1866748</v>
      </c>
      <c r="AD12" s="104">
        <v>4775796</v>
      </c>
      <c r="AE12" s="104">
        <v>3753708</v>
      </c>
      <c r="AF12" s="104">
        <v>5102557</v>
      </c>
      <c r="AG12" s="104">
        <v>3933027</v>
      </c>
      <c r="AH12" s="103">
        <v>19431836</v>
      </c>
      <c r="AI12" s="106">
        <v>19431836</v>
      </c>
      <c r="AJ12" s="100">
        <v>0</v>
      </c>
      <c r="AK12" s="104">
        <v>0</v>
      </c>
      <c r="AL12" s="103">
        <v>0</v>
      </c>
      <c r="AM12" s="100">
        <v>0</v>
      </c>
      <c r="AN12" s="104">
        <v>0</v>
      </c>
      <c r="AO12" s="104">
        <v>94758</v>
      </c>
      <c r="AP12" s="104">
        <v>271039</v>
      </c>
      <c r="AQ12" s="104">
        <v>406022</v>
      </c>
      <c r="AR12" s="104">
        <v>496996</v>
      </c>
      <c r="AS12" s="103">
        <v>1268815</v>
      </c>
      <c r="AT12" s="106">
        <v>1268815</v>
      </c>
      <c r="AU12" s="100">
        <v>189481</v>
      </c>
      <c r="AV12" s="104">
        <v>497825</v>
      </c>
      <c r="AW12" s="103">
        <v>687306</v>
      </c>
      <c r="AX12" s="100">
        <v>0</v>
      </c>
      <c r="AY12" s="104">
        <v>1572221</v>
      </c>
      <c r="AZ12" s="104">
        <v>3078482</v>
      </c>
      <c r="BA12" s="104">
        <v>2468458</v>
      </c>
      <c r="BB12" s="104">
        <v>2038116</v>
      </c>
      <c r="BC12" s="104">
        <v>2031441</v>
      </c>
      <c r="BD12" s="103">
        <v>11188718</v>
      </c>
      <c r="BE12" s="106">
        <v>11876024</v>
      </c>
      <c r="BF12" s="100">
        <v>32712</v>
      </c>
      <c r="BG12" s="104">
        <v>88688</v>
      </c>
      <c r="BH12" s="102">
        <v>121400</v>
      </c>
      <c r="BI12" s="101">
        <v>0</v>
      </c>
      <c r="BJ12" s="104">
        <v>26052</v>
      </c>
      <c r="BK12" s="104">
        <v>70560</v>
      </c>
      <c r="BL12" s="104">
        <v>177671</v>
      </c>
      <c r="BM12" s="104">
        <v>134416</v>
      </c>
      <c r="BN12" s="104">
        <v>75404</v>
      </c>
      <c r="BO12" s="103">
        <v>484103</v>
      </c>
      <c r="BP12" s="106">
        <v>605503</v>
      </c>
      <c r="BQ12" s="100">
        <v>240608</v>
      </c>
      <c r="BR12" s="104">
        <v>274128</v>
      </c>
      <c r="BS12" s="103">
        <v>514736</v>
      </c>
      <c r="BT12" s="100">
        <v>0</v>
      </c>
      <c r="BU12" s="104">
        <v>1099824</v>
      </c>
      <c r="BV12" s="104">
        <v>1355720</v>
      </c>
      <c r="BW12" s="104">
        <v>1377024</v>
      </c>
      <c r="BX12" s="104">
        <v>1178496</v>
      </c>
      <c r="BY12" s="104">
        <v>867984</v>
      </c>
      <c r="BZ12" s="103">
        <v>5879048</v>
      </c>
      <c r="CA12" s="106">
        <v>6393784</v>
      </c>
      <c r="CB12" s="100">
        <v>103807</v>
      </c>
      <c r="CC12" s="104">
        <v>380623</v>
      </c>
      <c r="CD12" s="103">
        <v>484430</v>
      </c>
      <c r="CE12" s="100">
        <v>0</v>
      </c>
      <c r="CF12" s="104">
        <v>5991329</v>
      </c>
      <c r="CG12" s="104">
        <v>8853604</v>
      </c>
      <c r="CH12" s="104">
        <v>7780880</v>
      </c>
      <c r="CI12" s="104">
        <v>4641158</v>
      </c>
      <c r="CJ12" s="104">
        <v>1169566</v>
      </c>
      <c r="CK12" s="103">
        <v>28436537</v>
      </c>
      <c r="CL12" s="106">
        <v>28920967</v>
      </c>
      <c r="CM12" s="100">
        <v>0</v>
      </c>
      <c r="CN12" s="104">
        <v>0</v>
      </c>
      <c r="CO12" s="103">
        <v>0</v>
      </c>
      <c r="CP12" s="101">
        <v>0</v>
      </c>
      <c r="CQ12" s="104">
        <v>5344059</v>
      </c>
      <c r="CR12" s="104">
        <v>6793896</v>
      </c>
      <c r="CS12" s="104">
        <v>6792109</v>
      </c>
      <c r="CT12" s="104">
        <v>3771309</v>
      </c>
      <c r="CU12" s="104">
        <v>1169566</v>
      </c>
      <c r="CV12" s="103">
        <v>23870939</v>
      </c>
      <c r="CW12" s="106">
        <v>23870939</v>
      </c>
      <c r="CX12" s="100">
        <v>103807</v>
      </c>
      <c r="CY12" s="104">
        <v>380623</v>
      </c>
      <c r="CZ12" s="103">
        <v>484430</v>
      </c>
      <c r="DA12" s="100">
        <v>0</v>
      </c>
      <c r="DB12" s="104">
        <v>647270</v>
      </c>
      <c r="DC12" s="104">
        <v>2059708</v>
      </c>
      <c r="DD12" s="104">
        <v>988771</v>
      </c>
      <c r="DE12" s="104">
        <v>869849</v>
      </c>
      <c r="DF12" s="104">
        <v>0</v>
      </c>
      <c r="DG12" s="103">
        <v>4565598</v>
      </c>
      <c r="DH12" s="106">
        <v>5050028</v>
      </c>
      <c r="DI12" s="100">
        <v>0</v>
      </c>
      <c r="DJ12" s="104">
        <v>0</v>
      </c>
      <c r="DK12" s="102">
        <v>0</v>
      </c>
      <c r="DL12" s="101">
        <v>0</v>
      </c>
      <c r="DM12" s="104">
        <v>544765</v>
      </c>
      <c r="DN12" s="104">
        <v>1107370</v>
      </c>
      <c r="DO12" s="104">
        <v>3145045</v>
      </c>
      <c r="DP12" s="104">
        <v>1807305</v>
      </c>
      <c r="DQ12" s="104">
        <v>678939</v>
      </c>
      <c r="DR12" s="103">
        <v>7283424</v>
      </c>
      <c r="DS12" s="106">
        <v>7283424</v>
      </c>
      <c r="DT12" s="100">
        <v>0</v>
      </c>
      <c r="DU12" s="104">
        <v>0</v>
      </c>
      <c r="DV12" s="103">
        <v>0</v>
      </c>
      <c r="DW12" s="100">
        <v>0</v>
      </c>
      <c r="DX12" s="104">
        <v>544765</v>
      </c>
      <c r="DY12" s="104">
        <v>984993</v>
      </c>
      <c r="DZ12" s="104">
        <v>3027316</v>
      </c>
      <c r="EA12" s="104">
        <v>1737806</v>
      </c>
      <c r="EB12" s="104">
        <v>628761</v>
      </c>
      <c r="EC12" s="103">
        <v>6923641</v>
      </c>
      <c r="ED12" s="106">
        <v>6923641</v>
      </c>
      <c r="EE12" s="100">
        <v>0</v>
      </c>
      <c r="EF12" s="102">
        <v>0</v>
      </c>
      <c r="EG12" s="103">
        <v>0</v>
      </c>
      <c r="EH12" s="100">
        <v>0</v>
      </c>
      <c r="EI12" s="104">
        <v>0</v>
      </c>
      <c r="EJ12" s="104">
        <v>122377</v>
      </c>
      <c r="EK12" s="104">
        <v>117729</v>
      </c>
      <c r="EL12" s="104">
        <v>69499</v>
      </c>
      <c r="EM12" s="104">
        <v>50178</v>
      </c>
      <c r="EN12" s="102">
        <v>359783</v>
      </c>
      <c r="EO12" s="106">
        <v>359783</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556800</v>
      </c>
      <c r="FM12" s="104">
        <v>897848</v>
      </c>
      <c r="FN12" s="103">
        <v>1454648</v>
      </c>
      <c r="FO12" s="100">
        <v>0</v>
      </c>
      <c r="FP12" s="104">
        <v>1028304</v>
      </c>
      <c r="FQ12" s="104">
        <v>3348100</v>
      </c>
      <c r="FR12" s="104">
        <v>2285384</v>
      </c>
      <c r="FS12" s="104">
        <v>2457640</v>
      </c>
      <c r="FT12" s="104">
        <v>1189328</v>
      </c>
      <c r="FU12" s="103">
        <v>10308756</v>
      </c>
      <c r="FV12" s="106">
        <v>11763404</v>
      </c>
      <c r="FW12" s="105">
        <v>196800</v>
      </c>
      <c r="FX12" s="104">
        <v>671048</v>
      </c>
      <c r="FY12" s="102">
        <v>867848</v>
      </c>
      <c r="FZ12" s="101">
        <v>0</v>
      </c>
      <c r="GA12" s="104">
        <v>734344</v>
      </c>
      <c r="GB12" s="104">
        <v>2953776</v>
      </c>
      <c r="GC12" s="104">
        <v>2073384</v>
      </c>
      <c r="GD12" s="104">
        <v>1875344</v>
      </c>
      <c r="GE12" s="104">
        <v>1129248</v>
      </c>
      <c r="GF12" s="103">
        <v>8766096</v>
      </c>
      <c r="GG12" s="296">
        <v>9633944</v>
      </c>
      <c r="GH12" s="105">
        <v>0</v>
      </c>
      <c r="GI12" s="104">
        <v>28160</v>
      </c>
      <c r="GJ12" s="102">
        <v>28160</v>
      </c>
      <c r="GK12" s="101">
        <v>0</v>
      </c>
      <c r="GL12" s="104">
        <v>92560</v>
      </c>
      <c r="GM12" s="104">
        <v>72800</v>
      </c>
      <c r="GN12" s="104">
        <v>25600</v>
      </c>
      <c r="GO12" s="104">
        <v>191896</v>
      </c>
      <c r="GP12" s="104">
        <v>32480</v>
      </c>
      <c r="GQ12" s="103">
        <v>415336</v>
      </c>
      <c r="GR12" s="106">
        <v>443496</v>
      </c>
      <c r="GS12" s="100">
        <v>360000</v>
      </c>
      <c r="GT12" s="104">
        <v>198640</v>
      </c>
      <c r="GU12" s="103">
        <v>558640</v>
      </c>
      <c r="GV12" s="100">
        <v>0</v>
      </c>
      <c r="GW12" s="104">
        <v>201400</v>
      </c>
      <c r="GX12" s="104">
        <v>321524</v>
      </c>
      <c r="GY12" s="104">
        <v>186400</v>
      </c>
      <c r="GZ12" s="104">
        <v>390400</v>
      </c>
      <c r="HA12" s="104">
        <v>27600</v>
      </c>
      <c r="HB12" s="102">
        <v>1127324</v>
      </c>
      <c r="HC12" s="106">
        <v>1685964</v>
      </c>
      <c r="HD12" s="100">
        <v>636659</v>
      </c>
      <c r="HE12" s="104">
        <v>738271</v>
      </c>
      <c r="HF12" s="102">
        <v>1374930</v>
      </c>
      <c r="HG12" s="101">
        <v>0</v>
      </c>
      <c r="HH12" s="104">
        <v>5713482</v>
      </c>
      <c r="HI12" s="104">
        <v>4160417</v>
      </c>
      <c r="HJ12" s="104">
        <v>5237923</v>
      </c>
      <c r="HK12" s="104">
        <v>4115530</v>
      </c>
      <c r="HL12" s="104">
        <v>2884314</v>
      </c>
      <c r="HM12" s="103">
        <v>22111666</v>
      </c>
      <c r="HN12" s="99">
        <v>23486596</v>
      </c>
      <c r="HO12" s="306"/>
      <c r="HP12" s="307"/>
      <c r="HQ12" s="308"/>
      <c r="HR12" s="309"/>
      <c r="HS12" s="307"/>
      <c r="HT12" s="307"/>
      <c r="HU12" s="307"/>
      <c r="HV12" s="307"/>
      <c r="HW12" s="307"/>
      <c r="HX12" s="310"/>
      <c r="HY12" s="311"/>
      <c r="HZ12" s="118">
        <v>0</v>
      </c>
      <c r="IA12" s="119">
        <v>345098</v>
      </c>
      <c r="IB12" s="120">
        <v>345098</v>
      </c>
      <c r="IC12" s="121">
        <v>0</v>
      </c>
      <c r="ID12" s="122">
        <v>5092146</v>
      </c>
      <c r="IE12" s="123">
        <v>9024643</v>
      </c>
      <c r="IF12" s="124">
        <v>9498647</v>
      </c>
      <c r="IG12" s="122">
        <v>5589657</v>
      </c>
      <c r="IH12" s="124">
        <v>3504308</v>
      </c>
      <c r="II12" s="125">
        <v>32709401</v>
      </c>
      <c r="IJ12" s="126">
        <v>33054499</v>
      </c>
      <c r="IK12" s="219">
        <v>0</v>
      </c>
      <c r="IL12" s="223">
        <v>0</v>
      </c>
      <c r="IM12" s="224">
        <v>0</v>
      </c>
      <c r="IN12" s="127"/>
      <c r="IO12" s="109">
        <v>74440</v>
      </c>
      <c r="IP12" s="109">
        <v>215533</v>
      </c>
      <c r="IQ12" s="109">
        <v>130504</v>
      </c>
      <c r="IR12" s="109">
        <v>0</v>
      </c>
      <c r="IS12" s="109">
        <v>12062</v>
      </c>
      <c r="IT12" s="128">
        <v>432539</v>
      </c>
      <c r="IU12" s="298">
        <v>432539</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2668747</v>
      </c>
      <c r="JL12" s="109">
        <v>3852754</v>
      </c>
      <c r="JM12" s="109">
        <v>3232780</v>
      </c>
      <c r="JN12" s="109">
        <v>946346</v>
      </c>
      <c r="JO12" s="109">
        <v>736724</v>
      </c>
      <c r="JP12" s="110">
        <v>11437351</v>
      </c>
      <c r="JQ12" s="298">
        <v>11437351</v>
      </c>
      <c r="JR12" s="129">
        <v>0</v>
      </c>
      <c r="JS12" s="109">
        <v>0</v>
      </c>
      <c r="JT12" s="128">
        <v>0</v>
      </c>
      <c r="JU12" s="108">
        <v>0</v>
      </c>
      <c r="JV12" s="109">
        <v>0</v>
      </c>
      <c r="JW12" s="109">
        <v>326979</v>
      </c>
      <c r="JX12" s="109">
        <v>202965</v>
      </c>
      <c r="JY12" s="109">
        <v>0</v>
      </c>
      <c r="JZ12" s="109">
        <v>0</v>
      </c>
      <c r="KA12" s="110">
        <v>529944</v>
      </c>
      <c r="KB12" s="298">
        <v>529944</v>
      </c>
      <c r="KC12" s="221">
        <v>0</v>
      </c>
      <c r="KD12" s="217">
        <v>345098</v>
      </c>
      <c r="KE12" s="110">
        <v>345098</v>
      </c>
      <c r="KF12" s="108">
        <v>0</v>
      </c>
      <c r="KG12" s="109">
        <v>1342727</v>
      </c>
      <c r="KH12" s="109">
        <v>836652</v>
      </c>
      <c r="KI12" s="109">
        <v>1445226</v>
      </c>
      <c r="KJ12" s="109">
        <v>529383</v>
      </c>
      <c r="KK12" s="109">
        <v>594033</v>
      </c>
      <c r="KL12" s="110">
        <v>4748021</v>
      </c>
      <c r="KM12" s="130">
        <v>5093119</v>
      </c>
      <c r="KN12" s="219">
        <v>0</v>
      </c>
      <c r="KO12" s="223">
        <v>0</v>
      </c>
      <c r="KP12" s="224">
        <v>0</v>
      </c>
      <c r="KQ12" s="127"/>
      <c r="KR12" s="109">
        <v>863704</v>
      </c>
      <c r="KS12" s="109">
        <v>3792725</v>
      </c>
      <c r="KT12" s="109">
        <v>3897864</v>
      </c>
      <c r="KU12" s="109">
        <v>2549213</v>
      </c>
      <c r="KV12" s="109">
        <v>1588204</v>
      </c>
      <c r="KW12" s="110">
        <v>12691710</v>
      </c>
      <c r="KX12" s="298">
        <v>12691710</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0</v>
      </c>
      <c r="LP12" s="109">
        <v>442712</v>
      </c>
      <c r="LQ12" s="109">
        <v>800278</v>
      </c>
      <c r="LR12" s="109">
        <v>0</v>
      </c>
      <c r="LS12" s="110">
        <v>1242990</v>
      </c>
      <c r="LT12" s="298">
        <v>1242990</v>
      </c>
      <c r="LU12" s="129">
        <v>0</v>
      </c>
      <c r="LV12" s="109">
        <v>0</v>
      </c>
      <c r="LW12" s="110">
        <v>0</v>
      </c>
      <c r="LX12" s="132"/>
      <c r="LY12" s="109">
        <v>142528</v>
      </c>
      <c r="LZ12" s="109">
        <v>0</v>
      </c>
      <c r="MA12" s="109">
        <v>146596</v>
      </c>
      <c r="MB12" s="109">
        <v>764437</v>
      </c>
      <c r="MC12" s="109">
        <v>573285</v>
      </c>
      <c r="MD12" s="110">
        <v>1626846</v>
      </c>
      <c r="ME12" s="111">
        <v>1626846</v>
      </c>
      <c r="MF12" s="129">
        <v>0</v>
      </c>
      <c r="MG12" s="109">
        <v>0</v>
      </c>
      <c r="MH12" s="110">
        <v>0</v>
      </c>
      <c r="MI12" s="132"/>
      <c r="MJ12" s="109">
        <v>256610</v>
      </c>
      <c r="MK12" s="109">
        <v>1268066</v>
      </c>
      <c r="ML12" s="109">
        <v>13972847</v>
      </c>
      <c r="MM12" s="109">
        <v>17173012</v>
      </c>
      <c r="MN12" s="109">
        <v>13661736</v>
      </c>
      <c r="MO12" s="110">
        <v>46332271</v>
      </c>
      <c r="MP12" s="130">
        <v>46332271</v>
      </c>
      <c r="MQ12" s="129">
        <v>0</v>
      </c>
      <c r="MR12" s="109">
        <v>0</v>
      </c>
      <c r="MS12" s="110">
        <v>0</v>
      </c>
      <c r="MT12" s="132"/>
      <c r="MU12" s="109">
        <v>0</v>
      </c>
      <c r="MV12" s="109">
        <v>0</v>
      </c>
      <c r="MW12" s="109">
        <v>9253878</v>
      </c>
      <c r="MX12" s="109">
        <v>13846598</v>
      </c>
      <c r="MY12" s="109">
        <v>8015443</v>
      </c>
      <c r="MZ12" s="110">
        <v>31115919</v>
      </c>
      <c r="NA12" s="130">
        <v>31115919</v>
      </c>
      <c r="NB12" s="129">
        <v>0</v>
      </c>
      <c r="NC12" s="109">
        <v>0</v>
      </c>
      <c r="ND12" s="110">
        <v>0</v>
      </c>
      <c r="NE12" s="132"/>
      <c r="NF12" s="109">
        <v>256610</v>
      </c>
      <c r="NG12" s="109">
        <v>1268066</v>
      </c>
      <c r="NH12" s="109">
        <v>4718969</v>
      </c>
      <c r="NI12" s="109">
        <v>2977567</v>
      </c>
      <c r="NJ12" s="109">
        <v>3381440</v>
      </c>
      <c r="NK12" s="110">
        <v>12602652</v>
      </c>
      <c r="NL12" s="298">
        <v>12602652</v>
      </c>
      <c r="NM12" s="129">
        <v>0</v>
      </c>
      <c r="NN12" s="109">
        <v>0</v>
      </c>
      <c r="NO12" s="110">
        <v>0</v>
      </c>
      <c r="NP12" s="132"/>
      <c r="NQ12" s="109">
        <v>0</v>
      </c>
      <c r="NR12" s="109">
        <v>0</v>
      </c>
      <c r="NS12" s="109">
        <v>0</v>
      </c>
      <c r="NT12" s="109">
        <v>0</v>
      </c>
      <c r="NU12" s="109">
        <v>301119</v>
      </c>
      <c r="NV12" s="110">
        <v>301119</v>
      </c>
      <c r="NW12" s="111">
        <v>301119</v>
      </c>
      <c r="NX12" s="129">
        <v>0</v>
      </c>
      <c r="NY12" s="109">
        <v>0</v>
      </c>
      <c r="NZ12" s="110">
        <v>0</v>
      </c>
      <c r="OA12" s="132"/>
      <c r="OB12" s="109">
        <v>0</v>
      </c>
      <c r="OC12" s="109">
        <v>0</v>
      </c>
      <c r="OD12" s="109">
        <v>0</v>
      </c>
      <c r="OE12" s="109">
        <v>348847</v>
      </c>
      <c r="OF12" s="109">
        <v>1963734</v>
      </c>
      <c r="OG12" s="110">
        <v>2312581</v>
      </c>
      <c r="OH12" s="111">
        <v>2312581</v>
      </c>
      <c r="OI12" s="129">
        <v>1760067</v>
      </c>
      <c r="OJ12" s="109">
        <v>3222481</v>
      </c>
      <c r="OK12" s="128">
        <v>4982548</v>
      </c>
      <c r="OL12" s="108">
        <v>0</v>
      </c>
      <c r="OM12" s="109">
        <v>23191481</v>
      </c>
      <c r="ON12" s="109">
        <v>37137516</v>
      </c>
      <c r="OO12" s="109">
        <v>49968626</v>
      </c>
      <c r="OP12" s="109">
        <v>44643909</v>
      </c>
      <c r="OQ12" s="109">
        <v>30493043</v>
      </c>
      <c r="OR12" s="110">
        <v>185434575</v>
      </c>
      <c r="OS12" s="130">
        <v>190417123</v>
      </c>
    </row>
    <row r="13" spans="1:409" ht="21" customHeight="1" x14ac:dyDescent="0.2">
      <c r="B13" s="472" t="s">
        <v>7</v>
      </c>
      <c r="C13" s="100">
        <v>765179</v>
      </c>
      <c r="D13" s="104">
        <v>1527421</v>
      </c>
      <c r="E13" s="103">
        <v>2292600</v>
      </c>
      <c r="F13" s="99">
        <v>0</v>
      </c>
      <c r="G13" s="104">
        <v>23498997</v>
      </c>
      <c r="H13" s="104">
        <v>26257953</v>
      </c>
      <c r="I13" s="104">
        <v>19292462</v>
      </c>
      <c r="J13" s="104">
        <v>19067003</v>
      </c>
      <c r="K13" s="104">
        <v>10977978</v>
      </c>
      <c r="L13" s="99">
        <v>99094393</v>
      </c>
      <c r="M13" s="106">
        <v>101386993</v>
      </c>
      <c r="N13" s="100">
        <v>246856</v>
      </c>
      <c r="O13" s="104">
        <v>240957</v>
      </c>
      <c r="P13" s="103">
        <v>487813</v>
      </c>
      <c r="Q13" s="100">
        <v>0</v>
      </c>
      <c r="R13" s="104">
        <v>7179511</v>
      </c>
      <c r="S13" s="104">
        <v>7404324</v>
      </c>
      <c r="T13" s="104">
        <v>6684937</v>
      </c>
      <c r="U13" s="104">
        <v>9071582</v>
      </c>
      <c r="V13" s="104">
        <v>5546456</v>
      </c>
      <c r="W13" s="103">
        <v>35886810</v>
      </c>
      <c r="X13" s="106">
        <v>36374623</v>
      </c>
      <c r="Y13" s="100">
        <v>0</v>
      </c>
      <c r="Z13" s="104">
        <v>0</v>
      </c>
      <c r="AA13" s="103">
        <v>0</v>
      </c>
      <c r="AB13" s="100">
        <v>0</v>
      </c>
      <c r="AC13" s="104">
        <v>3885400</v>
      </c>
      <c r="AD13" s="104">
        <v>3678373</v>
      </c>
      <c r="AE13" s="104">
        <v>3137096</v>
      </c>
      <c r="AF13" s="104">
        <v>6196099</v>
      </c>
      <c r="AG13" s="104">
        <v>3604389</v>
      </c>
      <c r="AH13" s="103">
        <v>20501357</v>
      </c>
      <c r="AI13" s="106">
        <v>20501357</v>
      </c>
      <c r="AJ13" s="100">
        <v>0</v>
      </c>
      <c r="AK13" s="104">
        <v>0</v>
      </c>
      <c r="AL13" s="103">
        <v>0</v>
      </c>
      <c r="AM13" s="100">
        <v>0</v>
      </c>
      <c r="AN13" s="104">
        <v>12377</v>
      </c>
      <c r="AO13" s="104">
        <v>273317</v>
      </c>
      <c r="AP13" s="104">
        <v>315673</v>
      </c>
      <c r="AQ13" s="104">
        <v>676919</v>
      </c>
      <c r="AR13" s="104">
        <v>704035</v>
      </c>
      <c r="AS13" s="103">
        <v>1982321</v>
      </c>
      <c r="AT13" s="106">
        <v>1982321</v>
      </c>
      <c r="AU13" s="100">
        <v>64288</v>
      </c>
      <c r="AV13" s="104">
        <v>77821</v>
      </c>
      <c r="AW13" s="103">
        <v>142109</v>
      </c>
      <c r="AX13" s="100">
        <v>0</v>
      </c>
      <c r="AY13" s="104">
        <v>1626719</v>
      </c>
      <c r="AZ13" s="104">
        <v>1899669</v>
      </c>
      <c r="BA13" s="104">
        <v>1506338</v>
      </c>
      <c r="BB13" s="104">
        <v>1103288</v>
      </c>
      <c r="BC13" s="104">
        <v>615035</v>
      </c>
      <c r="BD13" s="103">
        <v>6751049</v>
      </c>
      <c r="BE13" s="106">
        <v>6893158</v>
      </c>
      <c r="BF13" s="100">
        <v>41456</v>
      </c>
      <c r="BG13" s="104">
        <v>0</v>
      </c>
      <c r="BH13" s="102">
        <v>41456</v>
      </c>
      <c r="BI13" s="101">
        <v>0</v>
      </c>
      <c r="BJ13" s="104">
        <v>161335</v>
      </c>
      <c r="BK13" s="104">
        <v>111429</v>
      </c>
      <c r="BL13" s="104">
        <v>346038</v>
      </c>
      <c r="BM13" s="104">
        <v>196252</v>
      </c>
      <c r="BN13" s="104">
        <v>5181</v>
      </c>
      <c r="BO13" s="103">
        <v>820235</v>
      </c>
      <c r="BP13" s="106">
        <v>861691</v>
      </c>
      <c r="BQ13" s="100">
        <v>141112</v>
      </c>
      <c r="BR13" s="104">
        <v>163136</v>
      </c>
      <c r="BS13" s="103">
        <v>304248</v>
      </c>
      <c r="BT13" s="100">
        <v>0</v>
      </c>
      <c r="BU13" s="104">
        <v>1493680</v>
      </c>
      <c r="BV13" s="104">
        <v>1441536</v>
      </c>
      <c r="BW13" s="104">
        <v>1379792</v>
      </c>
      <c r="BX13" s="104">
        <v>899024</v>
      </c>
      <c r="BY13" s="104">
        <v>617816</v>
      </c>
      <c r="BZ13" s="103">
        <v>5831848</v>
      </c>
      <c r="CA13" s="106">
        <v>6136096</v>
      </c>
      <c r="CB13" s="100">
        <v>19394</v>
      </c>
      <c r="CC13" s="104">
        <v>116612</v>
      </c>
      <c r="CD13" s="103">
        <v>136006</v>
      </c>
      <c r="CE13" s="100">
        <v>0</v>
      </c>
      <c r="CF13" s="104">
        <v>7716739</v>
      </c>
      <c r="CG13" s="104">
        <v>6685378</v>
      </c>
      <c r="CH13" s="104">
        <v>3243173</v>
      </c>
      <c r="CI13" s="104">
        <v>2001932</v>
      </c>
      <c r="CJ13" s="104">
        <v>1089011</v>
      </c>
      <c r="CK13" s="103">
        <v>20736233</v>
      </c>
      <c r="CL13" s="106">
        <v>20872239</v>
      </c>
      <c r="CM13" s="100">
        <v>0</v>
      </c>
      <c r="CN13" s="104">
        <v>0</v>
      </c>
      <c r="CO13" s="103">
        <v>0</v>
      </c>
      <c r="CP13" s="101">
        <v>0</v>
      </c>
      <c r="CQ13" s="104">
        <v>6971984</v>
      </c>
      <c r="CR13" s="104">
        <v>5283371</v>
      </c>
      <c r="CS13" s="104">
        <v>2629194</v>
      </c>
      <c r="CT13" s="104">
        <v>1529467</v>
      </c>
      <c r="CU13" s="104">
        <v>984643</v>
      </c>
      <c r="CV13" s="103">
        <v>17398659</v>
      </c>
      <c r="CW13" s="106">
        <v>17398659</v>
      </c>
      <c r="CX13" s="100">
        <v>19394</v>
      </c>
      <c r="CY13" s="104">
        <v>116612</v>
      </c>
      <c r="CZ13" s="103">
        <v>136006</v>
      </c>
      <c r="DA13" s="100">
        <v>0</v>
      </c>
      <c r="DB13" s="104">
        <v>744755</v>
      </c>
      <c r="DC13" s="104">
        <v>1402007</v>
      </c>
      <c r="DD13" s="104">
        <v>613979</v>
      </c>
      <c r="DE13" s="104">
        <v>472465</v>
      </c>
      <c r="DF13" s="104">
        <v>104368</v>
      </c>
      <c r="DG13" s="103">
        <v>3337574</v>
      </c>
      <c r="DH13" s="106">
        <v>3473580</v>
      </c>
      <c r="DI13" s="100">
        <v>0</v>
      </c>
      <c r="DJ13" s="104">
        <v>23538</v>
      </c>
      <c r="DK13" s="102">
        <v>23538</v>
      </c>
      <c r="DL13" s="101">
        <v>0</v>
      </c>
      <c r="DM13" s="104">
        <v>839263</v>
      </c>
      <c r="DN13" s="104">
        <v>2348044</v>
      </c>
      <c r="DO13" s="104">
        <v>1892522</v>
      </c>
      <c r="DP13" s="104">
        <v>1819736</v>
      </c>
      <c r="DQ13" s="104">
        <v>357787</v>
      </c>
      <c r="DR13" s="103">
        <v>7257352</v>
      </c>
      <c r="DS13" s="106">
        <v>7280890</v>
      </c>
      <c r="DT13" s="100">
        <v>0</v>
      </c>
      <c r="DU13" s="104">
        <v>23538</v>
      </c>
      <c r="DV13" s="103">
        <v>23538</v>
      </c>
      <c r="DW13" s="100">
        <v>0</v>
      </c>
      <c r="DX13" s="104">
        <v>839263</v>
      </c>
      <c r="DY13" s="104">
        <v>2348044</v>
      </c>
      <c r="DZ13" s="104">
        <v>1892522</v>
      </c>
      <c r="EA13" s="104">
        <v>1690919</v>
      </c>
      <c r="EB13" s="104">
        <v>346987</v>
      </c>
      <c r="EC13" s="103">
        <v>7117735</v>
      </c>
      <c r="ED13" s="106">
        <v>7141273</v>
      </c>
      <c r="EE13" s="100">
        <v>0</v>
      </c>
      <c r="EF13" s="102">
        <v>0</v>
      </c>
      <c r="EG13" s="103">
        <v>0</v>
      </c>
      <c r="EH13" s="100">
        <v>0</v>
      </c>
      <c r="EI13" s="104">
        <v>0</v>
      </c>
      <c r="EJ13" s="104">
        <v>0</v>
      </c>
      <c r="EK13" s="104">
        <v>0</v>
      </c>
      <c r="EL13" s="104">
        <v>128817</v>
      </c>
      <c r="EM13" s="104">
        <v>10800</v>
      </c>
      <c r="EN13" s="102">
        <v>139617</v>
      </c>
      <c r="EO13" s="106">
        <v>139617</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122832</v>
      </c>
      <c r="FM13" s="104">
        <v>203908</v>
      </c>
      <c r="FN13" s="103">
        <v>326740</v>
      </c>
      <c r="FO13" s="100">
        <v>0</v>
      </c>
      <c r="FP13" s="104">
        <v>1367647</v>
      </c>
      <c r="FQ13" s="104">
        <v>2451456</v>
      </c>
      <c r="FR13" s="104">
        <v>1640072</v>
      </c>
      <c r="FS13" s="104">
        <v>1420920</v>
      </c>
      <c r="FT13" s="104">
        <v>986232</v>
      </c>
      <c r="FU13" s="103">
        <v>7866327</v>
      </c>
      <c r="FV13" s="106">
        <v>8193067</v>
      </c>
      <c r="FW13" s="105">
        <v>80528</v>
      </c>
      <c r="FX13" s="104">
        <v>140804</v>
      </c>
      <c r="FY13" s="102">
        <v>221332</v>
      </c>
      <c r="FZ13" s="101">
        <v>0</v>
      </c>
      <c r="GA13" s="104">
        <v>807744</v>
      </c>
      <c r="GB13" s="104">
        <v>2329264</v>
      </c>
      <c r="GC13" s="104">
        <v>1406064</v>
      </c>
      <c r="GD13" s="104">
        <v>1345584</v>
      </c>
      <c r="GE13" s="104">
        <v>907832</v>
      </c>
      <c r="GF13" s="103">
        <v>6796488</v>
      </c>
      <c r="GG13" s="296">
        <v>7017820</v>
      </c>
      <c r="GH13" s="105">
        <v>18304</v>
      </c>
      <c r="GI13" s="104">
        <v>14000</v>
      </c>
      <c r="GJ13" s="102">
        <v>32304</v>
      </c>
      <c r="GK13" s="101">
        <v>0</v>
      </c>
      <c r="GL13" s="104">
        <v>125451</v>
      </c>
      <c r="GM13" s="104">
        <v>98192</v>
      </c>
      <c r="GN13" s="104">
        <v>109560</v>
      </c>
      <c r="GO13" s="104">
        <v>75336</v>
      </c>
      <c r="GP13" s="104">
        <v>0</v>
      </c>
      <c r="GQ13" s="103">
        <v>408539</v>
      </c>
      <c r="GR13" s="106">
        <v>440843</v>
      </c>
      <c r="GS13" s="100">
        <v>24000</v>
      </c>
      <c r="GT13" s="104">
        <v>49104</v>
      </c>
      <c r="GU13" s="103">
        <v>73104</v>
      </c>
      <c r="GV13" s="100">
        <v>0</v>
      </c>
      <c r="GW13" s="104">
        <v>434452</v>
      </c>
      <c r="GX13" s="104">
        <v>24000</v>
      </c>
      <c r="GY13" s="104">
        <v>124448</v>
      </c>
      <c r="GZ13" s="104">
        <v>0</v>
      </c>
      <c r="HA13" s="104">
        <v>78400</v>
      </c>
      <c r="HB13" s="102">
        <v>661300</v>
      </c>
      <c r="HC13" s="106">
        <v>734404</v>
      </c>
      <c r="HD13" s="100">
        <v>376097</v>
      </c>
      <c r="HE13" s="104">
        <v>942406</v>
      </c>
      <c r="HF13" s="102">
        <v>1318503</v>
      </c>
      <c r="HG13" s="101">
        <v>0</v>
      </c>
      <c r="HH13" s="104">
        <v>6395837</v>
      </c>
      <c r="HI13" s="104">
        <v>7368751</v>
      </c>
      <c r="HJ13" s="104">
        <v>5831758</v>
      </c>
      <c r="HK13" s="104">
        <v>4752833</v>
      </c>
      <c r="HL13" s="104">
        <v>2998492</v>
      </c>
      <c r="HM13" s="103">
        <v>27347671</v>
      </c>
      <c r="HN13" s="99">
        <v>28666174</v>
      </c>
      <c r="HO13" s="306"/>
      <c r="HP13" s="307"/>
      <c r="HQ13" s="308"/>
      <c r="HR13" s="309"/>
      <c r="HS13" s="307"/>
      <c r="HT13" s="307"/>
      <c r="HU13" s="307"/>
      <c r="HV13" s="307"/>
      <c r="HW13" s="307"/>
      <c r="HX13" s="310"/>
      <c r="HY13" s="311"/>
      <c r="HZ13" s="118">
        <v>0</v>
      </c>
      <c r="IA13" s="119">
        <v>0</v>
      </c>
      <c r="IB13" s="120">
        <v>0</v>
      </c>
      <c r="IC13" s="133">
        <v>0</v>
      </c>
      <c r="ID13" s="119">
        <v>5092374</v>
      </c>
      <c r="IE13" s="134">
        <v>5336245</v>
      </c>
      <c r="IF13" s="120">
        <v>7086018</v>
      </c>
      <c r="IG13" s="119">
        <v>2069018</v>
      </c>
      <c r="IH13" s="120">
        <v>2111706</v>
      </c>
      <c r="II13" s="135">
        <v>21695361</v>
      </c>
      <c r="IJ13" s="126">
        <v>21695361</v>
      </c>
      <c r="IK13" s="219">
        <v>0</v>
      </c>
      <c r="IL13" s="223">
        <v>0</v>
      </c>
      <c r="IM13" s="224">
        <v>0</v>
      </c>
      <c r="IN13" s="127"/>
      <c r="IO13" s="109">
        <v>0</v>
      </c>
      <c r="IP13" s="109">
        <v>0</v>
      </c>
      <c r="IQ13" s="109">
        <v>0</v>
      </c>
      <c r="IR13" s="109">
        <v>0</v>
      </c>
      <c r="IS13" s="109">
        <v>27802</v>
      </c>
      <c r="IT13" s="128">
        <v>27802</v>
      </c>
      <c r="IU13" s="298">
        <v>27802</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3065485</v>
      </c>
      <c r="JL13" s="109">
        <v>2386377</v>
      </c>
      <c r="JM13" s="109">
        <v>1299320</v>
      </c>
      <c r="JN13" s="109">
        <v>467933</v>
      </c>
      <c r="JO13" s="109">
        <v>374123</v>
      </c>
      <c r="JP13" s="110">
        <v>7593238</v>
      </c>
      <c r="JQ13" s="298">
        <v>7593238</v>
      </c>
      <c r="JR13" s="129">
        <v>0</v>
      </c>
      <c r="JS13" s="109">
        <v>0</v>
      </c>
      <c r="JT13" s="128">
        <v>0</v>
      </c>
      <c r="JU13" s="108">
        <v>0</v>
      </c>
      <c r="JV13" s="109">
        <v>654910</v>
      </c>
      <c r="JW13" s="109">
        <v>1137108</v>
      </c>
      <c r="JX13" s="109">
        <v>1143494</v>
      </c>
      <c r="JY13" s="109">
        <v>305329</v>
      </c>
      <c r="JZ13" s="109">
        <v>209825</v>
      </c>
      <c r="KA13" s="110">
        <v>3450666</v>
      </c>
      <c r="KB13" s="298">
        <v>3450666</v>
      </c>
      <c r="KC13" s="221">
        <v>0</v>
      </c>
      <c r="KD13" s="217">
        <v>0</v>
      </c>
      <c r="KE13" s="110">
        <v>0</v>
      </c>
      <c r="KF13" s="108">
        <v>0</v>
      </c>
      <c r="KG13" s="109">
        <v>448938</v>
      </c>
      <c r="KH13" s="109">
        <v>474554</v>
      </c>
      <c r="KI13" s="109">
        <v>637269</v>
      </c>
      <c r="KJ13" s="109">
        <v>0</v>
      </c>
      <c r="KK13" s="109">
        <v>0</v>
      </c>
      <c r="KL13" s="110">
        <v>1560761</v>
      </c>
      <c r="KM13" s="130">
        <v>1560761</v>
      </c>
      <c r="KN13" s="219">
        <v>0</v>
      </c>
      <c r="KO13" s="223">
        <v>0</v>
      </c>
      <c r="KP13" s="224">
        <v>0</v>
      </c>
      <c r="KQ13" s="127"/>
      <c r="KR13" s="109">
        <v>923041</v>
      </c>
      <c r="KS13" s="109">
        <v>1338206</v>
      </c>
      <c r="KT13" s="109">
        <v>3444466</v>
      </c>
      <c r="KU13" s="109">
        <v>844935</v>
      </c>
      <c r="KV13" s="109">
        <v>827854</v>
      </c>
      <c r="KW13" s="110">
        <v>7378502</v>
      </c>
      <c r="KX13" s="298">
        <v>7378502</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0</v>
      </c>
      <c r="LZ13" s="109">
        <v>0</v>
      </c>
      <c r="MA13" s="109">
        <v>561469</v>
      </c>
      <c r="MB13" s="109">
        <v>450821</v>
      </c>
      <c r="MC13" s="109">
        <v>672102</v>
      </c>
      <c r="MD13" s="110">
        <v>1684392</v>
      </c>
      <c r="ME13" s="111">
        <v>1684392</v>
      </c>
      <c r="MF13" s="129">
        <v>0</v>
      </c>
      <c r="MG13" s="109">
        <v>0</v>
      </c>
      <c r="MH13" s="110">
        <v>0</v>
      </c>
      <c r="MI13" s="132"/>
      <c r="MJ13" s="109">
        <v>2768749</v>
      </c>
      <c r="MK13" s="109">
        <v>2128473</v>
      </c>
      <c r="ML13" s="109">
        <v>7791401</v>
      </c>
      <c r="MM13" s="109">
        <v>18776515</v>
      </c>
      <c r="MN13" s="109">
        <v>8532604</v>
      </c>
      <c r="MO13" s="110">
        <v>39997742</v>
      </c>
      <c r="MP13" s="130">
        <v>39997742</v>
      </c>
      <c r="MQ13" s="129">
        <v>0</v>
      </c>
      <c r="MR13" s="109">
        <v>0</v>
      </c>
      <c r="MS13" s="110">
        <v>0</v>
      </c>
      <c r="MT13" s="132"/>
      <c r="MU13" s="109">
        <v>0</v>
      </c>
      <c r="MV13" s="109">
        <v>620561</v>
      </c>
      <c r="MW13" s="109">
        <v>4343682</v>
      </c>
      <c r="MX13" s="109">
        <v>13506790</v>
      </c>
      <c r="MY13" s="109">
        <v>7207414</v>
      </c>
      <c r="MZ13" s="110">
        <v>25678447</v>
      </c>
      <c r="NA13" s="130">
        <v>25678447</v>
      </c>
      <c r="NB13" s="129">
        <v>0</v>
      </c>
      <c r="NC13" s="109">
        <v>0</v>
      </c>
      <c r="ND13" s="110">
        <v>0</v>
      </c>
      <c r="NE13" s="132"/>
      <c r="NF13" s="109">
        <v>2768749</v>
      </c>
      <c r="NG13" s="109">
        <v>1507912</v>
      </c>
      <c r="NH13" s="109">
        <v>3130296</v>
      </c>
      <c r="NI13" s="109">
        <v>5269725</v>
      </c>
      <c r="NJ13" s="109">
        <v>1325190</v>
      </c>
      <c r="NK13" s="110">
        <v>14001872</v>
      </c>
      <c r="NL13" s="298">
        <v>14001872</v>
      </c>
      <c r="NM13" s="129">
        <v>0</v>
      </c>
      <c r="NN13" s="109">
        <v>0</v>
      </c>
      <c r="NO13" s="110">
        <v>0</v>
      </c>
      <c r="NP13" s="132"/>
      <c r="NQ13" s="109">
        <v>0</v>
      </c>
      <c r="NR13" s="109">
        <v>0</v>
      </c>
      <c r="NS13" s="109">
        <v>0</v>
      </c>
      <c r="NT13" s="109">
        <v>0</v>
      </c>
      <c r="NU13" s="109">
        <v>0</v>
      </c>
      <c r="NV13" s="110">
        <v>0</v>
      </c>
      <c r="NW13" s="111">
        <v>0</v>
      </c>
      <c r="NX13" s="129">
        <v>0</v>
      </c>
      <c r="NY13" s="109">
        <v>0</v>
      </c>
      <c r="NZ13" s="110">
        <v>0</v>
      </c>
      <c r="OA13" s="132"/>
      <c r="OB13" s="109">
        <v>0</v>
      </c>
      <c r="OC13" s="109">
        <v>0</v>
      </c>
      <c r="OD13" s="109">
        <v>317423</v>
      </c>
      <c r="OE13" s="109">
        <v>0</v>
      </c>
      <c r="OF13" s="109">
        <v>0</v>
      </c>
      <c r="OG13" s="110">
        <v>317423</v>
      </c>
      <c r="OH13" s="111">
        <v>317423</v>
      </c>
      <c r="OI13" s="129">
        <v>765179</v>
      </c>
      <c r="OJ13" s="109">
        <v>1527421</v>
      </c>
      <c r="OK13" s="128">
        <v>2292600</v>
      </c>
      <c r="OL13" s="108">
        <v>0</v>
      </c>
      <c r="OM13" s="109">
        <v>31360120</v>
      </c>
      <c r="ON13" s="109">
        <v>33722671</v>
      </c>
      <c r="OO13" s="109">
        <v>34169881</v>
      </c>
      <c r="OP13" s="109">
        <v>39912536</v>
      </c>
      <c r="OQ13" s="109">
        <v>21622288</v>
      </c>
      <c r="OR13" s="110">
        <v>160787496</v>
      </c>
      <c r="OS13" s="130">
        <v>163080096</v>
      </c>
    </row>
    <row r="14" spans="1:409" ht="21" customHeight="1" x14ac:dyDescent="0.2">
      <c r="B14" s="472" t="s">
        <v>8</v>
      </c>
      <c r="C14" s="100">
        <v>738143</v>
      </c>
      <c r="D14" s="104">
        <v>631869</v>
      </c>
      <c r="E14" s="103">
        <v>1370012</v>
      </c>
      <c r="F14" s="99">
        <v>0</v>
      </c>
      <c r="G14" s="104">
        <v>7158822</v>
      </c>
      <c r="H14" s="104">
        <v>9206533</v>
      </c>
      <c r="I14" s="104">
        <v>10725209</v>
      </c>
      <c r="J14" s="104">
        <v>6267214</v>
      </c>
      <c r="K14" s="104">
        <v>5143456</v>
      </c>
      <c r="L14" s="99">
        <v>38501234</v>
      </c>
      <c r="M14" s="106">
        <v>39871246</v>
      </c>
      <c r="N14" s="100">
        <v>162755</v>
      </c>
      <c r="O14" s="104">
        <v>134583</v>
      </c>
      <c r="P14" s="103">
        <v>297338</v>
      </c>
      <c r="Q14" s="100">
        <v>0</v>
      </c>
      <c r="R14" s="104">
        <v>1839705</v>
      </c>
      <c r="S14" s="104">
        <v>3974469</v>
      </c>
      <c r="T14" s="104">
        <v>4211012</v>
      </c>
      <c r="U14" s="104">
        <v>1479898</v>
      </c>
      <c r="V14" s="104">
        <v>2321172</v>
      </c>
      <c r="W14" s="103">
        <v>13826256</v>
      </c>
      <c r="X14" s="106">
        <v>14123594</v>
      </c>
      <c r="Y14" s="100">
        <v>0</v>
      </c>
      <c r="Z14" s="104">
        <v>0</v>
      </c>
      <c r="AA14" s="103">
        <v>0</v>
      </c>
      <c r="AB14" s="100">
        <v>0</v>
      </c>
      <c r="AC14" s="104">
        <v>698237</v>
      </c>
      <c r="AD14" s="104">
        <v>2413504</v>
      </c>
      <c r="AE14" s="104">
        <v>2420124</v>
      </c>
      <c r="AF14" s="104">
        <v>787611</v>
      </c>
      <c r="AG14" s="104">
        <v>1301156</v>
      </c>
      <c r="AH14" s="103">
        <v>7620632</v>
      </c>
      <c r="AI14" s="106">
        <v>7620632</v>
      </c>
      <c r="AJ14" s="100">
        <v>0</v>
      </c>
      <c r="AK14" s="104">
        <v>0</v>
      </c>
      <c r="AL14" s="103">
        <v>0</v>
      </c>
      <c r="AM14" s="100">
        <v>0</v>
      </c>
      <c r="AN14" s="104">
        <v>0</v>
      </c>
      <c r="AO14" s="104">
        <v>0</v>
      </c>
      <c r="AP14" s="104">
        <v>0</v>
      </c>
      <c r="AQ14" s="104">
        <v>36422</v>
      </c>
      <c r="AR14" s="104">
        <v>349123</v>
      </c>
      <c r="AS14" s="103">
        <v>385545</v>
      </c>
      <c r="AT14" s="106">
        <v>385545</v>
      </c>
      <c r="AU14" s="100">
        <v>20715</v>
      </c>
      <c r="AV14" s="104">
        <v>68803</v>
      </c>
      <c r="AW14" s="103">
        <v>89518</v>
      </c>
      <c r="AX14" s="100">
        <v>0</v>
      </c>
      <c r="AY14" s="104">
        <v>711224</v>
      </c>
      <c r="AZ14" s="104">
        <v>1183083</v>
      </c>
      <c r="BA14" s="104">
        <v>1158114</v>
      </c>
      <c r="BB14" s="104">
        <v>309859</v>
      </c>
      <c r="BC14" s="104">
        <v>406461</v>
      </c>
      <c r="BD14" s="103">
        <v>3768741</v>
      </c>
      <c r="BE14" s="106">
        <v>3858259</v>
      </c>
      <c r="BF14" s="100">
        <v>0</v>
      </c>
      <c r="BG14" s="104">
        <v>15596</v>
      </c>
      <c r="BH14" s="102">
        <v>15596</v>
      </c>
      <c r="BI14" s="101">
        <v>0</v>
      </c>
      <c r="BJ14" s="104">
        <v>22652</v>
      </c>
      <c r="BK14" s="104">
        <v>67098</v>
      </c>
      <c r="BL14" s="104">
        <v>164918</v>
      </c>
      <c r="BM14" s="104">
        <v>125947</v>
      </c>
      <c r="BN14" s="104">
        <v>0</v>
      </c>
      <c r="BO14" s="103">
        <v>380615</v>
      </c>
      <c r="BP14" s="106">
        <v>396211</v>
      </c>
      <c r="BQ14" s="100">
        <v>142040</v>
      </c>
      <c r="BR14" s="104">
        <v>50184</v>
      </c>
      <c r="BS14" s="103">
        <v>192224</v>
      </c>
      <c r="BT14" s="100">
        <v>0</v>
      </c>
      <c r="BU14" s="104">
        <v>407592</v>
      </c>
      <c r="BV14" s="104">
        <v>310784</v>
      </c>
      <c r="BW14" s="104">
        <v>467856</v>
      </c>
      <c r="BX14" s="104">
        <v>220059</v>
      </c>
      <c r="BY14" s="104">
        <v>264432</v>
      </c>
      <c r="BZ14" s="103">
        <v>1670723</v>
      </c>
      <c r="CA14" s="106">
        <v>1862947</v>
      </c>
      <c r="CB14" s="100">
        <v>103829</v>
      </c>
      <c r="CC14" s="104">
        <v>118132</v>
      </c>
      <c r="CD14" s="103">
        <v>221961</v>
      </c>
      <c r="CE14" s="100">
        <v>0</v>
      </c>
      <c r="CF14" s="104">
        <v>2115081</v>
      </c>
      <c r="CG14" s="104">
        <v>2686410</v>
      </c>
      <c r="CH14" s="104">
        <v>2321163</v>
      </c>
      <c r="CI14" s="104">
        <v>1544007</v>
      </c>
      <c r="CJ14" s="104">
        <v>905864</v>
      </c>
      <c r="CK14" s="103">
        <v>9572525</v>
      </c>
      <c r="CL14" s="106">
        <v>9794486</v>
      </c>
      <c r="CM14" s="100">
        <v>0</v>
      </c>
      <c r="CN14" s="104">
        <v>0</v>
      </c>
      <c r="CO14" s="103">
        <v>0</v>
      </c>
      <c r="CP14" s="101">
        <v>0</v>
      </c>
      <c r="CQ14" s="104">
        <v>1686835</v>
      </c>
      <c r="CR14" s="104">
        <v>2341964</v>
      </c>
      <c r="CS14" s="104">
        <v>1701870</v>
      </c>
      <c r="CT14" s="104">
        <v>1204907</v>
      </c>
      <c r="CU14" s="104">
        <v>905864</v>
      </c>
      <c r="CV14" s="103">
        <v>7841440</v>
      </c>
      <c r="CW14" s="106">
        <v>7841440</v>
      </c>
      <c r="CX14" s="100">
        <v>103829</v>
      </c>
      <c r="CY14" s="104">
        <v>118132</v>
      </c>
      <c r="CZ14" s="103">
        <v>221961</v>
      </c>
      <c r="DA14" s="100">
        <v>0</v>
      </c>
      <c r="DB14" s="104">
        <v>428246</v>
      </c>
      <c r="DC14" s="104">
        <v>344446</v>
      </c>
      <c r="DD14" s="104">
        <v>619293</v>
      </c>
      <c r="DE14" s="104">
        <v>339100</v>
      </c>
      <c r="DF14" s="104">
        <v>0</v>
      </c>
      <c r="DG14" s="103">
        <v>1731085</v>
      </c>
      <c r="DH14" s="106">
        <v>1953046</v>
      </c>
      <c r="DI14" s="100">
        <v>43660</v>
      </c>
      <c r="DJ14" s="104">
        <v>0</v>
      </c>
      <c r="DK14" s="102">
        <v>43660</v>
      </c>
      <c r="DL14" s="101">
        <v>0</v>
      </c>
      <c r="DM14" s="104">
        <v>228568</v>
      </c>
      <c r="DN14" s="104">
        <v>397630</v>
      </c>
      <c r="DO14" s="104">
        <v>1193448</v>
      </c>
      <c r="DP14" s="104">
        <v>395561</v>
      </c>
      <c r="DQ14" s="104">
        <v>254465</v>
      </c>
      <c r="DR14" s="103">
        <v>2469672</v>
      </c>
      <c r="DS14" s="106">
        <v>2513332</v>
      </c>
      <c r="DT14" s="100">
        <v>43660</v>
      </c>
      <c r="DU14" s="104">
        <v>0</v>
      </c>
      <c r="DV14" s="103">
        <v>43660</v>
      </c>
      <c r="DW14" s="100">
        <v>0</v>
      </c>
      <c r="DX14" s="104">
        <v>228568</v>
      </c>
      <c r="DY14" s="104">
        <v>397630</v>
      </c>
      <c r="DZ14" s="104">
        <v>912805</v>
      </c>
      <c r="EA14" s="104">
        <v>395561</v>
      </c>
      <c r="EB14" s="104">
        <v>254465</v>
      </c>
      <c r="EC14" s="103">
        <v>2189029</v>
      </c>
      <c r="ED14" s="106">
        <v>2232689</v>
      </c>
      <c r="EE14" s="100">
        <v>0</v>
      </c>
      <c r="EF14" s="102">
        <v>0</v>
      </c>
      <c r="EG14" s="103">
        <v>0</v>
      </c>
      <c r="EH14" s="100">
        <v>0</v>
      </c>
      <c r="EI14" s="104">
        <v>0</v>
      </c>
      <c r="EJ14" s="104">
        <v>0</v>
      </c>
      <c r="EK14" s="104">
        <v>280643</v>
      </c>
      <c r="EL14" s="104">
        <v>0</v>
      </c>
      <c r="EM14" s="104">
        <v>0</v>
      </c>
      <c r="EN14" s="102">
        <v>280643</v>
      </c>
      <c r="EO14" s="106">
        <v>280643</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61720</v>
      </c>
      <c r="FM14" s="104">
        <v>112016</v>
      </c>
      <c r="FN14" s="103">
        <v>173736</v>
      </c>
      <c r="FO14" s="100">
        <v>0</v>
      </c>
      <c r="FP14" s="104">
        <v>375824</v>
      </c>
      <c r="FQ14" s="104">
        <v>921445</v>
      </c>
      <c r="FR14" s="104">
        <v>1139920</v>
      </c>
      <c r="FS14" s="104">
        <v>672392</v>
      </c>
      <c r="FT14" s="104">
        <v>272880</v>
      </c>
      <c r="FU14" s="103">
        <v>3382461</v>
      </c>
      <c r="FV14" s="106">
        <v>3556197</v>
      </c>
      <c r="FW14" s="105">
        <v>61720</v>
      </c>
      <c r="FX14" s="104">
        <v>112016</v>
      </c>
      <c r="FY14" s="102">
        <v>173736</v>
      </c>
      <c r="FZ14" s="101">
        <v>0</v>
      </c>
      <c r="GA14" s="104">
        <v>363024</v>
      </c>
      <c r="GB14" s="104">
        <v>921445</v>
      </c>
      <c r="GC14" s="104">
        <v>1139920</v>
      </c>
      <c r="GD14" s="104">
        <v>616232</v>
      </c>
      <c r="GE14" s="104">
        <v>272880</v>
      </c>
      <c r="GF14" s="103">
        <v>3313501</v>
      </c>
      <c r="GG14" s="296">
        <v>3487237</v>
      </c>
      <c r="GH14" s="105">
        <v>0</v>
      </c>
      <c r="GI14" s="104">
        <v>0</v>
      </c>
      <c r="GJ14" s="102">
        <v>0</v>
      </c>
      <c r="GK14" s="101">
        <v>0</v>
      </c>
      <c r="GL14" s="104">
        <v>12800</v>
      </c>
      <c r="GM14" s="104">
        <v>0</v>
      </c>
      <c r="GN14" s="104">
        <v>0</v>
      </c>
      <c r="GO14" s="104">
        <v>56160</v>
      </c>
      <c r="GP14" s="104">
        <v>0</v>
      </c>
      <c r="GQ14" s="103">
        <v>68960</v>
      </c>
      <c r="GR14" s="106">
        <v>68960</v>
      </c>
      <c r="GS14" s="100">
        <v>0</v>
      </c>
      <c r="GT14" s="104">
        <v>0</v>
      </c>
      <c r="GU14" s="103">
        <v>0</v>
      </c>
      <c r="GV14" s="100">
        <v>0</v>
      </c>
      <c r="GW14" s="104">
        <v>0</v>
      </c>
      <c r="GX14" s="104">
        <v>0</v>
      </c>
      <c r="GY14" s="104">
        <v>0</v>
      </c>
      <c r="GZ14" s="104">
        <v>0</v>
      </c>
      <c r="HA14" s="104">
        <v>0</v>
      </c>
      <c r="HB14" s="102">
        <v>0</v>
      </c>
      <c r="HC14" s="106">
        <v>0</v>
      </c>
      <c r="HD14" s="100">
        <v>366179</v>
      </c>
      <c r="HE14" s="104">
        <v>267138</v>
      </c>
      <c r="HF14" s="102">
        <v>633317</v>
      </c>
      <c r="HG14" s="101">
        <v>0</v>
      </c>
      <c r="HH14" s="104">
        <v>2599644</v>
      </c>
      <c r="HI14" s="104">
        <v>1226579</v>
      </c>
      <c r="HJ14" s="104">
        <v>1859666</v>
      </c>
      <c r="HK14" s="104">
        <v>2175356</v>
      </c>
      <c r="HL14" s="104">
        <v>1389075</v>
      </c>
      <c r="HM14" s="103">
        <v>9250320</v>
      </c>
      <c r="HN14" s="99">
        <v>9883637</v>
      </c>
      <c r="HO14" s="306"/>
      <c r="HP14" s="307"/>
      <c r="HQ14" s="308"/>
      <c r="HR14" s="309"/>
      <c r="HS14" s="307"/>
      <c r="HT14" s="307"/>
      <c r="HU14" s="307"/>
      <c r="HV14" s="307"/>
      <c r="HW14" s="307"/>
      <c r="HX14" s="310"/>
      <c r="HY14" s="311"/>
      <c r="HZ14" s="118">
        <v>0</v>
      </c>
      <c r="IA14" s="119">
        <v>232098</v>
      </c>
      <c r="IB14" s="120">
        <v>232098</v>
      </c>
      <c r="IC14" s="121">
        <v>0</v>
      </c>
      <c r="ID14" s="122">
        <v>2853905</v>
      </c>
      <c r="IE14" s="123">
        <v>3101900</v>
      </c>
      <c r="IF14" s="124">
        <v>3878208</v>
      </c>
      <c r="IG14" s="122">
        <v>2707251</v>
      </c>
      <c r="IH14" s="124">
        <v>994940</v>
      </c>
      <c r="II14" s="125">
        <v>13536204</v>
      </c>
      <c r="IJ14" s="126">
        <v>13768302</v>
      </c>
      <c r="IK14" s="219">
        <v>0</v>
      </c>
      <c r="IL14" s="223">
        <v>0</v>
      </c>
      <c r="IM14" s="224">
        <v>0</v>
      </c>
      <c r="IN14" s="127"/>
      <c r="IO14" s="109">
        <v>0</v>
      </c>
      <c r="IP14" s="109">
        <v>0</v>
      </c>
      <c r="IQ14" s="109">
        <v>0</v>
      </c>
      <c r="IR14" s="109">
        <v>401455</v>
      </c>
      <c r="IS14" s="109">
        <v>0</v>
      </c>
      <c r="IT14" s="128">
        <v>401455</v>
      </c>
      <c r="IU14" s="298">
        <v>401455</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1274254</v>
      </c>
      <c r="JL14" s="109">
        <v>1607155</v>
      </c>
      <c r="JM14" s="109">
        <v>1348396</v>
      </c>
      <c r="JN14" s="109">
        <v>70189</v>
      </c>
      <c r="JO14" s="109">
        <v>220794</v>
      </c>
      <c r="JP14" s="110">
        <v>4520788</v>
      </c>
      <c r="JQ14" s="298">
        <v>4520788</v>
      </c>
      <c r="JR14" s="129">
        <v>0</v>
      </c>
      <c r="JS14" s="109">
        <v>0</v>
      </c>
      <c r="JT14" s="128">
        <v>0</v>
      </c>
      <c r="JU14" s="108">
        <v>0</v>
      </c>
      <c r="JV14" s="109">
        <v>109880</v>
      </c>
      <c r="JW14" s="109">
        <v>0</v>
      </c>
      <c r="JX14" s="109">
        <v>0</v>
      </c>
      <c r="JY14" s="109">
        <v>104604</v>
      </c>
      <c r="JZ14" s="109">
        <v>0</v>
      </c>
      <c r="KA14" s="110">
        <v>214484</v>
      </c>
      <c r="KB14" s="298">
        <v>214484</v>
      </c>
      <c r="KC14" s="221">
        <v>0</v>
      </c>
      <c r="KD14" s="217">
        <v>232098</v>
      </c>
      <c r="KE14" s="110">
        <v>232098</v>
      </c>
      <c r="KF14" s="108">
        <v>0</v>
      </c>
      <c r="KG14" s="109">
        <v>130000</v>
      </c>
      <c r="KH14" s="109">
        <v>330770</v>
      </c>
      <c r="KI14" s="109">
        <v>397387</v>
      </c>
      <c r="KJ14" s="109">
        <v>0</v>
      </c>
      <c r="KK14" s="109">
        <v>285280</v>
      </c>
      <c r="KL14" s="110">
        <v>1143437</v>
      </c>
      <c r="KM14" s="130">
        <v>1375535</v>
      </c>
      <c r="KN14" s="219">
        <v>0</v>
      </c>
      <c r="KO14" s="223">
        <v>0</v>
      </c>
      <c r="KP14" s="224">
        <v>0</v>
      </c>
      <c r="KQ14" s="127"/>
      <c r="KR14" s="109">
        <v>920635</v>
      </c>
      <c r="KS14" s="109">
        <v>967121</v>
      </c>
      <c r="KT14" s="109">
        <v>1239157</v>
      </c>
      <c r="KU14" s="109">
        <v>1294383</v>
      </c>
      <c r="KV14" s="109">
        <v>256902</v>
      </c>
      <c r="KW14" s="110">
        <v>4678198</v>
      </c>
      <c r="KX14" s="298">
        <v>4678198</v>
      </c>
      <c r="KY14" s="129">
        <v>0</v>
      </c>
      <c r="KZ14" s="109">
        <v>0</v>
      </c>
      <c r="LA14" s="110">
        <v>0</v>
      </c>
      <c r="LB14" s="132"/>
      <c r="LC14" s="109">
        <v>0</v>
      </c>
      <c r="LD14" s="109">
        <v>0</v>
      </c>
      <c r="LE14" s="109">
        <v>384944</v>
      </c>
      <c r="LF14" s="109">
        <v>0</v>
      </c>
      <c r="LG14" s="109">
        <v>231964</v>
      </c>
      <c r="LH14" s="110">
        <v>616908</v>
      </c>
      <c r="LI14" s="111">
        <v>616908</v>
      </c>
      <c r="LJ14" s="129">
        <v>0</v>
      </c>
      <c r="LK14" s="109">
        <v>0</v>
      </c>
      <c r="LL14" s="110">
        <v>0</v>
      </c>
      <c r="LM14" s="132"/>
      <c r="LN14" s="109">
        <v>0</v>
      </c>
      <c r="LO14" s="109">
        <v>0</v>
      </c>
      <c r="LP14" s="109">
        <v>253892</v>
      </c>
      <c r="LQ14" s="109">
        <v>240901</v>
      </c>
      <c r="LR14" s="109">
        <v>0</v>
      </c>
      <c r="LS14" s="110">
        <v>494793</v>
      </c>
      <c r="LT14" s="298">
        <v>494793</v>
      </c>
      <c r="LU14" s="129">
        <v>0</v>
      </c>
      <c r="LV14" s="109">
        <v>0</v>
      </c>
      <c r="LW14" s="110">
        <v>0</v>
      </c>
      <c r="LX14" s="132"/>
      <c r="LY14" s="109">
        <v>419136</v>
      </c>
      <c r="LZ14" s="109">
        <v>196854</v>
      </c>
      <c r="MA14" s="109">
        <v>254432</v>
      </c>
      <c r="MB14" s="109">
        <v>595719</v>
      </c>
      <c r="MC14" s="109">
        <v>0</v>
      </c>
      <c r="MD14" s="110">
        <v>1466141</v>
      </c>
      <c r="ME14" s="111">
        <v>1466141</v>
      </c>
      <c r="MF14" s="129">
        <v>0</v>
      </c>
      <c r="MG14" s="109">
        <v>0</v>
      </c>
      <c r="MH14" s="110">
        <v>0</v>
      </c>
      <c r="MI14" s="132"/>
      <c r="MJ14" s="109">
        <v>400935</v>
      </c>
      <c r="MK14" s="109">
        <v>1996209</v>
      </c>
      <c r="ML14" s="109">
        <v>5216758</v>
      </c>
      <c r="MM14" s="109">
        <v>4272337</v>
      </c>
      <c r="MN14" s="109">
        <v>3528191</v>
      </c>
      <c r="MO14" s="110">
        <v>15414430</v>
      </c>
      <c r="MP14" s="130">
        <v>15414430</v>
      </c>
      <c r="MQ14" s="129">
        <v>0</v>
      </c>
      <c r="MR14" s="109">
        <v>0</v>
      </c>
      <c r="MS14" s="110">
        <v>0</v>
      </c>
      <c r="MT14" s="132"/>
      <c r="MU14" s="109">
        <v>197069</v>
      </c>
      <c r="MV14" s="109">
        <v>406987</v>
      </c>
      <c r="MW14" s="109">
        <v>2431123</v>
      </c>
      <c r="MX14" s="109">
        <v>2065281</v>
      </c>
      <c r="MY14" s="109">
        <v>1897737</v>
      </c>
      <c r="MZ14" s="110">
        <v>6998197</v>
      </c>
      <c r="NA14" s="130">
        <v>6998197</v>
      </c>
      <c r="NB14" s="129">
        <v>0</v>
      </c>
      <c r="NC14" s="109">
        <v>0</v>
      </c>
      <c r="ND14" s="110">
        <v>0</v>
      </c>
      <c r="NE14" s="132"/>
      <c r="NF14" s="109">
        <v>203866</v>
      </c>
      <c r="NG14" s="109">
        <v>1589222</v>
      </c>
      <c r="NH14" s="109">
        <v>2785635</v>
      </c>
      <c r="NI14" s="109">
        <v>1911424</v>
      </c>
      <c r="NJ14" s="109">
        <v>1527582</v>
      </c>
      <c r="NK14" s="110">
        <v>8017729</v>
      </c>
      <c r="NL14" s="298">
        <v>8017729</v>
      </c>
      <c r="NM14" s="129">
        <v>0</v>
      </c>
      <c r="NN14" s="109">
        <v>0</v>
      </c>
      <c r="NO14" s="110">
        <v>0</v>
      </c>
      <c r="NP14" s="132"/>
      <c r="NQ14" s="109">
        <v>0</v>
      </c>
      <c r="NR14" s="109">
        <v>0</v>
      </c>
      <c r="NS14" s="109">
        <v>0</v>
      </c>
      <c r="NT14" s="109">
        <v>0</v>
      </c>
      <c r="NU14" s="109">
        <v>0</v>
      </c>
      <c r="NV14" s="110">
        <v>0</v>
      </c>
      <c r="NW14" s="111">
        <v>0</v>
      </c>
      <c r="NX14" s="129">
        <v>0</v>
      </c>
      <c r="NY14" s="109">
        <v>0</v>
      </c>
      <c r="NZ14" s="110">
        <v>0</v>
      </c>
      <c r="OA14" s="132"/>
      <c r="OB14" s="109">
        <v>0</v>
      </c>
      <c r="OC14" s="109">
        <v>0</v>
      </c>
      <c r="OD14" s="109">
        <v>0</v>
      </c>
      <c r="OE14" s="109">
        <v>295632</v>
      </c>
      <c r="OF14" s="109">
        <v>102872</v>
      </c>
      <c r="OG14" s="110">
        <v>398504</v>
      </c>
      <c r="OH14" s="111">
        <v>398504</v>
      </c>
      <c r="OI14" s="129">
        <v>738143</v>
      </c>
      <c r="OJ14" s="109">
        <v>863967</v>
      </c>
      <c r="OK14" s="128">
        <v>1602110</v>
      </c>
      <c r="OL14" s="108">
        <v>0</v>
      </c>
      <c r="OM14" s="109">
        <v>10413662</v>
      </c>
      <c r="ON14" s="109">
        <v>14304642</v>
      </c>
      <c r="OO14" s="109">
        <v>19820175</v>
      </c>
      <c r="OP14" s="109">
        <v>13246802</v>
      </c>
      <c r="OQ14" s="109">
        <v>9666587</v>
      </c>
      <c r="OR14" s="110">
        <v>67451868</v>
      </c>
      <c r="OS14" s="130">
        <v>69053978</v>
      </c>
    </row>
    <row r="15" spans="1:409" ht="21" customHeight="1" x14ac:dyDescent="0.2">
      <c r="B15" s="472" t="s">
        <v>9</v>
      </c>
      <c r="C15" s="100">
        <v>751369</v>
      </c>
      <c r="D15" s="104">
        <v>828994</v>
      </c>
      <c r="E15" s="103">
        <v>1580363</v>
      </c>
      <c r="F15" s="101">
        <v>0</v>
      </c>
      <c r="G15" s="104">
        <v>11364668</v>
      </c>
      <c r="H15" s="104">
        <v>11099713</v>
      </c>
      <c r="I15" s="104">
        <v>13832420</v>
      </c>
      <c r="J15" s="104">
        <v>11790617</v>
      </c>
      <c r="K15" s="104">
        <v>7422876</v>
      </c>
      <c r="L15" s="99">
        <v>55510294</v>
      </c>
      <c r="M15" s="106">
        <v>57090657</v>
      </c>
      <c r="N15" s="100">
        <v>188650</v>
      </c>
      <c r="O15" s="104">
        <v>297934</v>
      </c>
      <c r="P15" s="103">
        <v>486584</v>
      </c>
      <c r="Q15" s="100">
        <v>0</v>
      </c>
      <c r="R15" s="104">
        <v>3858784</v>
      </c>
      <c r="S15" s="104">
        <v>3930438</v>
      </c>
      <c r="T15" s="104">
        <v>5453224</v>
      </c>
      <c r="U15" s="104">
        <v>5033305</v>
      </c>
      <c r="V15" s="104">
        <v>4009147</v>
      </c>
      <c r="W15" s="103">
        <v>22284898</v>
      </c>
      <c r="X15" s="106">
        <v>22771482</v>
      </c>
      <c r="Y15" s="100">
        <v>0</v>
      </c>
      <c r="Z15" s="104">
        <v>0</v>
      </c>
      <c r="AA15" s="103">
        <v>0</v>
      </c>
      <c r="AB15" s="100">
        <v>0</v>
      </c>
      <c r="AC15" s="104">
        <v>1407602</v>
      </c>
      <c r="AD15" s="104">
        <v>1763284</v>
      </c>
      <c r="AE15" s="104">
        <v>2645334</v>
      </c>
      <c r="AF15" s="104">
        <v>3207413</v>
      </c>
      <c r="AG15" s="104">
        <v>2446731</v>
      </c>
      <c r="AH15" s="103">
        <v>11470364</v>
      </c>
      <c r="AI15" s="106">
        <v>11470364</v>
      </c>
      <c r="AJ15" s="100">
        <v>0</v>
      </c>
      <c r="AK15" s="104">
        <v>0</v>
      </c>
      <c r="AL15" s="103">
        <v>0</v>
      </c>
      <c r="AM15" s="100">
        <v>0</v>
      </c>
      <c r="AN15" s="104">
        <v>0</v>
      </c>
      <c r="AO15" s="104">
        <v>76012</v>
      </c>
      <c r="AP15" s="104">
        <v>131891</v>
      </c>
      <c r="AQ15" s="104">
        <v>144894</v>
      </c>
      <c r="AR15" s="104">
        <v>267548</v>
      </c>
      <c r="AS15" s="103">
        <v>620345</v>
      </c>
      <c r="AT15" s="106">
        <v>620345</v>
      </c>
      <c r="AU15" s="100">
        <v>108539</v>
      </c>
      <c r="AV15" s="104">
        <v>221174</v>
      </c>
      <c r="AW15" s="103">
        <v>329713</v>
      </c>
      <c r="AX15" s="100">
        <v>0</v>
      </c>
      <c r="AY15" s="104">
        <v>1596861</v>
      </c>
      <c r="AZ15" s="104">
        <v>1227646</v>
      </c>
      <c r="BA15" s="104">
        <v>1735224</v>
      </c>
      <c r="BB15" s="104">
        <v>1008571</v>
      </c>
      <c r="BC15" s="104">
        <v>859165</v>
      </c>
      <c r="BD15" s="103">
        <v>6427467</v>
      </c>
      <c r="BE15" s="106">
        <v>6757180</v>
      </c>
      <c r="BF15" s="100">
        <v>5423</v>
      </c>
      <c r="BG15" s="104">
        <v>13456</v>
      </c>
      <c r="BH15" s="102">
        <v>18879</v>
      </c>
      <c r="BI15" s="101">
        <v>0</v>
      </c>
      <c r="BJ15" s="104">
        <v>68625</v>
      </c>
      <c r="BK15" s="104">
        <v>248768</v>
      </c>
      <c r="BL15" s="104">
        <v>76831</v>
      </c>
      <c r="BM15" s="104">
        <v>113451</v>
      </c>
      <c r="BN15" s="104">
        <v>22031</v>
      </c>
      <c r="BO15" s="103">
        <v>529706</v>
      </c>
      <c r="BP15" s="106">
        <v>548585</v>
      </c>
      <c r="BQ15" s="100">
        <v>74688</v>
      </c>
      <c r="BR15" s="104">
        <v>63304</v>
      </c>
      <c r="BS15" s="103">
        <v>137992</v>
      </c>
      <c r="BT15" s="100">
        <v>0</v>
      </c>
      <c r="BU15" s="104">
        <v>785696</v>
      </c>
      <c r="BV15" s="104">
        <v>614728</v>
      </c>
      <c r="BW15" s="104">
        <v>863944</v>
      </c>
      <c r="BX15" s="104">
        <v>558976</v>
      </c>
      <c r="BY15" s="104">
        <v>413672</v>
      </c>
      <c r="BZ15" s="103">
        <v>3237016</v>
      </c>
      <c r="CA15" s="106">
        <v>3375008</v>
      </c>
      <c r="CB15" s="100">
        <v>66468</v>
      </c>
      <c r="CC15" s="104">
        <v>235463</v>
      </c>
      <c r="CD15" s="103">
        <v>301931</v>
      </c>
      <c r="CE15" s="100">
        <v>0</v>
      </c>
      <c r="CF15" s="104">
        <v>2747425</v>
      </c>
      <c r="CG15" s="104">
        <v>2367156</v>
      </c>
      <c r="CH15" s="104">
        <v>3307517</v>
      </c>
      <c r="CI15" s="104">
        <v>1985849</v>
      </c>
      <c r="CJ15" s="104">
        <v>455115</v>
      </c>
      <c r="CK15" s="103">
        <v>10863062</v>
      </c>
      <c r="CL15" s="106">
        <v>11164993</v>
      </c>
      <c r="CM15" s="100">
        <v>0</v>
      </c>
      <c r="CN15" s="104">
        <v>0</v>
      </c>
      <c r="CO15" s="103">
        <v>0</v>
      </c>
      <c r="CP15" s="101">
        <v>0</v>
      </c>
      <c r="CQ15" s="104">
        <v>1978157</v>
      </c>
      <c r="CR15" s="104">
        <v>1583179</v>
      </c>
      <c r="CS15" s="104">
        <v>2084445</v>
      </c>
      <c r="CT15" s="104">
        <v>1545707</v>
      </c>
      <c r="CU15" s="104">
        <v>229446</v>
      </c>
      <c r="CV15" s="103">
        <v>7420934</v>
      </c>
      <c r="CW15" s="106">
        <v>7420934</v>
      </c>
      <c r="CX15" s="100">
        <v>66468</v>
      </c>
      <c r="CY15" s="104">
        <v>235463</v>
      </c>
      <c r="CZ15" s="103">
        <v>301931</v>
      </c>
      <c r="DA15" s="100">
        <v>0</v>
      </c>
      <c r="DB15" s="104">
        <v>769268</v>
      </c>
      <c r="DC15" s="104">
        <v>783977</v>
      </c>
      <c r="DD15" s="104">
        <v>1223072</v>
      </c>
      <c r="DE15" s="104">
        <v>440142</v>
      </c>
      <c r="DF15" s="104">
        <v>225669</v>
      </c>
      <c r="DG15" s="103">
        <v>3442128</v>
      </c>
      <c r="DH15" s="106">
        <v>3744059</v>
      </c>
      <c r="DI15" s="100">
        <v>0</v>
      </c>
      <c r="DJ15" s="104">
        <v>16600</v>
      </c>
      <c r="DK15" s="102">
        <v>16600</v>
      </c>
      <c r="DL15" s="101">
        <v>0</v>
      </c>
      <c r="DM15" s="104">
        <v>346675</v>
      </c>
      <c r="DN15" s="104">
        <v>1014283</v>
      </c>
      <c r="DO15" s="104">
        <v>919789</v>
      </c>
      <c r="DP15" s="104">
        <v>1441451</v>
      </c>
      <c r="DQ15" s="104">
        <v>293838</v>
      </c>
      <c r="DR15" s="103">
        <v>4016036</v>
      </c>
      <c r="DS15" s="106">
        <v>4032636</v>
      </c>
      <c r="DT15" s="100">
        <v>0</v>
      </c>
      <c r="DU15" s="104">
        <v>16600</v>
      </c>
      <c r="DV15" s="103">
        <v>16600</v>
      </c>
      <c r="DW15" s="100">
        <v>0</v>
      </c>
      <c r="DX15" s="104">
        <v>346675</v>
      </c>
      <c r="DY15" s="104">
        <v>797719</v>
      </c>
      <c r="DZ15" s="104">
        <v>885434</v>
      </c>
      <c r="EA15" s="104">
        <v>1402970</v>
      </c>
      <c r="EB15" s="104">
        <v>244566</v>
      </c>
      <c r="EC15" s="103">
        <v>3677364</v>
      </c>
      <c r="ED15" s="106">
        <v>3693964</v>
      </c>
      <c r="EE15" s="100">
        <v>0</v>
      </c>
      <c r="EF15" s="102">
        <v>0</v>
      </c>
      <c r="EG15" s="103">
        <v>0</v>
      </c>
      <c r="EH15" s="100">
        <v>0</v>
      </c>
      <c r="EI15" s="104">
        <v>0</v>
      </c>
      <c r="EJ15" s="104">
        <v>216564</v>
      </c>
      <c r="EK15" s="104">
        <v>34355</v>
      </c>
      <c r="EL15" s="104">
        <v>38481</v>
      </c>
      <c r="EM15" s="104">
        <v>49272</v>
      </c>
      <c r="EN15" s="102">
        <v>338672</v>
      </c>
      <c r="EO15" s="106">
        <v>338672</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149779</v>
      </c>
      <c r="FM15" s="104">
        <v>83312</v>
      </c>
      <c r="FN15" s="103">
        <v>233091</v>
      </c>
      <c r="FO15" s="100">
        <v>0</v>
      </c>
      <c r="FP15" s="104">
        <v>922808</v>
      </c>
      <c r="FQ15" s="104">
        <v>1193935</v>
      </c>
      <c r="FR15" s="104">
        <v>1010216</v>
      </c>
      <c r="FS15" s="104">
        <v>707784</v>
      </c>
      <c r="FT15" s="104">
        <v>526248</v>
      </c>
      <c r="FU15" s="103">
        <v>4360991</v>
      </c>
      <c r="FV15" s="106">
        <v>4594082</v>
      </c>
      <c r="FW15" s="105">
        <v>139064</v>
      </c>
      <c r="FX15" s="104">
        <v>83312</v>
      </c>
      <c r="FY15" s="102">
        <v>222376</v>
      </c>
      <c r="FZ15" s="101">
        <v>0</v>
      </c>
      <c r="GA15" s="104">
        <v>531704</v>
      </c>
      <c r="GB15" s="104">
        <v>1070496</v>
      </c>
      <c r="GC15" s="104">
        <v>989096</v>
      </c>
      <c r="GD15" s="104">
        <v>707784</v>
      </c>
      <c r="GE15" s="104">
        <v>500328</v>
      </c>
      <c r="GF15" s="103">
        <v>3799408</v>
      </c>
      <c r="GG15" s="296">
        <v>4021784</v>
      </c>
      <c r="GH15" s="105">
        <v>0</v>
      </c>
      <c r="GI15" s="104">
        <v>0</v>
      </c>
      <c r="GJ15" s="102">
        <v>0</v>
      </c>
      <c r="GK15" s="101">
        <v>0</v>
      </c>
      <c r="GL15" s="104">
        <v>18304</v>
      </c>
      <c r="GM15" s="104">
        <v>91600</v>
      </c>
      <c r="GN15" s="104">
        <v>21120</v>
      </c>
      <c r="GO15" s="104">
        <v>0</v>
      </c>
      <c r="GP15" s="104">
        <v>0</v>
      </c>
      <c r="GQ15" s="103">
        <v>131024</v>
      </c>
      <c r="GR15" s="106">
        <v>131024</v>
      </c>
      <c r="GS15" s="100">
        <v>10715</v>
      </c>
      <c r="GT15" s="104">
        <v>0</v>
      </c>
      <c r="GU15" s="103">
        <v>10715</v>
      </c>
      <c r="GV15" s="100">
        <v>0</v>
      </c>
      <c r="GW15" s="104">
        <v>372800</v>
      </c>
      <c r="GX15" s="104">
        <v>31839</v>
      </c>
      <c r="GY15" s="104">
        <v>0</v>
      </c>
      <c r="GZ15" s="104">
        <v>0</v>
      </c>
      <c r="HA15" s="104">
        <v>25920</v>
      </c>
      <c r="HB15" s="102">
        <v>430559</v>
      </c>
      <c r="HC15" s="106">
        <v>441274</v>
      </c>
      <c r="HD15" s="100">
        <v>346472</v>
      </c>
      <c r="HE15" s="104">
        <v>195685</v>
      </c>
      <c r="HF15" s="102">
        <v>542157</v>
      </c>
      <c r="HG15" s="101">
        <v>0</v>
      </c>
      <c r="HH15" s="104">
        <v>3488976</v>
      </c>
      <c r="HI15" s="104">
        <v>2593901</v>
      </c>
      <c r="HJ15" s="104">
        <v>3141674</v>
      </c>
      <c r="HK15" s="104">
        <v>2622228</v>
      </c>
      <c r="HL15" s="104">
        <v>2138528</v>
      </c>
      <c r="HM15" s="103">
        <v>13985307</v>
      </c>
      <c r="HN15" s="99">
        <v>14527464</v>
      </c>
      <c r="HO15" s="306"/>
      <c r="HP15" s="307"/>
      <c r="HQ15" s="308"/>
      <c r="HR15" s="309"/>
      <c r="HS15" s="307"/>
      <c r="HT15" s="307"/>
      <c r="HU15" s="307"/>
      <c r="HV15" s="307"/>
      <c r="HW15" s="307"/>
      <c r="HX15" s="310"/>
      <c r="HY15" s="311"/>
      <c r="HZ15" s="115">
        <v>43484</v>
      </c>
      <c r="IA15" s="136">
        <v>0</v>
      </c>
      <c r="IB15" s="116">
        <v>43484</v>
      </c>
      <c r="IC15" s="133">
        <v>0</v>
      </c>
      <c r="ID15" s="119">
        <v>2734052</v>
      </c>
      <c r="IE15" s="134">
        <v>3293141</v>
      </c>
      <c r="IF15" s="120">
        <v>4355627</v>
      </c>
      <c r="IG15" s="119">
        <v>1079662</v>
      </c>
      <c r="IH15" s="120">
        <v>1504088</v>
      </c>
      <c r="II15" s="135">
        <v>12966570</v>
      </c>
      <c r="IJ15" s="117">
        <v>13010054</v>
      </c>
      <c r="IK15" s="219">
        <v>0</v>
      </c>
      <c r="IL15" s="223">
        <v>0</v>
      </c>
      <c r="IM15" s="224">
        <v>0</v>
      </c>
      <c r="IN15" s="127"/>
      <c r="IO15" s="109">
        <v>0</v>
      </c>
      <c r="IP15" s="109">
        <v>237528</v>
      </c>
      <c r="IQ15" s="109">
        <v>0</v>
      </c>
      <c r="IR15" s="109">
        <v>0</v>
      </c>
      <c r="IS15" s="109">
        <v>0</v>
      </c>
      <c r="IT15" s="128">
        <v>237528</v>
      </c>
      <c r="IU15" s="298">
        <v>237528</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446627</v>
      </c>
      <c r="JL15" s="109">
        <v>1063200</v>
      </c>
      <c r="JM15" s="109">
        <v>871307</v>
      </c>
      <c r="JN15" s="109">
        <v>521353</v>
      </c>
      <c r="JO15" s="109">
        <v>422455</v>
      </c>
      <c r="JP15" s="110">
        <v>4324942</v>
      </c>
      <c r="JQ15" s="298">
        <v>4324942</v>
      </c>
      <c r="JR15" s="129">
        <v>0</v>
      </c>
      <c r="JS15" s="109">
        <v>0</v>
      </c>
      <c r="JT15" s="128">
        <v>0</v>
      </c>
      <c r="JU15" s="108">
        <v>0</v>
      </c>
      <c r="JV15" s="109">
        <v>0</v>
      </c>
      <c r="JW15" s="109">
        <v>0</v>
      </c>
      <c r="JX15" s="109">
        <v>0</v>
      </c>
      <c r="JY15" s="109">
        <v>0</v>
      </c>
      <c r="JZ15" s="109">
        <v>160587</v>
      </c>
      <c r="KA15" s="110">
        <v>160587</v>
      </c>
      <c r="KB15" s="298">
        <v>160587</v>
      </c>
      <c r="KC15" s="221">
        <v>43484</v>
      </c>
      <c r="KD15" s="217">
        <v>0</v>
      </c>
      <c r="KE15" s="110">
        <v>43484</v>
      </c>
      <c r="KF15" s="108">
        <v>0</v>
      </c>
      <c r="KG15" s="109">
        <v>118514</v>
      </c>
      <c r="KH15" s="109">
        <v>670651</v>
      </c>
      <c r="KI15" s="109">
        <v>989684</v>
      </c>
      <c r="KJ15" s="109">
        <v>41508</v>
      </c>
      <c r="KK15" s="109">
        <v>0</v>
      </c>
      <c r="KL15" s="110">
        <v>1820357</v>
      </c>
      <c r="KM15" s="130">
        <v>1863841</v>
      </c>
      <c r="KN15" s="219">
        <v>0</v>
      </c>
      <c r="KO15" s="223">
        <v>0</v>
      </c>
      <c r="KP15" s="224">
        <v>0</v>
      </c>
      <c r="KQ15" s="127"/>
      <c r="KR15" s="109">
        <v>1168911</v>
      </c>
      <c r="KS15" s="109">
        <v>962821</v>
      </c>
      <c r="KT15" s="109">
        <v>2494636</v>
      </c>
      <c r="KU15" s="109">
        <v>516801</v>
      </c>
      <c r="KV15" s="109">
        <v>261856</v>
      </c>
      <c r="KW15" s="110">
        <v>5405025</v>
      </c>
      <c r="KX15" s="298">
        <v>5405025</v>
      </c>
      <c r="KY15" s="129">
        <v>0</v>
      </c>
      <c r="KZ15" s="109">
        <v>0</v>
      </c>
      <c r="LA15" s="110">
        <v>0</v>
      </c>
      <c r="LB15" s="132"/>
      <c r="LC15" s="109">
        <v>0</v>
      </c>
      <c r="LD15" s="109">
        <v>177091</v>
      </c>
      <c r="LE15" s="109">
        <v>0</v>
      </c>
      <c r="LF15" s="109">
        <v>0</v>
      </c>
      <c r="LG15" s="109">
        <v>0</v>
      </c>
      <c r="LH15" s="110">
        <v>177091</v>
      </c>
      <c r="LI15" s="111">
        <v>177091</v>
      </c>
      <c r="LJ15" s="129">
        <v>0</v>
      </c>
      <c r="LK15" s="109">
        <v>0</v>
      </c>
      <c r="LL15" s="110">
        <v>0</v>
      </c>
      <c r="LM15" s="132"/>
      <c r="LN15" s="109">
        <v>0</v>
      </c>
      <c r="LO15" s="109">
        <v>0</v>
      </c>
      <c r="LP15" s="109">
        <v>0</v>
      </c>
      <c r="LQ15" s="109">
        <v>0</v>
      </c>
      <c r="LR15" s="109">
        <v>0</v>
      </c>
      <c r="LS15" s="110">
        <v>0</v>
      </c>
      <c r="LT15" s="298">
        <v>0</v>
      </c>
      <c r="LU15" s="129">
        <v>0</v>
      </c>
      <c r="LV15" s="109">
        <v>0</v>
      </c>
      <c r="LW15" s="110">
        <v>0</v>
      </c>
      <c r="LX15" s="132"/>
      <c r="LY15" s="109">
        <v>0</v>
      </c>
      <c r="LZ15" s="109">
        <v>181850</v>
      </c>
      <c r="MA15" s="109">
        <v>0</v>
      </c>
      <c r="MB15" s="109">
        <v>0</v>
      </c>
      <c r="MC15" s="109">
        <v>659190</v>
      </c>
      <c r="MD15" s="110">
        <v>841040</v>
      </c>
      <c r="ME15" s="111">
        <v>841040</v>
      </c>
      <c r="MF15" s="129">
        <v>0</v>
      </c>
      <c r="MG15" s="109">
        <v>0</v>
      </c>
      <c r="MH15" s="110">
        <v>0</v>
      </c>
      <c r="MI15" s="132"/>
      <c r="MJ15" s="109">
        <v>0</v>
      </c>
      <c r="MK15" s="109">
        <v>1881946</v>
      </c>
      <c r="ML15" s="109">
        <v>3972940</v>
      </c>
      <c r="MM15" s="109">
        <v>8328375</v>
      </c>
      <c r="MN15" s="109">
        <v>3473518</v>
      </c>
      <c r="MO15" s="110">
        <v>17656779</v>
      </c>
      <c r="MP15" s="130">
        <v>17656779</v>
      </c>
      <c r="MQ15" s="129">
        <v>0</v>
      </c>
      <c r="MR15" s="109">
        <v>0</v>
      </c>
      <c r="MS15" s="110">
        <v>0</v>
      </c>
      <c r="MT15" s="132"/>
      <c r="MU15" s="109">
        <v>0</v>
      </c>
      <c r="MV15" s="109">
        <v>0</v>
      </c>
      <c r="MW15" s="109">
        <v>2725236</v>
      </c>
      <c r="MX15" s="109">
        <v>5996616</v>
      </c>
      <c r="MY15" s="109">
        <v>2745654</v>
      </c>
      <c r="MZ15" s="110">
        <v>11467506</v>
      </c>
      <c r="NA15" s="130">
        <v>11467506</v>
      </c>
      <c r="NB15" s="129">
        <v>0</v>
      </c>
      <c r="NC15" s="109">
        <v>0</v>
      </c>
      <c r="ND15" s="110">
        <v>0</v>
      </c>
      <c r="NE15" s="132"/>
      <c r="NF15" s="109">
        <v>0</v>
      </c>
      <c r="NG15" s="109">
        <v>1881946</v>
      </c>
      <c r="NH15" s="109">
        <v>1247704</v>
      </c>
      <c r="NI15" s="109">
        <v>2226046</v>
      </c>
      <c r="NJ15" s="109">
        <v>727864</v>
      </c>
      <c r="NK15" s="110">
        <v>6083560</v>
      </c>
      <c r="NL15" s="298">
        <v>6083560</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0</v>
      </c>
      <c r="OE15" s="109">
        <v>105713</v>
      </c>
      <c r="OF15" s="109">
        <v>0</v>
      </c>
      <c r="OG15" s="110">
        <v>105713</v>
      </c>
      <c r="OH15" s="111">
        <v>105713</v>
      </c>
      <c r="OI15" s="129">
        <v>794853</v>
      </c>
      <c r="OJ15" s="109">
        <v>828994</v>
      </c>
      <c r="OK15" s="128">
        <v>1623847</v>
      </c>
      <c r="OL15" s="108">
        <v>0</v>
      </c>
      <c r="OM15" s="109">
        <v>14098720</v>
      </c>
      <c r="ON15" s="109">
        <v>16274800</v>
      </c>
      <c r="OO15" s="109">
        <v>22160987</v>
      </c>
      <c r="OP15" s="109">
        <v>21198654</v>
      </c>
      <c r="OQ15" s="109">
        <v>12400482</v>
      </c>
      <c r="OR15" s="110">
        <v>86133643</v>
      </c>
      <c r="OS15" s="130">
        <v>87757490</v>
      </c>
    </row>
    <row r="16" spans="1:409" ht="21" customHeight="1" x14ac:dyDescent="0.2">
      <c r="B16" s="472" t="s">
        <v>10</v>
      </c>
      <c r="C16" s="100">
        <v>1495433</v>
      </c>
      <c r="D16" s="104">
        <v>1471369</v>
      </c>
      <c r="E16" s="103">
        <v>2966802</v>
      </c>
      <c r="F16" s="159">
        <v>0</v>
      </c>
      <c r="G16" s="104">
        <v>18492369</v>
      </c>
      <c r="H16" s="104">
        <v>16457531</v>
      </c>
      <c r="I16" s="104">
        <v>13075365</v>
      </c>
      <c r="J16" s="104">
        <v>18355771</v>
      </c>
      <c r="K16" s="104">
        <v>9427732</v>
      </c>
      <c r="L16" s="99">
        <v>75808768</v>
      </c>
      <c r="M16" s="106">
        <v>78775570</v>
      </c>
      <c r="N16" s="100">
        <v>456546</v>
      </c>
      <c r="O16" s="104">
        <v>655601</v>
      </c>
      <c r="P16" s="103">
        <v>1112147</v>
      </c>
      <c r="Q16" s="100">
        <v>0</v>
      </c>
      <c r="R16" s="104">
        <v>6736647</v>
      </c>
      <c r="S16" s="104">
        <v>5789621</v>
      </c>
      <c r="T16" s="104">
        <v>3841973</v>
      </c>
      <c r="U16" s="104">
        <v>7493720</v>
      </c>
      <c r="V16" s="104">
        <v>6132791</v>
      </c>
      <c r="W16" s="103">
        <v>29994752</v>
      </c>
      <c r="X16" s="106">
        <v>31106899</v>
      </c>
      <c r="Y16" s="100">
        <v>0</v>
      </c>
      <c r="Z16" s="104">
        <v>0</v>
      </c>
      <c r="AA16" s="103">
        <v>0</v>
      </c>
      <c r="AB16" s="100">
        <v>0</v>
      </c>
      <c r="AC16" s="104">
        <v>2883545</v>
      </c>
      <c r="AD16" s="104">
        <v>2948300</v>
      </c>
      <c r="AE16" s="104">
        <v>1817068</v>
      </c>
      <c r="AF16" s="104">
        <v>4790718</v>
      </c>
      <c r="AG16" s="104">
        <v>3086345</v>
      </c>
      <c r="AH16" s="103">
        <v>15525976</v>
      </c>
      <c r="AI16" s="106">
        <v>15525976</v>
      </c>
      <c r="AJ16" s="100">
        <v>0</v>
      </c>
      <c r="AK16" s="104">
        <v>0</v>
      </c>
      <c r="AL16" s="103">
        <v>0</v>
      </c>
      <c r="AM16" s="100">
        <v>0</v>
      </c>
      <c r="AN16" s="104">
        <v>47374</v>
      </c>
      <c r="AO16" s="104">
        <v>62731</v>
      </c>
      <c r="AP16" s="104">
        <v>265930</v>
      </c>
      <c r="AQ16" s="104">
        <v>323355</v>
      </c>
      <c r="AR16" s="104">
        <v>1026374</v>
      </c>
      <c r="AS16" s="103">
        <v>1725764</v>
      </c>
      <c r="AT16" s="106">
        <v>1725764</v>
      </c>
      <c r="AU16" s="100">
        <v>218534</v>
      </c>
      <c r="AV16" s="104">
        <v>476660</v>
      </c>
      <c r="AW16" s="103">
        <v>695194</v>
      </c>
      <c r="AX16" s="100">
        <v>0</v>
      </c>
      <c r="AY16" s="104">
        <v>2402956</v>
      </c>
      <c r="AZ16" s="104">
        <v>1616519</v>
      </c>
      <c r="BA16" s="104">
        <v>904469</v>
      </c>
      <c r="BB16" s="104">
        <v>1392270</v>
      </c>
      <c r="BC16" s="104">
        <v>1194993</v>
      </c>
      <c r="BD16" s="103">
        <v>7511207</v>
      </c>
      <c r="BE16" s="106">
        <v>8206401</v>
      </c>
      <c r="BF16" s="100">
        <v>51276</v>
      </c>
      <c r="BG16" s="104">
        <v>109437</v>
      </c>
      <c r="BH16" s="102">
        <v>160713</v>
      </c>
      <c r="BI16" s="101">
        <v>0</v>
      </c>
      <c r="BJ16" s="104">
        <v>231884</v>
      </c>
      <c r="BK16" s="104">
        <v>171751</v>
      </c>
      <c r="BL16" s="104">
        <v>103338</v>
      </c>
      <c r="BM16" s="104">
        <v>74009</v>
      </c>
      <c r="BN16" s="104">
        <v>200599</v>
      </c>
      <c r="BO16" s="103">
        <v>781581</v>
      </c>
      <c r="BP16" s="106">
        <v>942294</v>
      </c>
      <c r="BQ16" s="100">
        <v>186736</v>
      </c>
      <c r="BR16" s="104">
        <v>69504</v>
      </c>
      <c r="BS16" s="103">
        <v>256240</v>
      </c>
      <c r="BT16" s="100">
        <v>0</v>
      </c>
      <c r="BU16" s="104">
        <v>1170888</v>
      </c>
      <c r="BV16" s="104">
        <v>990320</v>
      </c>
      <c r="BW16" s="104">
        <v>751168</v>
      </c>
      <c r="BX16" s="104">
        <v>913368</v>
      </c>
      <c r="BY16" s="104">
        <v>624480</v>
      </c>
      <c r="BZ16" s="103">
        <v>4450224</v>
      </c>
      <c r="CA16" s="106">
        <v>4706464</v>
      </c>
      <c r="CB16" s="100">
        <v>102780</v>
      </c>
      <c r="CC16" s="104">
        <v>274746</v>
      </c>
      <c r="CD16" s="103">
        <v>377526</v>
      </c>
      <c r="CE16" s="100">
        <v>0</v>
      </c>
      <c r="CF16" s="104">
        <v>5993741</v>
      </c>
      <c r="CG16" s="104">
        <v>5108307</v>
      </c>
      <c r="CH16" s="104">
        <v>3593415</v>
      </c>
      <c r="CI16" s="104">
        <v>2259065</v>
      </c>
      <c r="CJ16" s="104">
        <v>638752</v>
      </c>
      <c r="CK16" s="103">
        <v>17593280</v>
      </c>
      <c r="CL16" s="106">
        <v>17970806</v>
      </c>
      <c r="CM16" s="100">
        <v>0</v>
      </c>
      <c r="CN16" s="104">
        <v>0</v>
      </c>
      <c r="CO16" s="103">
        <v>0</v>
      </c>
      <c r="CP16" s="101">
        <v>0</v>
      </c>
      <c r="CQ16" s="104">
        <v>4953829</v>
      </c>
      <c r="CR16" s="104">
        <v>4369877</v>
      </c>
      <c r="CS16" s="104">
        <v>3236033</v>
      </c>
      <c r="CT16" s="104">
        <v>1740900</v>
      </c>
      <c r="CU16" s="104">
        <v>451308</v>
      </c>
      <c r="CV16" s="103">
        <v>14751947</v>
      </c>
      <c r="CW16" s="106">
        <v>14751947</v>
      </c>
      <c r="CX16" s="100">
        <v>102780</v>
      </c>
      <c r="CY16" s="104">
        <v>274746</v>
      </c>
      <c r="CZ16" s="103">
        <v>377526</v>
      </c>
      <c r="DA16" s="100">
        <v>0</v>
      </c>
      <c r="DB16" s="104">
        <v>1039912</v>
      </c>
      <c r="DC16" s="104">
        <v>738430</v>
      </c>
      <c r="DD16" s="104">
        <v>357382</v>
      </c>
      <c r="DE16" s="104">
        <v>518165</v>
      </c>
      <c r="DF16" s="104">
        <v>187444</v>
      </c>
      <c r="DG16" s="103">
        <v>2841333</v>
      </c>
      <c r="DH16" s="106">
        <v>3218859</v>
      </c>
      <c r="DI16" s="100">
        <v>48217</v>
      </c>
      <c r="DJ16" s="104">
        <v>32678</v>
      </c>
      <c r="DK16" s="102">
        <v>80895</v>
      </c>
      <c r="DL16" s="101">
        <v>0</v>
      </c>
      <c r="DM16" s="104">
        <v>387703</v>
      </c>
      <c r="DN16" s="104">
        <v>958341</v>
      </c>
      <c r="DO16" s="104">
        <v>1946745</v>
      </c>
      <c r="DP16" s="104">
        <v>2059832</v>
      </c>
      <c r="DQ16" s="104">
        <v>649298</v>
      </c>
      <c r="DR16" s="103">
        <v>6001919</v>
      </c>
      <c r="DS16" s="106">
        <v>6082814</v>
      </c>
      <c r="DT16" s="100">
        <v>48217</v>
      </c>
      <c r="DU16" s="104">
        <v>32678</v>
      </c>
      <c r="DV16" s="103">
        <v>80895</v>
      </c>
      <c r="DW16" s="100">
        <v>0</v>
      </c>
      <c r="DX16" s="104">
        <v>387703</v>
      </c>
      <c r="DY16" s="104">
        <v>909833</v>
      </c>
      <c r="DZ16" s="104">
        <v>1590336</v>
      </c>
      <c r="EA16" s="104">
        <v>1821691</v>
      </c>
      <c r="EB16" s="104">
        <v>649298</v>
      </c>
      <c r="EC16" s="103">
        <v>5358861</v>
      </c>
      <c r="ED16" s="106">
        <v>5439756</v>
      </c>
      <c r="EE16" s="100">
        <v>0</v>
      </c>
      <c r="EF16" s="102">
        <v>0</v>
      </c>
      <c r="EG16" s="103">
        <v>0</v>
      </c>
      <c r="EH16" s="100">
        <v>0</v>
      </c>
      <c r="EI16" s="104">
        <v>0</v>
      </c>
      <c r="EJ16" s="104">
        <v>48508</v>
      </c>
      <c r="EK16" s="104">
        <v>356409</v>
      </c>
      <c r="EL16" s="104">
        <v>238141</v>
      </c>
      <c r="EM16" s="104">
        <v>0</v>
      </c>
      <c r="EN16" s="102">
        <v>643058</v>
      </c>
      <c r="EO16" s="106">
        <v>643058</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560520</v>
      </c>
      <c r="FM16" s="104">
        <v>508344</v>
      </c>
      <c r="FN16" s="103">
        <v>1068864</v>
      </c>
      <c r="FO16" s="100">
        <v>0</v>
      </c>
      <c r="FP16" s="104">
        <v>1124128</v>
      </c>
      <c r="FQ16" s="104">
        <v>1494928</v>
      </c>
      <c r="FR16" s="104">
        <v>942256</v>
      </c>
      <c r="FS16" s="104">
        <v>1422712</v>
      </c>
      <c r="FT16" s="104">
        <v>704632</v>
      </c>
      <c r="FU16" s="103">
        <v>5688656</v>
      </c>
      <c r="FV16" s="106">
        <v>6757520</v>
      </c>
      <c r="FW16" s="105">
        <v>318920</v>
      </c>
      <c r="FX16" s="104">
        <v>379336</v>
      </c>
      <c r="FY16" s="102">
        <v>698256</v>
      </c>
      <c r="FZ16" s="101">
        <v>0</v>
      </c>
      <c r="GA16" s="104">
        <v>856144</v>
      </c>
      <c r="GB16" s="104">
        <v>1414288</v>
      </c>
      <c r="GC16" s="104">
        <v>942256</v>
      </c>
      <c r="GD16" s="104">
        <v>1391336</v>
      </c>
      <c r="GE16" s="104">
        <v>704632</v>
      </c>
      <c r="GF16" s="103">
        <v>5308656</v>
      </c>
      <c r="GG16" s="296">
        <v>6006912</v>
      </c>
      <c r="GH16" s="105">
        <v>0</v>
      </c>
      <c r="GI16" s="104">
        <v>67408</v>
      </c>
      <c r="GJ16" s="102">
        <v>67408</v>
      </c>
      <c r="GK16" s="101">
        <v>0</v>
      </c>
      <c r="GL16" s="104">
        <v>59584</v>
      </c>
      <c r="GM16" s="104">
        <v>56640</v>
      </c>
      <c r="GN16" s="104">
        <v>0</v>
      </c>
      <c r="GO16" s="104">
        <v>31376</v>
      </c>
      <c r="GP16" s="104">
        <v>0</v>
      </c>
      <c r="GQ16" s="103">
        <v>147600</v>
      </c>
      <c r="GR16" s="106">
        <v>215008</v>
      </c>
      <c r="GS16" s="100">
        <v>241600</v>
      </c>
      <c r="GT16" s="104">
        <v>61600</v>
      </c>
      <c r="GU16" s="103">
        <v>303200</v>
      </c>
      <c r="GV16" s="100">
        <v>0</v>
      </c>
      <c r="GW16" s="104">
        <v>208400</v>
      </c>
      <c r="GX16" s="104">
        <v>24000</v>
      </c>
      <c r="GY16" s="104">
        <v>0</v>
      </c>
      <c r="GZ16" s="104">
        <v>0</v>
      </c>
      <c r="HA16" s="104">
        <v>0</v>
      </c>
      <c r="HB16" s="102">
        <v>232400</v>
      </c>
      <c r="HC16" s="106">
        <v>535600</v>
      </c>
      <c r="HD16" s="100">
        <v>327370</v>
      </c>
      <c r="HE16" s="104">
        <v>0</v>
      </c>
      <c r="HF16" s="102">
        <v>327370</v>
      </c>
      <c r="HG16" s="101">
        <v>0</v>
      </c>
      <c r="HH16" s="104">
        <v>4250150</v>
      </c>
      <c r="HI16" s="104">
        <v>3106334</v>
      </c>
      <c r="HJ16" s="104">
        <v>2750976</v>
      </c>
      <c r="HK16" s="104">
        <v>5120442</v>
      </c>
      <c r="HL16" s="104">
        <v>1302259</v>
      </c>
      <c r="HM16" s="103">
        <v>16530161</v>
      </c>
      <c r="HN16" s="99">
        <v>16857531</v>
      </c>
      <c r="HO16" s="306"/>
      <c r="HP16" s="307"/>
      <c r="HQ16" s="308"/>
      <c r="HR16" s="309"/>
      <c r="HS16" s="307"/>
      <c r="HT16" s="307"/>
      <c r="HU16" s="307"/>
      <c r="HV16" s="307"/>
      <c r="HW16" s="307"/>
      <c r="HX16" s="310"/>
      <c r="HY16" s="311"/>
      <c r="HZ16" s="137">
        <v>0</v>
      </c>
      <c r="IA16" s="122">
        <v>0</v>
      </c>
      <c r="IB16" s="137">
        <v>0</v>
      </c>
      <c r="IC16" s="121">
        <v>0</v>
      </c>
      <c r="ID16" s="122">
        <v>3394992</v>
      </c>
      <c r="IE16" s="123">
        <v>5795036</v>
      </c>
      <c r="IF16" s="124">
        <v>6725831</v>
      </c>
      <c r="IG16" s="122">
        <v>4192277</v>
      </c>
      <c r="IH16" s="124">
        <v>3703888</v>
      </c>
      <c r="II16" s="125">
        <v>23812024</v>
      </c>
      <c r="IJ16" s="137">
        <v>23812024</v>
      </c>
      <c r="IK16" s="219">
        <v>0</v>
      </c>
      <c r="IL16" s="223">
        <v>0</v>
      </c>
      <c r="IM16" s="224">
        <v>0</v>
      </c>
      <c r="IN16" s="127"/>
      <c r="IO16" s="109">
        <v>209427</v>
      </c>
      <c r="IP16" s="109">
        <v>171991</v>
      </c>
      <c r="IQ16" s="109">
        <v>383933</v>
      </c>
      <c r="IR16" s="109">
        <v>182553</v>
      </c>
      <c r="IS16" s="109">
        <v>0</v>
      </c>
      <c r="IT16" s="128">
        <v>947904</v>
      </c>
      <c r="IU16" s="298">
        <v>947904</v>
      </c>
      <c r="IV16" s="129">
        <v>0</v>
      </c>
      <c r="IW16" s="109">
        <v>0</v>
      </c>
      <c r="IX16" s="110">
        <v>0</v>
      </c>
      <c r="IY16" s="131"/>
      <c r="IZ16" s="109">
        <v>10692</v>
      </c>
      <c r="JA16" s="109">
        <v>0</v>
      </c>
      <c r="JB16" s="109">
        <v>21384</v>
      </c>
      <c r="JC16" s="109">
        <v>0</v>
      </c>
      <c r="JD16" s="109">
        <v>0</v>
      </c>
      <c r="JE16" s="110">
        <v>32076</v>
      </c>
      <c r="JF16" s="111">
        <v>32076</v>
      </c>
      <c r="JG16" s="129">
        <v>0</v>
      </c>
      <c r="JH16" s="109">
        <v>0</v>
      </c>
      <c r="JI16" s="128">
        <v>0</v>
      </c>
      <c r="JJ16" s="108">
        <v>0</v>
      </c>
      <c r="JK16" s="109">
        <v>1133994</v>
      </c>
      <c r="JL16" s="109">
        <v>1462875</v>
      </c>
      <c r="JM16" s="109">
        <v>238885</v>
      </c>
      <c r="JN16" s="109">
        <v>569130</v>
      </c>
      <c r="JO16" s="109">
        <v>510303</v>
      </c>
      <c r="JP16" s="110">
        <v>3915187</v>
      </c>
      <c r="JQ16" s="298">
        <v>3915187</v>
      </c>
      <c r="JR16" s="129">
        <v>0</v>
      </c>
      <c r="JS16" s="109">
        <v>0</v>
      </c>
      <c r="JT16" s="128">
        <v>0</v>
      </c>
      <c r="JU16" s="108">
        <v>0</v>
      </c>
      <c r="JV16" s="109">
        <v>187263</v>
      </c>
      <c r="JW16" s="109">
        <v>54894</v>
      </c>
      <c r="JX16" s="109">
        <v>265099</v>
      </c>
      <c r="JY16" s="109">
        <v>0</v>
      </c>
      <c r="JZ16" s="109">
        <v>34836</v>
      </c>
      <c r="KA16" s="110">
        <v>542092</v>
      </c>
      <c r="KB16" s="298">
        <v>542092</v>
      </c>
      <c r="KC16" s="221">
        <v>0</v>
      </c>
      <c r="KD16" s="217">
        <v>0</v>
      </c>
      <c r="KE16" s="110">
        <v>0</v>
      </c>
      <c r="KF16" s="108">
        <v>0</v>
      </c>
      <c r="KG16" s="109">
        <v>624576</v>
      </c>
      <c r="KH16" s="109">
        <v>515840</v>
      </c>
      <c r="KI16" s="109">
        <v>740391</v>
      </c>
      <c r="KJ16" s="109">
        <v>1080905</v>
      </c>
      <c r="KK16" s="109">
        <v>605862</v>
      </c>
      <c r="KL16" s="110">
        <v>3567574</v>
      </c>
      <c r="KM16" s="130">
        <v>3567574</v>
      </c>
      <c r="KN16" s="219">
        <v>0</v>
      </c>
      <c r="KO16" s="223">
        <v>0</v>
      </c>
      <c r="KP16" s="224">
        <v>0</v>
      </c>
      <c r="KQ16" s="127"/>
      <c r="KR16" s="109">
        <v>653958</v>
      </c>
      <c r="KS16" s="109">
        <v>2815562</v>
      </c>
      <c r="KT16" s="109">
        <v>2976367</v>
      </c>
      <c r="KU16" s="109">
        <v>258145</v>
      </c>
      <c r="KV16" s="109">
        <v>1042579</v>
      </c>
      <c r="KW16" s="110">
        <v>7746611</v>
      </c>
      <c r="KX16" s="298">
        <v>7746611</v>
      </c>
      <c r="KY16" s="129">
        <v>0</v>
      </c>
      <c r="KZ16" s="109">
        <v>0</v>
      </c>
      <c r="LA16" s="110">
        <v>0</v>
      </c>
      <c r="LB16" s="132"/>
      <c r="LC16" s="109">
        <v>413511</v>
      </c>
      <c r="LD16" s="109">
        <v>171970</v>
      </c>
      <c r="LE16" s="109">
        <v>774348</v>
      </c>
      <c r="LF16" s="109">
        <v>0</v>
      </c>
      <c r="LG16" s="109">
        <v>109143</v>
      </c>
      <c r="LH16" s="110">
        <v>1468972</v>
      </c>
      <c r="LI16" s="111">
        <v>1468972</v>
      </c>
      <c r="LJ16" s="129">
        <v>0</v>
      </c>
      <c r="LK16" s="109">
        <v>0</v>
      </c>
      <c r="LL16" s="110">
        <v>0</v>
      </c>
      <c r="LM16" s="132"/>
      <c r="LN16" s="109">
        <v>0</v>
      </c>
      <c r="LO16" s="109">
        <v>206120</v>
      </c>
      <c r="LP16" s="109">
        <v>482503</v>
      </c>
      <c r="LQ16" s="109">
        <v>522665</v>
      </c>
      <c r="LR16" s="109">
        <v>1062596</v>
      </c>
      <c r="LS16" s="110">
        <v>2273884</v>
      </c>
      <c r="LT16" s="298">
        <v>2273884</v>
      </c>
      <c r="LU16" s="129">
        <v>0</v>
      </c>
      <c r="LV16" s="109">
        <v>0</v>
      </c>
      <c r="LW16" s="110">
        <v>0</v>
      </c>
      <c r="LX16" s="132"/>
      <c r="LY16" s="109">
        <v>161571</v>
      </c>
      <c r="LZ16" s="109">
        <v>395784</v>
      </c>
      <c r="MA16" s="109">
        <v>842921</v>
      </c>
      <c r="MB16" s="109">
        <v>1578879</v>
      </c>
      <c r="MC16" s="109">
        <v>338569</v>
      </c>
      <c r="MD16" s="110">
        <v>3317724</v>
      </c>
      <c r="ME16" s="111">
        <v>3317724</v>
      </c>
      <c r="MF16" s="129">
        <v>0</v>
      </c>
      <c r="MG16" s="109">
        <v>0</v>
      </c>
      <c r="MH16" s="110">
        <v>0</v>
      </c>
      <c r="MI16" s="132"/>
      <c r="MJ16" s="109">
        <v>1495845</v>
      </c>
      <c r="MK16" s="109">
        <v>2076794</v>
      </c>
      <c r="ML16" s="109">
        <v>7218360</v>
      </c>
      <c r="MM16" s="109">
        <v>13122729</v>
      </c>
      <c r="MN16" s="109">
        <v>6894022</v>
      </c>
      <c r="MO16" s="110">
        <v>30807750</v>
      </c>
      <c r="MP16" s="130">
        <v>30807750</v>
      </c>
      <c r="MQ16" s="129">
        <v>0</v>
      </c>
      <c r="MR16" s="109">
        <v>0</v>
      </c>
      <c r="MS16" s="110">
        <v>0</v>
      </c>
      <c r="MT16" s="132"/>
      <c r="MU16" s="109">
        <v>208404</v>
      </c>
      <c r="MV16" s="109">
        <v>233751</v>
      </c>
      <c r="MW16" s="109">
        <v>5386026</v>
      </c>
      <c r="MX16" s="109">
        <v>8864023</v>
      </c>
      <c r="MY16" s="109">
        <v>3144650</v>
      </c>
      <c r="MZ16" s="110">
        <v>17836854</v>
      </c>
      <c r="NA16" s="130">
        <v>17836854</v>
      </c>
      <c r="NB16" s="129">
        <v>0</v>
      </c>
      <c r="NC16" s="109">
        <v>0</v>
      </c>
      <c r="ND16" s="110">
        <v>0</v>
      </c>
      <c r="NE16" s="132"/>
      <c r="NF16" s="109">
        <v>1287441</v>
      </c>
      <c r="NG16" s="109">
        <v>1843043</v>
      </c>
      <c r="NH16" s="109">
        <v>1832334</v>
      </c>
      <c r="NI16" s="109">
        <v>4258706</v>
      </c>
      <c r="NJ16" s="109">
        <v>3035848</v>
      </c>
      <c r="NK16" s="110">
        <v>12257372</v>
      </c>
      <c r="NL16" s="298">
        <v>12257372</v>
      </c>
      <c r="NM16" s="129">
        <v>0</v>
      </c>
      <c r="NN16" s="109">
        <v>0</v>
      </c>
      <c r="NO16" s="110">
        <v>0</v>
      </c>
      <c r="NP16" s="132"/>
      <c r="NQ16" s="109">
        <v>0</v>
      </c>
      <c r="NR16" s="109">
        <v>0</v>
      </c>
      <c r="NS16" s="109">
        <v>0</v>
      </c>
      <c r="NT16" s="109">
        <v>0</v>
      </c>
      <c r="NU16" s="109">
        <v>340688</v>
      </c>
      <c r="NV16" s="110">
        <v>340688</v>
      </c>
      <c r="NW16" s="111">
        <v>340688</v>
      </c>
      <c r="NX16" s="129">
        <v>0</v>
      </c>
      <c r="NY16" s="109">
        <v>0</v>
      </c>
      <c r="NZ16" s="110">
        <v>0</v>
      </c>
      <c r="OA16" s="132"/>
      <c r="OB16" s="109">
        <v>0</v>
      </c>
      <c r="OC16" s="109">
        <v>0</v>
      </c>
      <c r="OD16" s="109">
        <v>0</v>
      </c>
      <c r="OE16" s="109">
        <v>0</v>
      </c>
      <c r="OF16" s="109">
        <v>372836</v>
      </c>
      <c r="OG16" s="110">
        <v>372836</v>
      </c>
      <c r="OH16" s="111">
        <v>372836</v>
      </c>
      <c r="OI16" s="129">
        <v>1495433</v>
      </c>
      <c r="OJ16" s="109">
        <v>1471369</v>
      </c>
      <c r="OK16" s="128">
        <v>2966802</v>
      </c>
      <c r="OL16" s="108">
        <v>0</v>
      </c>
      <c r="OM16" s="109">
        <v>23383206</v>
      </c>
      <c r="ON16" s="109">
        <v>24329361</v>
      </c>
      <c r="OO16" s="109">
        <v>27019556</v>
      </c>
      <c r="OP16" s="109">
        <v>35670777</v>
      </c>
      <c r="OQ16" s="109">
        <v>20025642</v>
      </c>
      <c r="OR16" s="110">
        <v>130428542</v>
      </c>
      <c r="OS16" s="130">
        <v>133395344</v>
      </c>
    </row>
    <row r="17" spans="2:409" ht="21" customHeight="1" x14ac:dyDescent="0.2">
      <c r="B17" s="472" t="s">
        <v>11</v>
      </c>
      <c r="C17" s="100">
        <v>619664</v>
      </c>
      <c r="D17" s="104">
        <v>937594</v>
      </c>
      <c r="E17" s="158">
        <v>1557258</v>
      </c>
      <c r="F17" s="101">
        <v>0</v>
      </c>
      <c r="G17" s="104">
        <v>6763610</v>
      </c>
      <c r="H17" s="104">
        <v>7494792</v>
      </c>
      <c r="I17" s="104">
        <v>5257992</v>
      </c>
      <c r="J17" s="104">
        <v>8871946</v>
      </c>
      <c r="K17" s="104">
        <v>3401707</v>
      </c>
      <c r="L17" s="99">
        <v>31790047</v>
      </c>
      <c r="M17" s="106">
        <v>33347305</v>
      </c>
      <c r="N17" s="100">
        <v>122372</v>
      </c>
      <c r="O17" s="104">
        <v>155132</v>
      </c>
      <c r="P17" s="103">
        <v>277504</v>
      </c>
      <c r="Q17" s="100">
        <v>0</v>
      </c>
      <c r="R17" s="104">
        <v>1213441</v>
      </c>
      <c r="S17" s="104">
        <v>1940630</v>
      </c>
      <c r="T17" s="104">
        <v>1975907</v>
      </c>
      <c r="U17" s="104">
        <v>1946061</v>
      </c>
      <c r="V17" s="104">
        <v>2075169</v>
      </c>
      <c r="W17" s="103">
        <v>9151208</v>
      </c>
      <c r="X17" s="106">
        <v>9428712</v>
      </c>
      <c r="Y17" s="100">
        <v>0</v>
      </c>
      <c r="Z17" s="104">
        <v>0</v>
      </c>
      <c r="AA17" s="103">
        <v>0</v>
      </c>
      <c r="AB17" s="100">
        <v>0</v>
      </c>
      <c r="AC17" s="104">
        <v>329967</v>
      </c>
      <c r="AD17" s="104">
        <v>952814</v>
      </c>
      <c r="AE17" s="104">
        <v>1086305</v>
      </c>
      <c r="AF17" s="104">
        <v>684042</v>
      </c>
      <c r="AG17" s="104">
        <v>1499607</v>
      </c>
      <c r="AH17" s="103">
        <v>4552735</v>
      </c>
      <c r="AI17" s="106">
        <v>4552735</v>
      </c>
      <c r="AJ17" s="100">
        <v>0</v>
      </c>
      <c r="AK17" s="104">
        <v>0</v>
      </c>
      <c r="AL17" s="103">
        <v>0</v>
      </c>
      <c r="AM17" s="100">
        <v>0</v>
      </c>
      <c r="AN17" s="104">
        <v>0</v>
      </c>
      <c r="AO17" s="104">
        <v>163246</v>
      </c>
      <c r="AP17" s="104">
        <v>69172</v>
      </c>
      <c r="AQ17" s="104">
        <v>197580</v>
      </c>
      <c r="AR17" s="104">
        <v>211896</v>
      </c>
      <c r="AS17" s="103">
        <v>641894</v>
      </c>
      <c r="AT17" s="106">
        <v>641894</v>
      </c>
      <c r="AU17" s="100">
        <v>102852</v>
      </c>
      <c r="AV17" s="104">
        <v>71763</v>
      </c>
      <c r="AW17" s="103">
        <v>174615</v>
      </c>
      <c r="AX17" s="100">
        <v>0</v>
      </c>
      <c r="AY17" s="104">
        <v>514244</v>
      </c>
      <c r="AZ17" s="104">
        <v>431554</v>
      </c>
      <c r="BA17" s="104">
        <v>611174</v>
      </c>
      <c r="BB17" s="104">
        <v>587294</v>
      </c>
      <c r="BC17" s="104">
        <v>205421</v>
      </c>
      <c r="BD17" s="103">
        <v>2349687</v>
      </c>
      <c r="BE17" s="106">
        <v>2524302</v>
      </c>
      <c r="BF17" s="100">
        <v>0</v>
      </c>
      <c r="BG17" s="104">
        <v>50161</v>
      </c>
      <c r="BH17" s="102">
        <v>50161</v>
      </c>
      <c r="BI17" s="101">
        <v>0</v>
      </c>
      <c r="BJ17" s="104">
        <v>113038</v>
      </c>
      <c r="BK17" s="104">
        <v>0</v>
      </c>
      <c r="BL17" s="104">
        <v>30592</v>
      </c>
      <c r="BM17" s="104">
        <v>143625</v>
      </c>
      <c r="BN17" s="104">
        <v>36629</v>
      </c>
      <c r="BO17" s="103">
        <v>323884</v>
      </c>
      <c r="BP17" s="106">
        <v>374045</v>
      </c>
      <c r="BQ17" s="100">
        <v>19520</v>
      </c>
      <c r="BR17" s="104">
        <v>33208</v>
      </c>
      <c r="BS17" s="103">
        <v>52728</v>
      </c>
      <c r="BT17" s="100">
        <v>0</v>
      </c>
      <c r="BU17" s="104">
        <v>256192</v>
      </c>
      <c r="BV17" s="104">
        <v>393016</v>
      </c>
      <c r="BW17" s="104">
        <v>178664</v>
      </c>
      <c r="BX17" s="104">
        <v>333520</v>
      </c>
      <c r="BY17" s="104">
        <v>121616</v>
      </c>
      <c r="BZ17" s="103">
        <v>1283008</v>
      </c>
      <c r="CA17" s="106">
        <v>1335736</v>
      </c>
      <c r="CB17" s="100">
        <v>165326</v>
      </c>
      <c r="CC17" s="104">
        <v>188581</v>
      </c>
      <c r="CD17" s="103">
        <v>353907</v>
      </c>
      <c r="CE17" s="100">
        <v>0</v>
      </c>
      <c r="CF17" s="104">
        <v>2262957</v>
      </c>
      <c r="CG17" s="104">
        <v>2046611</v>
      </c>
      <c r="CH17" s="104">
        <v>1577309</v>
      </c>
      <c r="CI17" s="104">
        <v>1956557</v>
      </c>
      <c r="CJ17" s="104">
        <v>155737</v>
      </c>
      <c r="CK17" s="103">
        <v>7999171</v>
      </c>
      <c r="CL17" s="106">
        <v>8353078</v>
      </c>
      <c r="CM17" s="100">
        <v>0</v>
      </c>
      <c r="CN17" s="104">
        <v>0</v>
      </c>
      <c r="CO17" s="103">
        <v>0</v>
      </c>
      <c r="CP17" s="101">
        <v>0</v>
      </c>
      <c r="CQ17" s="104">
        <v>1739332</v>
      </c>
      <c r="CR17" s="104">
        <v>1572774</v>
      </c>
      <c r="CS17" s="104">
        <v>1080948</v>
      </c>
      <c r="CT17" s="104">
        <v>1145159</v>
      </c>
      <c r="CU17" s="104">
        <v>103504</v>
      </c>
      <c r="CV17" s="103">
        <v>5641717</v>
      </c>
      <c r="CW17" s="106">
        <v>5641717</v>
      </c>
      <c r="CX17" s="100">
        <v>165326</v>
      </c>
      <c r="CY17" s="104">
        <v>188581</v>
      </c>
      <c r="CZ17" s="103">
        <v>353907</v>
      </c>
      <c r="DA17" s="100">
        <v>0</v>
      </c>
      <c r="DB17" s="104">
        <v>523625</v>
      </c>
      <c r="DC17" s="104">
        <v>473837</v>
      </c>
      <c r="DD17" s="104">
        <v>496361</v>
      </c>
      <c r="DE17" s="104">
        <v>811398</v>
      </c>
      <c r="DF17" s="104">
        <v>52233</v>
      </c>
      <c r="DG17" s="103">
        <v>2357454</v>
      </c>
      <c r="DH17" s="106">
        <v>2711361</v>
      </c>
      <c r="DI17" s="100">
        <v>28813</v>
      </c>
      <c r="DJ17" s="104">
        <v>28856</v>
      </c>
      <c r="DK17" s="102">
        <v>57669</v>
      </c>
      <c r="DL17" s="101">
        <v>0</v>
      </c>
      <c r="DM17" s="104">
        <v>389562</v>
      </c>
      <c r="DN17" s="104">
        <v>749899</v>
      </c>
      <c r="DO17" s="104">
        <v>157792</v>
      </c>
      <c r="DP17" s="104">
        <v>270735</v>
      </c>
      <c r="DQ17" s="104">
        <v>122304</v>
      </c>
      <c r="DR17" s="103">
        <v>1690292</v>
      </c>
      <c r="DS17" s="106">
        <v>1747961</v>
      </c>
      <c r="DT17" s="100">
        <v>28813</v>
      </c>
      <c r="DU17" s="104">
        <v>28856</v>
      </c>
      <c r="DV17" s="103">
        <v>57669</v>
      </c>
      <c r="DW17" s="100">
        <v>0</v>
      </c>
      <c r="DX17" s="104">
        <v>316974</v>
      </c>
      <c r="DY17" s="104">
        <v>663457</v>
      </c>
      <c r="DZ17" s="104">
        <v>157792</v>
      </c>
      <c r="EA17" s="104">
        <v>270735</v>
      </c>
      <c r="EB17" s="104">
        <v>122304</v>
      </c>
      <c r="EC17" s="103">
        <v>1531262</v>
      </c>
      <c r="ED17" s="106">
        <v>1588931</v>
      </c>
      <c r="EE17" s="100">
        <v>0</v>
      </c>
      <c r="EF17" s="102">
        <v>0</v>
      </c>
      <c r="EG17" s="103">
        <v>0</v>
      </c>
      <c r="EH17" s="100">
        <v>0</v>
      </c>
      <c r="EI17" s="104">
        <v>72588</v>
      </c>
      <c r="EJ17" s="104">
        <v>86442</v>
      </c>
      <c r="EK17" s="104">
        <v>0</v>
      </c>
      <c r="EL17" s="104">
        <v>0</v>
      </c>
      <c r="EM17" s="104">
        <v>0</v>
      </c>
      <c r="EN17" s="102">
        <v>159030</v>
      </c>
      <c r="EO17" s="106">
        <v>159030</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71600</v>
      </c>
      <c r="FM17" s="104">
        <v>371080</v>
      </c>
      <c r="FN17" s="103">
        <v>442680</v>
      </c>
      <c r="FO17" s="100">
        <v>0</v>
      </c>
      <c r="FP17" s="104">
        <v>226736</v>
      </c>
      <c r="FQ17" s="104">
        <v>897288</v>
      </c>
      <c r="FR17" s="104">
        <v>449024</v>
      </c>
      <c r="FS17" s="104">
        <v>642152</v>
      </c>
      <c r="FT17" s="104">
        <v>221040</v>
      </c>
      <c r="FU17" s="103">
        <v>2436240</v>
      </c>
      <c r="FV17" s="106">
        <v>2878920</v>
      </c>
      <c r="FW17" s="105">
        <v>71600</v>
      </c>
      <c r="FX17" s="104">
        <v>211080</v>
      </c>
      <c r="FY17" s="102">
        <v>282680</v>
      </c>
      <c r="FZ17" s="101">
        <v>0</v>
      </c>
      <c r="GA17" s="104">
        <v>226736</v>
      </c>
      <c r="GB17" s="104">
        <v>743168</v>
      </c>
      <c r="GC17" s="104">
        <v>449024</v>
      </c>
      <c r="GD17" s="104">
        <v>616808</v>
      </c>
      <c r="GE17" s="104">
        <v>221040</v>
      </c>
      <c r="GF17" s="103">
        <v>2256776</v>
      </c>
      <c r="GG17" s="296">
        <v>2539456</v>
      </c>
      <c r="GH17" s="105">
        <v>0</v>
      </c>
      <c r="GI17" s="104">
        <v>0</v>
      </c>
      <c r="GJ17" s="102">
        <v>0</v>
      </c>
      <c r="GK17" s="101">
        <v>0</v>
      </c>
      <c r="GL17" s="104">
        <v>0</v>
      </c>
      <c r="GM17" s="104">
        <v>9600</v>
      </c>
      <c r="GN17" s="104">
        <v>0</v>
      </c>
      <c r="GO17" s="104">
        <v>25344</v>
      </c>
      <c r="GP17" s="104">
        <v>0</v>
      </c>
      <c r="GQ17" s="103">
        <v>34944</v>
      </c>
      <c r="GR17" s="106">
        <v>34944</v>
      </c>
      <c r="GS17" s="100">
        <v>0</v>
      </c>
      <c r="GT17" s="104">
        <v>160000</v>
      </c>
      <c r="GU17" s="103">
        <v>160000</v>
      </c>
      <c r="GV17" s="100">
        <v>0</v>
      </c>
      <c r="GW17" s="104">
        <v>0</v>
      </c>
      <c r="GX17" s="104">
        <v>144520</v>
      </c>
      <c r="GY17" s="104">
        <v>0</v>
      </c>
      <c r="GZ17" s="104">
        <v>0</v>
      </c>
      <c r="HA17" s="104">
        <v>0</v>
      </c>
      <c r="HB17" s="102">
        <v>144520</v>
      </c>
      <c r="HC17" s="106">
        <v>304520</v>
      </c>
      <c r="HD17" s="100">
        <v>231553</v>
      </c>
      <c r="HE17" s="104">
        <v>193945</v>
      </c>
      <c r="HF17" s="102">
        <v>425498</v>
      </c>
      <c r="HG17" s="101">
        <v>0</v>
      </c>
      <c r="HH17" s="104">
        <v>2670914</v>
      </c>
      <c r="HI17" s="104">
        <v>1860364</v>
      </c>
      <c r="HJ17" s="104">
        <v>1097960</v>
      </c>
      <c r="HK17" s="104">
        <v>4056441</v>
      </c>
      <c r="HL17" s="104">
        <v>827457</v>
      </c>
      <c r="HM17" s="103">
        <v>10513136</v>
      </c>
      <c r="HN17" s="99">
        <v>10938634</v>
      </c>
      <c r="HO17" s="306"/>
      <c r="HP17" s="307"/>
      <c r="HQ17" s="308"/>
      <c r="HR17" s="309"/>
      <c r="HS17" s="307"/>
      <c r="HT17" s="307"/>
      <c r="HU17" s="307"/>
      <c r="HV17" s="307"/>
      <c r="HW17" s="307"/>
      <c r="HX17" s="310"/>
      <c r="HY17" s="311"/>
      <c r="HZ17" s="118">
        <v>0</v>
      </c>
      <c r="IA17" s="119">
        <v>0</v>
      </c>
      <c r="IB17" s="120">
        <v>0</v>
      </c>
      <c r="IC17" s="133">
        <v>0</v>
      </c>
      <c r="ID17" s="119">
        <v>2181125</v>
      </c>
      <c r="IE17" s="134">
        <v>1789199</v>
      </c>
      <c r="IF17" s="120">
        <v>2953454</v>
      </c>
      <c r="IG17" s="119">
        <v>1481629</v>
      </c>
      <c r="IH17" s="120">
        <v>327126</v>
      </c>
      <c r="II17" s="135">
        <v>8732533</v>
      </c>
      <c r="IJ17" s="126">
        <v>8732533</v>
      </c>
      <c r="IK17" s="219">
        <v>0</v>
      </c>
      <c r="IL17" s="223">
        <v>0</v>
      </c>
      <c r="IM17" s="224">
        <v>0</v>
      </c>
      <c r="IN17" s="127"/>
      <c r="IO17" s="109">
        <v>75430</v>
      </c>
      <c r="IP17" s="109">
        <v>0</v>
      </c>
      <c r="IQ17" s="109">
        <v>369486</v>
      </c>
      <c r="IR17" s="109">
        <v>0</v>
      </c>
      <c r="IS17" s="109">
        <v>196452</v>
      </c>
      <c r="IT17" s="128">
        <v>641368</v>
      </c>
      <c r="IU17" s="298">
        <v>641368</v>
      </c>
      <c r="IV17" s="129">
        <v>0</v>
      </c>
      <c r="IW17" s="109">
        <v>0</v>
      </c>
      <c r="IX17" s="110">
        <v>0</v>
      </c>
      <c r="IY17" s="131"/>
      <c r="IZ17" s="109">
        <v>16836</v>
      </c>
      <c r="JA17" s="109">
        <v>0</v>
      </c>
      <c r="JB17" s="109">
        <v>0</v>
      </c>
      <c r="JC17" s="109">
        <v>0</v>
      </c>
      <c r="JD17" s="109">
        <v>0</v>
      </c>
      <c r="JE17" s="110">
        <v>16836</v>
      </c>
      <c r="JF17" s="111">
        <v>16836</v>
      </c>
      <c r="JG17" s="129">
        <v>0</v>
      </c>
      <c r="JH17" s="109">
        <v>0</v>
      </c>
      <c r="JI17" s="128">
        <v>0</v>
      </c>
      <c r="JJ17" s="108">
        <v>0</v>
      </c>
      <c r="JK17" s="109">
        <v>584537</v>
      </c>
      <c r="JL17" s="109">
        <v>385289</v>
      </c>
      <c r="JM17" s="109">
        <v>459896</v>
      </c>
      <c r="JN17" s="109">
        <v>210629</v>
      </c>
      <c r="JO17" s="109">
        <v>130674</v>
      </c>
      <c r="JP17" s="110">
        <v>1771025</v>
      </c>
      <c r="JQ17" s="298">
        <v>1771025</v>
      </c>
      <c r="JR17" s="129">
        <v>0</v>
      </c>
      <c r="JS17" s="109">
        <v>0</v>
      </c>
      <c r="JT17" s="128">
        <v>0</v>
      </c>
      <c r="JU17" s="108">
        <v>0</v>
      </c>
      <c r="JV17" s="109">
        <v>108857</v>
      </c>
      <c r="JW17" s="109">
        <v>407632</v>
      </c>
      <c r="JX17" s="109">
        <v>151885</v>
      </c>
      <c r="JY17" s="109">
        <v>0</v>
      </c>
      <c r="JZ17" s="109">
        <v>0</v>
      </c>
      <c r="KA17" s="110">
        <v>668374</v>
      </c>
      <c r="KB17" s="298">
        <v>668374</v>
      </c>
      <c r="KC17" s="221">
        <v>0</v>
      </c>
      <c r="KD17" s="217">
        <v>0</v>
      </c>
      <c r="KE17" s="110">
        <v>0</v>
      </c>
      <c r="KF17" s="108">
        <v>0</v>
      </c>
      <c r="KG17" s="109">
        <v>461539</v>
      </c>
      <c r="KH17" s="109">
        <v>333597</v>
      </c>
      <c r="KI17" s="109">
        <v>965027</v>
      </c>
      <c r="KJ17" s="109">
        <v>480788</v>
      </c>
      <c r="KK17" s="109">
        <v>0</v>
      </c>
      <c r="KL17" s="110">
        <v>2240951</v>
      </c>
      <c r="KM17" s="130">
        <v>2240951</v>
      </c>
      <c r="KN17" s="219">
        <v>0</v>
      </c>
      <c r="KO17" s="223">
        <v>0</v>
      </c>
      <c r="KP17" s="224">
        <v>0</v>
      </c>
      <c r="KQ17" s="127"/>
      <c r="KR17" s="109">
        <v>798802</v>
      </c>
      <c r="KS17" s="109">
        <v>472748</v>
      </c>
      <c r="KT17" s="109">
        <v>1007160</v>
      </c>
      <c r="KU17" s="109">
        <v>508570</v>
      </c>
      <c r="KV17" s="109">
        <v>0</v>
      </c>
      <c r="KW17" s="110">
        <v>2787280</v>
      </c>
      <c r="KX17" s="298">
        <v>2787280</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8">
        <v>0</v>
      </c>
      <c r="LU17" s="129">
        <v>0</v>
      </c>
      <c r="LV17" s="109">
        <v>0</v>
      </c>
      <c r="LW17" s="110">
        <v>0</v>
      </c>
      <c r="LX17" s="132"/>
      <c r="LY17" s="109">
        <v>135124</v>
      </c>
      <c r="LZ17" s="109">
        <v>189933</v>
      </c>
      <c r="MA17" s="109">
        <v>0</v>
      </c>
      <c r="MB17" s="109">
        <v>281642</v>
      </c>
      <c r="MC17" s="109">
        <v>0</v>
      </c>
      <c r="MD17" s="110">
        <v>606699</v>
      </c>
      <c r="ME17" s="111">
        <v>606699</v>
      </c>
      <c r="MF17" s="129">
        <v>0</v>
      </c>
      <c r="MG17" s="109">
        <v>0</v>
      </c>
      <c r="MH17" s="110">
        <v>0</v>
      </c>
      <c r="MI17" s="132"/>
      <c r="MJ17" s="109">
        <v>499449</v>
      </c>
      <c r="MK17" s="109">
        <v>549635</v>
      </c>
      <c r="ML17" s="109">
        <v>1417632</v>
      </c>
      <c r="MM17" s="109">
        <v>5737575</v>
      </c>
      <c r="MN17" s="109">
        <v>2440405</v>
      </c>
      <c r="MO17" s="110">
        <v>10644696</v>
      </c>
      <c r="MP17" s="130">
        <v>10644696</v>
      </c>
      <c r="MQ17" s="129">
        <v>0</v>
      </c>
      <c r="MR17" s="109">
        <v>0</v>
      </c>
      <c r="MS17" s="110">
        <v>0</v>
      </c>
      <c r="MT17" s="132"/>
      <c r="MU17" s="109">
        <v>0</v>
      </c>
      <c r="MV17" s="109">
        <v>0</v>
      </c>
      <c r="MW17" s="109">
        <v>914060</v>
      </c>
      <c r="MX17" s="109">
        <v>4070998</v>
      </c>
      <c r="MY17" s="109">
        <v>579237</v>
      </c>
      <c r="MZ17" s="110">
        <v>5564295</v>
      </c>
      <c r="NA17" s="130">
        <v>5564295</v>
      </c>
      <c r="NB17" s="129">
        <v>0</v>
      </c>
      <c r="NC17" s="109">
        <v>0</v>
      </c>
      <c r="ND17" s="110">
        <v>0</v>
      </c>
      <c r="NE17" s="132"/>
      <c r="NF17" s="109">
        <v>499449</v>
      </c>
      <c r="NG17" s="109">
        <v>549635</v>
      </c>
      <c r="NH17" s="109">
        <v>503572</v>
      </c>
      <c r="NI17" s="109">
        <v>1321336</v>
      </c>
      <c r="NJ17" s="109">
        <v>1861168</v>
      </c>
      <c r="NK17" s="110">
        <v>4735160</v>
      </c>
      <c r="NL17" s="298">
        <v>4735160</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0</v>
      </c>
      <c r="OC17" s="109">
        <v>0</v>
      </c>
      <c r="OD17" s="109">
        <v>0</v>
      </c>
      <c r="OE17" s="109">
        <v>345241</v>
      </c>
      <c r="OF17" s="109">
        <v>0</v>
      </c>
      <c r="OG17" s="110">
        <v>345241</v>
      </c>
      <c r="OH17" s="111">
        <v>345241</v>
      </c>
      <c r="OI17" s="129">
        <v>619664</v>
      </c>
      <c r="OJ17" s="109">
        <v>937594</v>
      </c>
      <c r="OK17" s="128">
        <v>1557258</v>
      </c>
      <c r="OL17" s="108">
        <v>0</v>
      </c>
      <c r="OM17" s="109">
        <v>9444184</v>
      </c>
      <c r="ON17" s="109">
        <v>9833626</v>
      </c>
      <c r="OO17" s="109">
        <v>9629078</v>
      </c>
      <c r="OP17" s="109">
        <v>16091150</v>
      </c>
      <c r="OQ17" s="109">
        <v>6169238</v>
      </c>
      <c r="OR17" s="110">
        <v>51167276</v>
      </c>
      <c r="OS17" s="130">
        <v>52724534</v>
      </c>
    </row>
    <row r="18" spans="2:409" ht="21" customHeight="1" x14ac:dyDescent="0.2">
      <c r="B18" s="472" t="s">
        <v>12</v>
      </c>
      <c r="C18" s="100">
        <v>809410</v>
      </c>
      <c r="D18" s="104">
        <v>1600832</v>
      </c>
      <c r="E18" s="103">
        <v>2410242</v>
      </c>
      <c r="F18" s="99">
        <v>0</v>
      </c>
      <c r="G18" s="104">
        <v>7151496</v>
      </c>
      <c r="H18" s="157">
        <v>11518871</v>
      </c>
      <c r="I18" s="157">
        <v>9126291</v>
      </c>
      <c r="J18" s="157">
        <v>12168129</v>
      </c>
      <c r="K18" s="157">
        <v>2440578</v>
      </c>
      <c r="L18" s="102">
        <v>42405365</v>
      </c>
      <c r="M18" s="106">
        <v>44815607</v>
      </c>
      <c r="N18" s="100">
        <v>390122</v>
      </c>
      <c r="O18" s="104">
        <v>463640</v>
      </c>
      <c r="P18" s="103">
        <v>853762</v>
      </c>
      <c r="Q18" s="100">
        <v>0</v>
      </c>
      <c r="R18" s="104">
        <v>2391673</v>
      </c>
      <c r="S18" s="104">
        <v>4262751</v>
      </c>
      <c r="T18" s="104">
        <v>3083586</v>
      </c>
      <c r="U18" s="104">
        <v>5182848</v>
      </c>
      <c r="V18" s="104">
        <v>1669464</v>
      </c>
      <c r="W18" s="103">
        <v>16590322</v>
      </c>
      <c r="X18" s="106">
        <v>17444084</v>
      </c>
      <c r="Y18" s="100">
        <v>0</v>
      </c>
      <c r="Z18" s="104">
        <v>0</v>
      </c>
      <c r="AA18" s="103">
        <v>0</v>
      </c>
      <c r="AB18" s="100">
        <v>0</v>
      </c>
      <c r="AC18" s="104">
        <v>1497022</v>
      </c>
      <c r="AD18" s="104">
        <v>2366632</v>
      </c>
      <c r="AE18" s="104">
        <v>1837448</v>
      </c>
      <c r="AF18" s="104">
        <v>3159962</v>
      </c>
      <c r="AG18" s="104">
        <v>981430</v>
      </c>
      <c r="AH18" s="103">
        <v>9842494</v>
      </c>
      <c r="AI18" s="106">
        <v>9842494</v>
      </c>
      <c r="AJ18" s="100">
        <v>0</v>
      </c>
      <c r="AK18" s="104">
        <v>0</v>
      </c>
      <c r="AL18" s="103">
        <v>0</v>
      </c>
      <c r="AM18" s="100">
        <v>0</v>
      </c>
      <c r="AN18" s="104">
        <v>0</v>
      </c>
      <c r="AO18" s="104">
        <v>0</v>
      </c>
      <c r="AP18" s="104">
        <v>142848</v>
      </c>
      <c r="AQ18" s="104">
        <v>562476</v>
      </c>
      <c r="AR18" s="104">
        <v>188924</v>
      </c>
      <c r="AS18" s="103">
        <v>894248</v>
      </c>
      <c r="AT18" s="106">
        <v>894248</v>
      </c>
      <c r="AU18" s="100">
        <v>327906</v>
      </c>
      <c r="AV18" s="104">
        <v>315751</v>
      </c>
      <c r="AW18" s="103">
        <v>643657</v>
      </c>
      <c r="AX18" s="100">
        <v>0</v>
      </c>
      <c r="AY18" s="104">
        <v>693167</v>
      </c>
      <c r="AZ18" s="104">
        <v>1196311</v>
      </c>
      <c r="BA18" s="104">
        <v>651716</v>
      </c>
      <c r="BB18" s="104">
        <v>941019</v>
      </c>
      <c r="BC18" s="104">
        <v>411254</v>
      </c>
      <c r="BD18" s="103">
        <v>3893467</v>
      </c>
      <c r="BE18" s="106">
        <v>4537124</v>
      </c>
      <c r="BF18" s="100">
        <v>0</v>
      </c>
      <c r="BG18" s="104">
        <v>52833</v>
      </c>
      <c r="BH18" s="102">
        <v>52833</v>
      </c>
      <c r="BI18" s="101">
        <v>0</v>
      </c>
      <c r="BJ18" s="104">
        <v>31700</v>
      </c>
      <c r="BK18" s="104">
        <v>155104</v>
      </c>
      <c r="BL18" s="104">
        <v>109958</v>
      </c>
      <c r="BM18" s="104">
        <v>56919</v>
      </c>
      <c r="BN18" s="104">
        <v>0</v>
      </c>
      <c r="BO18" s="103">
        <v>353681</v>
      </c>
      <c r="BP18" s="106">
        <v>406514</v>
      </c>
      <c r="BQ18" s="100">
        <v>62216</v>
      </c>
      <c r="BR18" s="104">
        <v>95056</v>
      </c>
      <c r="BS18" s="103">
        <v>157272</v>
      </c>
      <c r="BT18" s="100">
        <v>0</v>
      </c>
      <c r="BU18" s="104">
        <v>169784</v>
      </c>
      <c r="BV18" s="104">
        <v>544704</v>
      </c>
      <c r="BW18" s="104">
        <v>341616</v>
      </c>
      <c r="BX18" s="104">
        <v>462472</v>
      </c>
      <c r="BY18" s="104">
        <v>87856</v>
      </c>
      <c r="BZ18" s="103">
        <v>1606432</v>
      </c>
      <c r="CA18" s="106">
        <v>1763704</v>
      </c>
      <c r="CB18" s="100">
        <v>147635</v>
      </c>
      <c r="CC18" s="104">
        <v>372975</v>
      </c>
      <c r="CD18" s="103">
        <v>520610</v>
      </c>
      <c r="CE18" s="100">
        <v>0</v>
      </c>
      <c r="CF18" s="104">
        <v>2908162</v>
      </c>
      <c r="CG18" s="104">
        <v>3048169</v>
      </c>
      <c r="CH18" s="104">
        <v>2817434</v>
      </c>
      <c r="CI18" s="104">
        <v>2079944</v>
      </c>
      <c r="CJ18" s="104">
        <v>264258</v>
      </c>
      <c r="CK18" s="103">
        <v>11117967</v>
      </c>
      <c r="CL18" s="106">
        <v>11638577</v>
      </c>
      <c r="CM18" s="100">
        <v>0</v>
      </c>
      <c r="CN18" s="104">
        <v>0</v>
      </c>
      <c r="CO18" s="103">
        <v>0</v>
      </c>
      <c r="CP18" s="101">
        <v>0</v>
      </c>
      <c r="CQ18" s="104">
        <v>2574197</v>
      </c>
      <c r="CR18" s="104">
        <v>2166374</v>
      </c>
      <c r="CS18" s="104">
        <v>1839305</v>
      </c>
      <c r="CT18" s="104">
        <v>1517443</v>
      </c>
      <c r="CU18" s="104">
        <v>264258</v>
      </c>
      <c r="CV18" s="103">
        <v>8361577</v>
      </c>
      <c r="CW18" s="106">
        <v>8361577</v>
      </c>
      <c r="CX18" s="100">
        <v>147635</v>
      </c>
      <c r="CY18" s="104">
        <v>372975</v>
      </c>
      <c r="CZ18" s="103">
        <v>520610</v>
      </c>
      <c r="DA18" s="100">
        <v>0</v>
      </c>
      <c r="DB18" s="104">
        <v>333965</v>
      </c>
      <c r="DC18" s="104">
        <v>881795</v>
      </c>
      <c r="DD18" s="104">
        <v>978129</v>
      </c>
      <c r="DE18" s="104">
        <v>562501</v>
      </c>
      <c r="DF18" s="104">
        <v>0</v>
      </c>
      <c r="DG18" s="103">
        <v>2756390</v>
      </c>
      <c r="DH18" s="106">
        <v>3277000</v>
      </c>
      <c r="DI18" s="100">
        <v>0</v>
      </c>
      <c r="DJ18" s="104">
        <v>67882</v>
      </c>
      <c r="DK18" s="102">
        <v>67882</v>
      </c>
      <c r="DL18" s="101">
        <v>0</v>
      </c>
      <c r="DM18" s="104">
        <v>402743</v>
      </c>
      <c r="DN18" s="104">
        <v>566380</v>
      </c>
      <c r="DO18" s="104">
        <v>636552</v>
      </c>
      <c r="DP18" s="104">
        <v>984822</v>
      </c>
      <c r="DQ18" s="104">
        <v>0</v>
      </c>
      <c r="DR18" s="103">
        <v>2590497</v>
      </c>
      <c r="DS18" s="106">
        <v>2658379</v>
      </c>
      <c r="DT18" s="100">
        <v>0</v>
      </c>
      <c r="DU18" s="104">
        <v>67882</v>
      </c>
      <c r="DV18" s="103">
        <v>67882</v>
      </c>
      <c r="DW18" s="100">
        <v>0</v>
      </c>
      <c r="DX18" s="104">
        <v>402743</v>
      </c>
      <c r="DY18" s="104">
        <v>566380</v>
      </c>
      <c r="DZ18" s="104">
        <v>574898</v>
      </c>
      <c r="EA18" s="104">
        <v>938400</v>
      </c>
      <c r="EB18" s="104">
        <v>0</v>
      </c>
      <c r="EC18" s="103">
        <v>2482421</v>
      </c>
      <c r="ED18" s="106">
        <v>2550303</v>
      </c>
      <c r="EE18" s="100">
        <v>0</v>
      </c>
      <c r="EF18" s="102">
        <v>0</v>
      </c>
      <c r="EG18" s="103">
        <v>0</v>
      </c>
      <c r="EH18" s="100">
        <v>0</v>
      </c>
      <c r="EI18" s="104">
        <v>0</v>
      </c>
      <c r="EJ18" s="104">
        <v>0</v>
      </c>
      <c r="EK18" s="104">
        <v>61654</v>
      </c>
      <c r="EL18" s="104">
        <v>46422</v>
      </c>
      <c r="EM18" s="104">
        <v>0</v>
      </c>
      <c r="EN18" s="102">
        <v>108076</v>
      </c>
      <c r="EO18" s="106">
        <v>108076</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88672</v>
      </c>
      <c r="FM18" s="104">
        <v>433151</v>
      </c>
      <c r="FN18" s="103">
        <v>521823</v>
      </c>
      <c r="FO18" s="100">
        <v>0</v>
      </c>
      <c r="FP18" s="104">
        <v>201504</v>
      </c>
      <c r="FQ18" s="104">
        <v>1237568</v>
      </c>
      <c r="FR18" s="104">
        <v>839876</v>
      </c>
      <c r="FS18" s="104">
        <v>1155472</v>
      </c>
      <c r="FT18" s="104">
        <v>275544</v>
      </c>
      <c r="FU18" s="103">
        <v>3709964</v>
      </c>
      <c r="FV18" s="106">
        <v>4231787</v>
      </c>
      <c r="FW18" s="105">
        <v>88672</v>
      </c>
      <c r="FX18" s="104">
        <v>306432</v>
      </c>
      <c r="FY18" s="102">
        <v>395104</v>
      </c>
      <c r="FZ18" s="101">
        <v>0</v>
      </c>
      <c r="GA18" s="104">
        <v>173784</v>
      </c>
      <c r="GB18" s="104">
        <v>1194368</v>
      </c>
      <c r="GC18" s="104">
        <v>768672</v>
      </c>
      <c r="GD18" s="104">
        <v>981872</v>
      </c>
      <c r="GE18" s="104">
        <v>275544</v>
      </c>
      <c r="GF18" s="103">
        <v>3394240</v>
      </c>
      <c r="GG18" s="296">
        <v>3789344</v>
      </c>
      <c r="GH18" s="105">
        <v>0</v>
      </c>
      <c r="GI18" s="104">
        <v>55440</v>
      </c>
      <c r="GJ18" s="102">
        <v>55440</v>
      </c>
      <c r="GK18" s="101">
        <v>0</v>
      </c>
      <c r="GL18" s="104">
        <v>27720</v>
      </c>
      <c r="GM18" s="104">
        <v>0</v>
      </c>
      <c r="GN18" s="104">
        <v>71204</v>
      </c>
      <c r="GO18" s="104">
        <v>26400</v>
      </c>
      <c r="GP18" s="104">
        <v>0</v>
      </c>
      <c r="GQ18" s="103">
        <v>125324</v>
      </c>
      <c r="GR18" s="106">
        <v>180764</v>
      </c>
      <c r="GS18" s="100">
        <v>0</v>
      </c>
      <c r="GT18" s="104">
        <v>71279</v>
      </c>
      <c r="GU18" s="103">
        <v>71279</v>
      </c>
      <c r="GV18" s="100">
        <v>0</v>
      </c>
      <c r="GW18" s="104">
        <v>0</v>
      </c>
      <c r="GX18" s="104">
        <v>43200</v>
      </c>
      <c r="GY18" s="104">
        <v>0</v>
      </c>
      <c r="GZ18" s="104">
        <v>147200</v>
      </c>
      <c r="HA18" s="104">
        <v>0</v>
      </c>
      <c r="HB18" s="102">
        <v>190400</v>
      </c>
      <c r="HC18" s="106">
        <v>261679</v>
      </c>
      <c r="HD18" s="100">
        <v>182981</v>
      </c>
      <c r="HE18" s="104">
        <v>263184</v>
      </c>
      <c r="HF18" s="102">
        <v>446165</v>
      </c>
      <c r="HG18" s="101">
        <v>0</v>
      </c>
      <c r="HH18" s="104">
        <v>1247414</v>
      </c>
      <c r="HI18" s="104">
        <v>2404003</v>
      </c>
      <c r="HJ18" s="104">
        <v>1748843</v>
      </c>
      <c r="HK18" s="104">
        <v>2765043</v>
      </c>
      <c r="HL18" s="104">
        <v>231312</v>
      </c>
      <c r="HM18" s="103">
        <v>8396615</v>
      </c>
      <c r="HN18" s="99">
        <v>8842780</v>
      </c>
      <c r="HO18" s="306"/>
      <c r="HP18" s="307"/>
      <c r="HQ18" s="308"/>
      <c r="HR18" s="309"/>
      <c r="HS18" s="307"/>
      <c r="HT18" s="307"/>
      <c r="HU18" s="307"/>
      <c r="HV18" s="307"/>
      <c r="HW18" s="307"/>
      <c r="HX18" s="310"/>
      <c r="HY18" s="311"/>
      <c r="HZ18" s="137">
        <v>0</v>
      </c>
      <c r="IA18" s="122">
        <v>0</v>
      </c>
      <c r="IB18" s="137">
        <v>0</v>
      </c>
      <c r="IC18" s="121">
        <v>0</v>
      </c>
      <c r="ID18" s="122">
        <v>1820249</v>
      </c>
      <c r="IE18" s="123">
        <v>2904228</v>
      </c>
      <c r="IF18" s="124">
        <v>2952599</v>
      </c>
      <c r="IG18" s="122">
        <v>2905326</v>
      </c>
      <c r="IH18" s="124">
        <v>1866803</v>
      </c>
      <c r="II18" s="125">
        <v>12449205</v>
      </c>
      <c r="IJ18" s="137">
        <v>12449205</v>
      </c>
      <c r="IK18" s="219">
        <v>0</v>
      </c>
      <c r="IL18" s="223">
        <v>0</v>
      </c>
      <c r="IM18" s="224">
        <v>0</v>
      </c>
      <c r="IN18" s="127"/>
      <c r="IO18" s="109">
        <v>72828</v>
      </c>
      <c r="IP18" s="109">
        <v>109276</v>
      </c>
      <c r="IQ18" s="109">
        <v>0</v>
      </c>
      <c r="IR18" s="109">
        <v>0</v>
      </c>
      <c r="IS18" s="109">
        <v>0</v>
      </c>
      <c r="IT18" s="128">
        <v>182104</v>
      </c>
      <c r="IU18" s="298">
        <v>182104</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1155616</v>
      </c>
      <c r="JL18" s="109">
        <v>916214</v>
      </c>
      <c r="JM18" s="109">
        <v>879449</v>
      </c>
      <c r="JN18" s="109">
        <v>413364</v>
      </c>
      <c r="JO18" s="109">
        <v>111321</v>
      </c>
      <c r="JP18" s="110">
        <v>3475964</v>
      </c>
      <c r="JQ18" s="298">
        <v>3475964</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121924</v>
      </c>
      <c r="KH18" s="109">
        <v>438379</v>
      </c>
      <c r="KI18" s="109">
        <v>1099440</v>
      </c>
      <c r="KJ18" s="109">
        <v>818727</v>
      </c>
      <c r="KK18" s="109">
        <v>898883</v>
      </c>
      <c r="KL18" s="110">
        <v>3377353</v>
      </c>
      <c r="KM18" s="130">
        <v>3377353</v>
      </c>
      <c r="KN18" s="219">
        <v>0</v>
      </c>
      <c r="KO18" s="223">
        <v>0</v>
      </c>
      <c r="KP18" s="224">
        <v>0</v>
      </c>
      <c r="KQ18" s="127"/>
      <c r="KR18" s="109">
        <v>469881</v>
      </c>
      <c r="KS18" s="109">
        <v>483640</v>
      </c>
      <c r="KT18" s="109">
        <v>246553</v>
      </c>
      <c r="KU18" s="109">
        <v>759134</v>
      </c>
      <c r="KV18" s="109">
        <v>256517</v>
      </c>
      <c r="KW18" s="110">
        <v>2215725</v>
      </c>
      <c r="KX18" s="298">
        <v>2215725</v>
      </c>
      <c r="KY18" s="129">
        <v>0</v>
      </c>
      <c r="KZ18" s="109">
        <v>0</v>
      </c>
      <c r="LA18" s="110">
        <v>0</v>
      </c>
      <c r="LB18" s="132"/>
      <c r="LC18" s="109">
        <v>0</v>
      </c>
      <c r="LD18" s="109">
        <v>542502</v>
      </c>
      <c r="LE18" s="109">
        <v>188132</v>
      </c>
      <c r="LF18" s="109">
        <v>328672</v>
      </c>
      <c r="LG18" s="109">
        <v>0</v>
      </c>
      <c r="LH18" s="110">
        <v>1059306</v>
      </c>
      <c r="LI18" s="111">
        <v>1059306</v>
      </c>
      <c r="LJ18" s="129">
        <v>0</v>
      </c>
      <c r="LK18" s="109">
        <v>0</v>
      </c>
      <c r="LL18" s="110">
        <v>0</v>
      </c>
      <c r="LM18" s="132"/>
      <c r="LN18" s="109">
        <v>0</v>
      </c>
      <c r="LO18" s="109">
        <v>0</v>
      </c>
      <c r="LP18" s="109">
        <v>251627</v>
      </c>
      <c r="LQ18" s="109">
        <v>0</v>
      </c>
      <c r="LR18" s="109">
        <v>600453</v>
      </c>
      <c r="LS18" s="110">
        <v>852080</v>
      </c>
      <c r="LT18" s="298">
        <v>852080</v>
      </c>
      <c r="LU18" s="129">
        <v>0</v>
      </c>
      <c r="LV18" s="109">
        <v>0</v>
      </c>
      <c r="LW18" s="110">
        <v>0</v>
      </c>
      <c r="LX18" s="132"/>
      <c r="LY18" s="109">
        <v>0</v>
      </c>
      <c r="LZ18" s="109">
        <v>414217</v>
      </c>
      <c r="MA18" s="109">
        <v>287398</v>
      </c>
      <c r="MB18" s="109">
        <v>585429</v>
      </c>
      <c r="MC18" s="109">
        <v>-371</v>
      </c>
      <c r="MD18" s="110">
        <v>1286673</v>
      </c>
      <c r="ME18" s="111">
        <v>1286673</v>
      </c>
      <c r="MF18" s="129">
        <v>0</v>
      </c>
      <c r="MG18" s="109">
        <v>0</v>
      </c>
      <c r="MH18" s="110">
        <v>0</v>
      </c>
      <c r="MI18" s="132"/>
      <c r="MJ18" s="109">
        <v>474520</v>
      </c>
      <c r="MK18" s="109">
        <v>940345</v>
      </c>
      <c r="ML18" s="109">
        <v>3240340</v>
      </c>
      <c r="MM18" s="109">
        <v>5969952</v>
      </c>
      <c r="MN18" s="109">
        <v>3200866</v>
      </c>
      <c r="MO18" s="110">
        <v>13826023</v>
      </c>
      <c r="MP18" s="130">
        <v>13826023</v>
      </c>
      <c r="MQ18" s="129">
        <v>0</v>
      </c>
      <c r="MR18" s="109">
        <v>0</v>
      </c>
      <c r="MS18" s="110">
        <v>0</v>
      </c>
      <c r="MT18" s="132"/>
      <c r="MU18" s="109">
        <v>0</v>
      </c>
      <c r="MV18" s="109">
        <v>0</v>
      </c>
      <c r="MW18" s="109">
        <v>1405671</v>
      </c>
      <c r="MX18" s="109">
        <v>3248888</v>
      </c>
      <c r="MY18" s="109">
        <v>1947188</v>
      </c>
      <c r="MZ18" s="110">
        <v>6601747</v>
      </c>
      <c r="NA18" s="130">
        <v>6601747</v>
      </c>
      <c r="NB18" s="129">
        <v>0</v>
      </c>
      <c r="NC18" s="109">
        <v>0</v>
      </c>
      <c r="ND18" s="110">
        <v>0</v>
      </c>
      <c r="NE18" s="132"/>
      <c r="NF18" s="109">
        <v>474520</v>
      </c>
      <c r="NG18" s="109">
        <v>940345</v>
      </c>
      <c r="NH18" s="109">
        <v>1834669</v>
      </c>
      <c r="NI18" s="109">
        <v>2378252</v>
      </c>
      <c r="NJ18" s="109">
        <v>885675</v>
      </c>
      <c r="NK18" s="110">
        <v>6513461</v>
      </c>
      <c r="NL18" s="298">
        <v>6513461</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0</v>
      </c>
      <c r="OD18" s="109">
        <v>0</v>
      </c>
      <c r="OE18" s="109">
        <v>342812</v>
      </c>
      <c r="OF18" s="109">
        <v>368003</v>
      </c>
      <c r="OG18" s="110">
        <v>710815</v>
      </c>
      <c r="OH18" s="111">
        <v>710815</v>
      </c>
      <c r="OI18" s="129">
        <v>809410</v>
      </c>
      <c r="OJ18" s="109">
        <v>1600832</v>
      </c>
      <c r="OK18" s="128">
        <v>2410242</v>
      </c>
      <c r="OL18" s="108">
        <v>0</v>
      </c>
      <c r="OM18" s="109">
        <v>9446265</v>
      </c>
      <c r="ON18" s="109">
        <v>15363444</v>
      </c>
      <c r="OO18" s="109">
        <v>15319230</v>
      </c>
      <c r="OP18" s="109">
        <v>21043407</v>
      </c>
      <c r="OQ18" s="109">
        <v>7508247</v>
      </c>
      <c r="OR18" s="110">
        <v>68680593</v>
      </c>
      <c r="OS18" s="130">
        <v>71090835</v>
      </c>
    </row>
    <row r="19" spans="2:409" ht="21" customHeight="1" x14ac:dyDescent="0.2">
      <c r="B19" s="472" t="s">
        <v>13</v>
      </c>
      <c r="C19" s="100">
        <v>211439</v>
      </c>
      <c r="D19" s="104">
        <v>213380</v>
      </c>
      <c r="E19" s="103">
        <v>424819</v>
      </c>
      <c r="F19" s="100">
        <v>0</v>
      </c>
      <c r="G19" s="157">
        <v>2841735</v>
      </c>
      <c r="H19" s="104">
        <v>5071497</v>
      </c>
      <c r="I19" s="104">
        <v>4442233</v>
      </c>
      <c r="J19" s="104">
        <v>5496878</v>
      </c>
      <c r="K19" s="104">
        <v>2778273</v>
      </c>
      <c r="L19" s="102">
        <v>20630616</v>
      </c>
      <c r="M19" s="106">
        <v>21055435</v>
      </c>
      <c r="N19" s="100">
        <v>8256</v>
      </c>
      <c r="O19" s="104">
        <v>123137</v>
      </c>
      <c r="P19" s="103">
        <v>131393</v>
      </c>
      <c r="Q19" s="100">
        <v>0</v>
      </c>
      <c r="R19" s="104">
        <v>838544</v>
      </c>
      <c r="S19" s="104">
        <v>1417908</v>
      </c>
      <c r="T19" s="104">
        <v>1647527</v>
      </c>
      <c r="U19" s="104">
        <v>2639376</v>
      </c>
      <c r="V19" s="104">
        <v>1466048</v>
      </c>
      <c r="W19" s="103">
        <v>8009403</v>
      </c>
      <c r="X19" s="106">
        <v>8140796</v>
      </c>
      <c r="Y19" s="100">
        <v>0</v>
      </c>
      <c r="Z19" s="104">
        <v>0</v>
      </c>
      <c r="AA19" s="103">
        <v>0</v>
      </c>
      <c r="AB19" s="100">
        <v>0</v>
      </c>
      <c r="AC19" s="104">
        <v>373767</v>
      </c>
      <c r="AD19" s="104">
        <v>450995</v>
      </c>
      <c r="AE19" s="104">
        <v>822476</v>
      </c>
      <c r="AF19" s="104">
        <v>1671390</v>
      </c>
      <c r="AG19" s="104">
        <v>702123</v>
      </c>
      <c r="AH19" s="103">
        <v>4020751</v>
      </c>
      <c r="AI19" s="106">
        <v>4020751</v>
      </c>
      <c r="AJ19" s="100">
        <v>0</v>
      </c>
      <c r="AK19" s="104">
        <v>0</v>
      </c>
      <c r="AL19" s="103">
        <v>0</v>
      </c>
      <c r="AM19" s="100">
        <v>0</v>
      </c>
      <c r="AN19" s="104">
        <v>0</v>
      </c>
      <c r="AO19" s="104">
        <v>0</v>
      </c>
      <c r="AP19" s="104">
        <v>98511</v>
      </c>
      <c r="AQ19" s="104">
        <v>133589</v>
      </c>
      <c r="AR19" s="104">
        <v>205922</v>
      </c>
      <c r="AS19" s="103">
        <v>438022</v>
      </c>
      <c r="AT19" s="106">
        <v>438022</v>
      </c>
      <c r="AU19" s="100">
        <v>0</v>
      </c>
      <c r="AV19" s="104">
        <v>107646</v>
      </c>
      <c r="AW19" s="103">
        <v>107646</v>
      </c>
      <c r="AX19" s="100">
        <v>0</v>
      </c>
      <c r="AY19" s="104">
        <v>260578</v>
      </c>
      <c r="AZ19" s="104">
        <v>617175</v>
      </c>
      <c r="BA19" s="104">
        <v>482860</v>
      </c>
      <c r="BB19" s="104">
        <v>537646</v>
      </c>
      <c r="BC19" s="104">
        <v>426381</v>
      </c>
      <c r="BD19" s="103">
        <v>2324640</v>
      </c>
      <c r="BE19" s="106">
        <v>2432286</v>
      </c>
      <c r="BF19" s="100">
        <v>0</v>
      </c>
      <c r="BG19" s="104">
        <v>10723</v>
      </c>
      <c r="BH19" s="102">
        <v>10723</v>
      </c>
      <c r="BI19" s="101">
        <v>0</v>
      </c>
      <c r="BJ19" s="104">
        <v>42527</v>
      </c>
      <c r="BK19" s="104">
        <v>23562</v>
      </c>
      <c r="BL19" s="104">
        <v>0</v>
      </c>
      <c r="BM19" s="104">
        <v>93815</v>
      </c>
      <c r="BN19" s="104">
        <v>10966</v>
      </c>
      <c r="BO19" s="103">
        <v>170870</v>
      </c>
      <c r="BP19" s="106">
        <v>181593</v>
      </c>
      <c r="BQ19" s="100">
        <v>8256</v>
      </c>
      <c r="BR19" s="104">
        <v>4768</v>
      </c>
      <c r="BS19" s="103">
        <v>13024</v>
      </c>
      <c r="BT19" s="100">
        <v>0</v>
      </c>
      <c r="BU19" s="104">
        <v>161672</v>
      </c>
      <c r="BV19" s="104">
        <v>326176</v>
      </c>
      <c r="BW19" s="104">
        <v>243680</v>
      </c>
      <c r="BX19" s="104">
        <v>202936</v>
      </c>
      <c r="BY19" s="104">
        <v>120656</v>
      </c>
      <c r="BZ19" s="103">
        <v>1055120</v>
      </c>
      <c r="CA19" s="106">
        <v>1068144</v>
      </c>
      <c r="CB19" s="100">
        <v>0</v>
      </c>
      <c r="CC19" s="104">
        <v>40115</v>
      </c>
      <c r="CD19" s="103">
        <v>40115</v>
      </c>
      <c r="CE19" s="100">
        <v>0</v>
      </c>
      <c r="CF19" s="104">
        <v>605182</v>
      </c>
      <c r="CG19" s="104">
        <v>1110012</v>
      </c>
      <c r="CH19" s="104">
        <v>948703</v>
      </c>
      <c r="CI19" s="104">
        <v>877012</v>
      </c>
      <c r="CJ19" s="104">
        <v>349357</v>
      </c>
      <c r="CK19" s="103">
        <v>3890266</v>
      </c>
      <c r="CL19" s="106">
        <v>3930381</v>
      </c>
      <c r="CM19" s="100">
        <v>0</v>
      </c>
      <c r="CN19" s="104">
        <v>0</v>
      </c>
      <c r="CO19" s="103">
        <v>0</v>
      </c>
      <c r="CP19" s="101">
        <v>0</v>
      </c>
      <c r="CQ19" s="104">
        <v>532896</v>
      </c>
      <c r="CR19" s="104">
        <v>935897</v>
      </c>
      <c r="CS19" s="104">
        <v>816297</v>
      </c>
      <c r="CT19" s="104">
        <v>739681</v>
      </c>
      <c r="CU19" s="104">
        <v>45143</v>
      </c>
      <c r="CV19" s="103">
        <v>3069914</v>
      </c>
      <c r="CW19" s="106">
        <v>3069914</v>
      </c>
      <c r="CX19" s="100">
        <v>0</v>
      </c>
      <c r="CY19" s="104">
        <v>40115</v>
      </c>
      <c r="CZ19" s="103">
        <v>40115</v>
      </c>
      <c r="DA19" s="100">
        <v>0</v>
      </c>
      <c r="DB19" s="104">
        <v>72286</v>
      </c>
      <c r="DC19" s="104">
        <v>174115</v>
      </c>
      <c r="DD19" s="104">
        <v>132406</v>
      </c>
      <c r="DE19" s="104">
        <v>137331</v>
      </c>
      <c r="DF19" s="104">
        <v>304214</v>
      </c>
      <c r="DG19" s="103">
        <v>820352</v>
      </c>
      <c r="DH19" s="106">
        <v>860467</v>
      </c>
      <c r="DI19" s="100">
        <v>0</v>
      </c>
      <c r="DJ19" s="104">
        <v>0</v>
      </c>
      <c r="DK19" s="102">
        <v>0</v>
      </c>
      <c r="DL19" s="101">
        <v>0</v>
      </c>
      <c r="DM19" s="104">
        <v>83610</v>
      </c>
      <c r="DN19" s="104">
        <v>0</v>
      </c>
      <c r="DO19" s="104">
        <v>104414</v>
      </c>
      <c r="DP19" s="104">
        <v>259532</v>
      </c>
      <c r="DQ19" s="104">
        <v>0</v>
      </c>
      <c r="DR19" s="103">
        <v>447556</v>
      </c>
      <c r="DS19" s="106">
        <v>447556</v>
      </c>
      <c r="DT19" s="100">
        <v>0</v>
      </c>
      <c r="DU19" s="104">
        <v>0</v>
      </c>
      <c r="DV19" s="103">
        <v>0</v>
      </c>
      <c r="DW19" s="100">
        <v>0</v>
      </c>
      <c r="DX19" s="104">
        <v>83610</v>
      </c>
      <c r="DY19" s="104">
        <v>0</v>
      </c>
      <c r="DZ19" s="104">
        <v>104414</v>
      </c>
      <c r="EA19" s="104">
        <v>259532</v>
      </c>
      <c r="EB19" s="104">
        <v>0</v>
      </c>
      <c r="EC19" s="103">
        <v>447556</v>
      </c>
      <c r="ED19" s="106">
        <v>447556</v>
      </c>
      <c r="EE19" s="100">
        <v>0</v>
      </c>
      <c r="EF19" s="102">
        <v>0</v>
      </c>
      <c r="EG19" s="103">
        <v>0</v>
      </c>
      <c r="EH19" s="100">
        <v>0</v>
      </c>
      <c r="EI19" s="104">
        <v>0</v>
      </c>
      <c r="EJ19" s="104">
        <v>0</v>
      </c>
      <c r="EK19" s="104">
        <v>0</v>
      </c>
      <c r="EL19" s="104">
        <v>0</v>
      </c>
      <c r="EM19" s="104">
        <v>0</v>
      </c>
      <c r="EN19" s="102">
        <v>0</v>
      </c>
      <c r="EO19" s="106">
        <v>0</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153976</v>
      </c>
      <c r="FM19" s="104">
        <v>50128</v>
      </c>
      <c r="FN19" s="103">
        <v>204104</v>
      </c>
      <c r="FO19" s="100">
        <v>0</v>
      </c>
      <c r="FP19" s="104">
        <v>218544</v>
      </c>
      <c r="FQ19" s="104">
        <v>616464</v>
      </c>
      <c r="FR19" s="104">
        <v>205152</v>
      </c>
      <c r="FS19" s="104">
        <v>376688</v>
      </c>
      <c r="FT19" s="104">
        <v>262168</v>
      </c>
      <c r="FU19" s="103">
        <v>1679016</v>
      </c>
      <c r="FV19" s="106">
        <v>1883120</v>
      </c>
      <c r="FW19" s="105">
        <v>8720</v>
      </c>
      <c r="FX19" s="104">
        <v>50128</v>
      </c>
      <c r="FY19" s="102">
        <v>58848</v>
      </c>
      <c r="FZ19" s="101">
        <v>0</v>
      </c>
      <c r="GA19" s="104">
        <v>90416</v>
      </c>
      <c r="GB19" s="104">
        <v>397120</v>
      </c>
      <c r="GC19" s="104">
        <v>190752</v>
      </c>
      <c r="GD19" s="104">
        <v>351088</v>
      </c>
      <c r="GE19" s="104">
        <v>262168</v>
      </c>
      <c r="GF19" s="103">
        <v>1291544</v>
      </c>
      <c r="GG19" s="296">
        <v>1350392</v>
      </c>
      <c r="GH19" s="105">
        <v>11656</v>
      </c>
      <c r="GI19" s="104">
        <v>0</v>
      </c>
      <c r="GJ19" s="102">
        <v>11656</v>
      </c>
      <c r="GK19" s="101">
        <v>0</v>
      </c>
      <c r="GL19" s="104">
        <v>22528</v>
      </c>
      <c r="GM19" s="104">
        <v>0</v>
      </c>
      <c r="GN19" s="104">
        <v>14400</v>
      </c>
      <c r="GO19" s="104">
        <v>0</v>
      </c>
      <c r="GP19" s="104">
        <v>0</v>
      </c>
      <c r="GQ19" s="103">
        <v>36928</v>
      </c>
      <c r="GR19" s="106">
        <v>48584</v>
      </c>
      <c r="GS19" s="100">
        <v>133600</v>
      </c>
      <c r="GT19" s="104">
        <v>0</v>
      </c>
      <c r="GU19" s="103">
        <v>133600</v>
      </c>
      <c r="GV19" s="100">
        <v>0</v>
      </c>
      <c r="GW19" s="104">
        <v>105600</v>
      </c>
      <c r="GX19" s="104">
        <v>219344</v>
      </c>
      <c r="GY19" s="104">
        <v>0</v>
      </c>
      <c r="GZ19" s="104">
        <v>25600</v>
      </c>
      <c r="HA19" s="104">
        <v>0</v>
      </c>
      <c r="HB19" s="102">
        <v>350544</v>
      </c>
      <c r="HC19" s="106">
        <v>484144</v>
      </c>
      <c r="HD19" s="100">
        <v>49207</v>
      </c>
      <c r="HE19" s="104">
        <v>0</v>
      </c>
      <c r="HF19" s="102">
        <v>49207</v>
      </c>
      <c r="HG19" s="101">
        <v>0</v>
      </c>
      <c r="HH19" s="104">
        <v>1095855</v>
      </c>
      <c r="HI19" s="104">
        <v>1927113</v>
      </c>
      <c r="HJ19" s="104">
        <v>1536437</v>
      </c>
      <c r="HK19" s="104">
        <v>1344270</v>
      </c>
      <c r="HL19" s="104">
        <v>700700</v>
      </c>
      <c r="HM19" s="103">
        <v>6604375</v>
      </c>
      <c r="HN19" s="99">
        <v>6653582</v>
      </c>
      <c r="HO19" s="306"/>
      <c r="HP19" s="307"/>
      <c r="HQ19" s="308"/>
      <c r="HR19" s="309"/>
      <c r="HS19" s="307"/>
      <c r="HT19" s="307"/>
      <c r="HU19" s="307"/>
      <c r="HV19" s="307"/>
      <c r="HW19" s="307"/>
      <c r="HX19" s="310"/>
      <c r="HY19" s="311"/>
      <c r="HZ19" s="118">
        <v>0</v>
      </c>
      <c r="IA19" s="119">
        <v>85595</v>
      </c>
      <c r="IB19" s="120">
        <v>85595</v>
      </c>
      <c r="IC19" s="133">
        <v>0</v>
      </c>
      <c r="ID19" s="119">
        <v>565394</v>
      </c>
      <c r="IE19" s="134">
        <v>1417791</v>
      </c>
      <c r="IF19" s="120">
        <v>573634</v>
      </c>
      <c r="IG19" s="119">
        <v>463567</v>
      </c>
      <c r="IH19" s="120">
        <v>55908</v>
      </c>
      <c r="II19" s="135">
        <v>3076294</v>
      </c>
      <c r="IJ19" s="126">
        <v>3161889</v>
      </c>
      <c r="IK19" s="219">
        <v>0</v>
      </c>
      <c r="IL19" s="223">
        <v>0</v>
      </c>
      <c r="IM19" s="224">
        <v>0</v>
      </c>
      <c r="IN19" s="127"/>
      <c r="IO19" s="109">
        <v>0</v>
      </c>
      <c r="IP19" s="109">
        <v>0</v>
      </c>
      <c r="IQ19" s="109">
        <v>0</v>
      </c>
      <c r="IR19" s="109">
        <v>0</v>
      </c>
      <c r="IS19" s="109">
        <v>0</v>
      </c>
      <c r="IT19" s="128">
        <v>0</v>
      </c>
      <c r="IU19" s="298">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565394</v>
      </c>
      <c r="JL19" s="109">
        <v>429292</v>
      </c>
      <c r="JM19" s="109">
        <v>334621</v>
      </c>
      <c r="JN19" s="109">
        <v>369505</v>
      </c>
      <c r="JO19" s="109">
        <v>0</v>
      </c>
      <c r="JP19" s="110">
        <v>1698812</v>
      </c>
      <c r="JQ19" s="298">
        <v>1698812</v>
      </c>
      <c r="JR19" s="129">
        <v>0</v>
      </c>
      <c r="JS19" s="109">
        <v>0</v>
      </c>
      <c r="JT19" s="128">
        <v>0</v>
      </c>
      <c r="JU19" s="108">
        <v>0</v>
      </c>
      <c r="JV19" s="109">
        <v>0</v>
      </c>
      <c r="JW19" s="109">
        <v>339079</v>
      </c>
      <c r="JX19" s="109">
        <v>0</v>
      </c>
      <c r="JY19" s="109">
        <v>94062</v>
      </c>
      <c r="JZ19" s="109">
        <v>55908</v>
      </c>
      <c r="KA19" s="110">
        <v>489049</v>
      </c>
      <c r="KB19" s="298">
        <v>489049</v>
      </c>
      <c r="KC19" s="221">
        <v>0</v>
      </c>
      <c r="KD19" s="217">
        <v>85595</v>
      </c>
      <c r="KE19" s="110">
        <v>85595</v>
      </c>
      <c r="KF19" s="108">
        <v>0</v>
      </c>
      <c r="KG19" s="109">
        <v>0</v>
      </c>
      <c r="KH19" s="109">
        <v>173561</v>
      </c>
      <c r="KI19" s="109">
        <v>239013</v>
      </c>
      <c r="KJ19" s="109">
        <v>0</v>
      </c>
      <c r="KK19" s="109">
        <v>0</v>
      </c>
      <c r="KL19" s="110">
        <v>412574</v>
      </c>
      <c r="KM19" s="130">
        <v>498169</v>
      </c>
      <c r="KN19" s="219">
        <v>0</v>
      </c>
      <c r="KO19" s="223">
        <v>0</v>
      </c>
      <c r="KP19" s="224">
        <v>0</v>
      </c>
      <c r="KQ19" s="127"/>
      <c r="KR19" s="109">
        <v>0</v>
      </c>
      <c r="KS19" s="109">
        <v>475859</v>
      </c>
      <c r="KT19" s="109">
        <v>0</v>
      </c>
      <c r="KU19" s="109">
        <v>0</v>
      </c>
      <c r="KV19" s="109">
        <v>0</v>
      </c>
      <c r="KW19" s="110">
        <v>475859</v>
      </c>
      <c r="KX19" s="298">
        <v>475859</v>
      </c>
      <c r="KY19" s="129">
        <v>0</v>
      </c>
      <c r="KZ19" s="109">
        <v>0</v>
      </c>
      <c r="LA19" s="110">
        <v>0</v>
      </c>
      <c r="LB19" s="132"/>
      <c r="LC19" s="109">
        <v>0</v>
      </c>
      <c r="LD19" s="109">
        <v>0</v>
      </c>
      <c r="LE19" s="109">
        <v>0</v>
      </c>
      <c r="LF19" s="109">
        <v>0</v>
      </c>
      <c r="LG19" s="109">
        <v>0</v>
      </c>
      <c r="LH19" s="110">
        <v>0</v>
      </c>
      <c r="LI19" s="111">
        <v>0</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0</v>
      </c>
      <c r="MK19" s="109">
        <v>272792</v>
      </c>
      <c r="ML19" s="109">
        <v>1762457</v>
      </c>
      <c r="MM19" s="109">
        <v>3583797</v>
      </c>
      <c r="MN19" s="109">
        <v>896832</v>
      </c>
      <c r="MO19" s="110">
        <v>6515878</v>
      </c>
      <c r="MP19" s="130">
        <v>6515878</v>
      </c>
      <c r="MQ19" s="129">
        <v>0</v>
      </c>
      <c r="MR19" s="109">
        <v>0</v>
      </c>
      <c r="MS19" s="110">
        <v>0</v>
      </c>
      <c r="MT19" s="132"/>
      <c r="MU19" s="109">
        <v>0</v>
      </c>
      <c r="MV19" s="109">
        <v>0</v>
      </c>
      <c r="MW19" s="109">
        <v>954429</v>
      </c>
      <c r="MX19" s="109">
        <v>3276605</v>
      </c>
      <c r="MY19" s="109">
        <v>571520</v>
      </c>
      <c r="MZ19" s="110">
        <v>4802554</v>
      </c>
      <c r="NA19" s="130">
        <v>4802554</v>
      </c>
      <c r="NB19" s="129">
        <v>0</v>
      </c>
      <c r="NC19" s="109">
        <v>0</v>
      </c>
      <c r="ND19" s="110">
        <v>0</v>
      </c>
      <c r="NE19" s="132"/>
      <c r="NF19" s="109">
        <v>0</v>
      </c>
      <c r="NG19" s="109">
        <v>272792</v>
      </c>
      <c r="NH19" s="109">
        <v>808028</v>
      </c>
      <c r="NI19" s="109">
        <v>307192</v>
      </c>
      <c r="NJ19" s="109">
        <v>325312</v>
      </c>
      <c r="NK19" s="110">
        <v>1713324</v>
      </c>
      <c r="NL19" s="298">
        <v>1713324</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211439</v>
      </c>
      <c r="OJ19" s="109">
        <v>298975</v>
      </c>
      <c r="OK19" s="128">
        <v>510414</v>
      </c>
      <c r="OL19" s="108">
        <v>0</v>
      </c>
      <c r="OM19" s="109">
        <v>3407129</v>
      </c>
      <c r="ON19" s="109">
        <v>6762080</v>
      </c>
      <c r="OO19" s="109">
        <v>6778324</v>
      </c>
      <c r="OP19" s="109">
        <v>9544242</v>
      </c>
      <c r="OQ19" s="109">
        <v>3731013</v>
      </c>
      <c r="OR19" s="110">
        <v>30222788</v>
      </c>
      <c r="OS19" s="130">
        <v>30733202</v>
      </c>
    </row>
    <row r="20" spans="2:409" ht="21" customHeight="1" x14ac:dyDescent="0.2">
      <c r="B20" s="472" t="s">
        <v>15</v>
      </c>
      <c r="C20" s="100">
        <v>455497</v>
      </c>
      <c r="D20" s="104">
        <v>283434</v>
      </c>
      <c r="E20" s="103">
        <v>738931</v>
      </c>
      <c r="F20" s="99">
        <v>0</v>
      </c>
      <c r="G20" s="104">
        <v>1930384</v>
      </c>
      <c r="H20" s="104">
        <v>1981455</v>
      </c>
      <c r="I20" s="104">
        <v>3446673</v>
      </c>
      <c r="J20" s="104">
        <v>1040105</v>
      </c>
      <c r="K20" s="104">
        <v>859883</v>
      </c>
      <c r="L20" s="99">
        <v>9258500</v>
      </c>
      <c r="M20" s="106">
        <v>9997431</v>
      </c>
      <c r="N20" s="100">
        <v>0</v>
      </c>
      <c r="O20" s="104">
        <v>29948</v>
      </c>
      <c r="P20" s="103">
        <v>29948</v>
      </c>
      <c r="Q20" s="100">
        <v>0</v>
      </c>
      <c r="R20" s="104">
        <v>526114</v>
      </c>
      <c r="S20" s="104">
        <v>619555</v>
      </c>
      <c r="T20" s="104">
        <v>822027</v>
      </c>
      <c r="U20" s="104">
        <v>551633</v>
      </c>
      <c r="V20" s="104">
        <v>580943</v>
      </c>
      <c r="W20" s="103">
        <v>3100272</v>
      </c>
      <c r="X20" s="106">
        <v>3130220</v>
      </c>
      <c r="Y20" s="100">
        <v>0</v>
      </c>
      <c r="Z20" s="104">
        <v>0</v>
      </c>
      <c r="AA20" s="103">
        <v>0</v>
      </c>
      <c r="AB20" s="100">
        <v>0</v>
      </c>
      <c r="AC20" s="104">
        <v>278098</v>
      </c>
      <c r="AD20" s="104">
        <v>203120</v>
      </c>
      <c r="AE20" s="104">
        <v>529655</v>
      </c>
      <c r="AF20" s="104">
        <v>374618</v>
      </c>
      <c r="AG20" s="104">
        <v>501992</v>
      </c>
      <c r="AH20" s="103">
        <v>1887483</v>
      </c>
      <c r="AI20" s="106">
        <v>1887483</v>
      </c>
      <c r="AJ20" s="100">
        <v>0</v>
      </c>
      <c r="AK20" s="104">
        <v>0</v>
      </c>
      <c r="AL20" s="103">
        <v>0</v>
      </c>
      <c r="AM20" s="100">
        <v>0</v>
      </c>
      <c r="AN20" s="104">
        <v>0</v>
      </c>
      <c r="AO20" s="104">
        <v>93534</v>
      </c>
      <c r="AP20" s="104">
        <v>0</v>
      </c>
      <c r="AQ20" s="104">
        <v>0</v>
      </c>
      <c r="AR20" s="104">
        <v>0</v>
      </c>
      <c r="AS20" s="103">
        <v>93534</v>
      </c>
      <c r="AT20" s="106">
        <v>93534</v>
      </c>
      <c r="AU20" s="100">
        <v>0</v>
      </c>
      <c r="AV20" s="104">
        <v>19036</v>
      </c>
      <c r="AW20" s="103">
        <v>19036</v>
      </c>
      <c r="AX20" s="100">
        <v>0</v>
      </c>
      <c r="AY20" s="104">
        <v>62085</v>
      </c>
      <c r="AZ20" s="104">
        <v>153175</v>
      </c>
      <c r="BA20" s="104">
        <v>125868</v>
      </c>
      <c r="BB20" s="104">
        <v>120479</v>
      </c>
      <c r="BC20" s="104">
        <v>36319</v>
      </c>
      <c r="BD20" s="103">
        <v>497926</v>
      </c>
      <c r="BE20" s="106">
        <v>516962</v>
      </c>
      <c r="BF20" s="100">
        <v>0</v>
      </c>
      <c r="BG20" s="104">
        <v>0</v>
      </c>
      <c r="BH20" s="102">
        <v>0</v>
      </c>
      <c r="BI20" s="101">
        <v>0</v>
      </c>
      <c r="BJ20" s="104">
        <v>48123</v>
      </c>
      <c r="BK20" s="104">
        <v>69838</v>
      </c>
      <c r="BL20" s="104">
        <v>0</v>
      </c>
      <c r="BM20" s="104">
        <v>0</v>
      </c>
      <c r="BN20" s="104">
        <v>0</v>
      </c>
      <c r="BO20" s="103">
        <v>117961</v>
      </c>
      <c r="BP20" s="106">
        <v>117961</v>
      </c>
      <c r="BQ20" s="100">
        <v>0</v>
      </c>
      <c r="BR20" s="104">
        <v>10912</v>
      </c>
      <c r="BS20" s="103">
        <v>10912</v>
      </c>
      <c r="BT20" s="100">
        <v>0</v>
      </c>
      <c r="BU20" s="104">
        <v>137808</v>
      </c>
      <c r="BV20" s="104">
        <v>99888</v>
      </c>
      <c r="BW20" s="104">
        <v>166504</v>
      </c>
      <c r="BX20" s="104">
        <v>56536</v>
      </c>
      <c r="BY20" s="104">
        <v>42632</v>
      </c>
      <c r="BZ20" s="103">
        <v>503368</v>
      </c>
      <c r="CA20" s="106">
        <v>514280</v>
      </c>
      <c r="CB20" s="100">
        <v>0</v>
      </c>
      <c r="CC20" s="104">
        <v>0</v>
      </c>
      <c r="CD20" s="103">
        <v>0</v>
      </c>
      <c r="CE20" s="100">
        <v>0</v>
      </c>
      <c r="CF20" s="104">
        <v>141274</v>
      </c>
      <c r="CG20" s="104">
        <v>488596</v>
      </c>
      <c r="CH20" s="104">
        <v>642846</v>
      </c>
      <c r="CI20" s="104">
        <v>83515</v>
      </c>
      <c r="CJ20" s="104">
        <v>0</v>
      </c>
      <c r="CK20" s="103">
        <v>1356231</v>
      </c>
      <c r="CL20" s="106">
        <v>1356231</v>
      </c>
      <c r="CM20" s="100">
        <v>0</v>
      </c>
      <c r="CN20" s="104">
        <v>0</v>
      </c>
      <c r="CO20" s="103">
        <v>0</v>
      </c>
      <c r="CP20" s="101">
        <v>0</v>
      </c>
      <c r="CQ20" s="104">
        <v>122327</v>
      </c>
      <c r="CR20" s="104">
        <v>269891</v>
      </c>
      <c r="CS20" s="104">
        <v>332965</v>
      </c>
      <c r="CT20" s="104">
        <v>83515</v>
      </c>
      <c r="CU20" s="104">
        <v>0</v>
      </c>
      <c r="CV20" s="103">
        <v>808698</v>
      </c>
      <c r="CW20" s="106">
        <v>808698</v>
      </c>
      <c r="CX20" s="100">
        <v>0</v>
      </c>
      <c r="CY20" s="104">
        <v>0</v>
      </c>
      <c r="CZ20" s="103">
        <v>0</v>
      </c>
      <c r="DA20" s="100">
        <v>0</v>
      </c>
      <c r="DB20" s="104">
        <v>18947</v>
      </c>
      <c r="DC20" s="104">
        <v>218705</v>
      </c>
      <c r="DD20" s="104">
        <v>309881</v>
      </c>
      <c r="DE20" s="104">
        <v>0</v>
      </c>
      <c r="DF20" s="104">
        <v>0</v>
      </c>
      <c r="DG20" s="103">
        <v>547533</v>
      </c>
      <c r="DH20" s="106">
        <v>547533</v>
      </c>
      <c r="DI20" s="100">
        <v>0</v>
      </c>
      <c r="DJ20" s="104">
        <v>0</v>
      </c>
      <c r="DK20" s="102">
        <v>0</v>
      </c>
      <c r="DL20" s="101">
        <v>0</v>
      </c>
      <c r="DM20" s="104">
        <v>0</v>
      </c>
      <c r="DN20" s="104">
        <v>185784</v>
      </c>
      <c r="DO20" s="104">
        <v>360348</v>
      </c>
      <c r="DP20" s="104">
        <v>283933</v>
      </c>
      <c r="DQ20" s="104">
        <v>0</v>
      </c>
      <c r="DR20" s="103">
        <v>830065</v>
      </c>
      <c r="DS20" s="106">
        <v>830065</v>
      </c>
      <c r="DT20" s="100">
        <v>0</v>
      </c>
      <c r="DU20" s="104">
        <v>0</v>
      </c>
      <c r="DV20" s="103">
        <v>0</v>
      </c>
      <c r="DW20" s="100">
        <v>0</v>
      </c>
      <c r="DX20" s="104">
        <v>0</v>
      </c>
      <c r="DY20" s="104">
        <v>185784</v>
      </c>
      <c r="DZ20" s="104">
        <v>306575</v>
      </c>
      <c r="EA20" s="104">
        <v>283933</v>
      </c>
      <c r="EB20" s="104">
        <v>0</v>
      </c>
      <c r="EC20" s="103">
        <v>776292</v>
      </c>
      <c r="ED20" s="106">
        <v>776292</v>
      </c>
      <c r="EE20" s="100">
        <v>0</v>
      </c>
      <c r="EF20" s="102">
        <v>0</v>
      </c>
      <c r="EG20" s="103">
        <v>0</v>
      </c>
      <c r="EH20" s="100">
        <v>0</v>
      </c>
      <c r="EI20" s="104">
        <v>0</v>
      </c>
      <c r="EJ20" s="104">
        <v>0</v>
      </c>
      <c r="EK20" s="104">
        <v>53773</v>
      </c>
      <c r="EL20" s="104">
        <v>0</v>
      </c>
      <c r="EM20" s="104">
        <v>0</v>
      </c>
      <c r="EN20" s="102">
        <v>53773</v>
      </c>
      <c r="EO20" s="106">
        <v>53773</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163200</v>
      </c>
      <c r="FM20" s="104">
        <v>62000</v>
      </c>
      <c r="FN20" s="103">
        <v>225200</v>
      </c>
      <c r="FO20" s="100">
        <v>0</v>
      </c>
      <c r="FP20" s="104">
        <v>187680</v>
      </c>
      <c r="FQ20" s="104">
        <v>149416</v>
      </c>
      <c r="FR20" s="104">
        <v>447008</v>
      </c>
      <c r="FS20" s="104">
        <v>121024</v>
      </c>
      <c r="FT20" s="104">
        <v>42320</v>
      </c>
      <c r="FU20" s="103">
        <v>947448</v>
      </c>
      <c r="FV20" s="106">
        <v>1172648</v>
      </c>
      <c r="FW20" s="105">
        <v>3200</v>
      </c>
      <c r="FX20" s="104">
        <v>22000</v>
      </c>
      <c r="FY20" s="102">
        <v>25200</v>
      </c>
      <c r="FZ20" s="101">
        <v>0</v>
      </c>
      <c r="GA20" s="104">
        <v>27680</v>
      </c>
      <c r="GB20" s="104">
        <v>149416</v>
      </c>
      <c r="GC20" s="104">
        <v>265888</v>
      </c>
      <c r="GD20" s="104">
        <v>121024</v>
      </c>
      <c r="GE20" s="104">
        <v>42320</v>
      </c>
      <c r="GF20" s="103">
        <v>606328</v>
      </c>
      <c r="GG20" s="296">
        <v>631528</v>
      </c>
      <c r="GH20" s="105">
        <v>0</v>
      </c>
      <c r="GI20" s="104">
        <v>0</v>
      </c>
      <c r="GJ20" s="102">
        <v>0</v>
      </c>
      <c r="GK20" s="101">
        <v>0</v>
      </c>
      <c r="GL20" s="104">
        <v>0</v>
      </c>
      <c r="GM20" s="104">
        <v>0</v>
      </c>
      <c r="GN20" s="104">
        <v>21120</v>
      </c>
      <c r="GO20" s="104">
        <v>0</v>
      </c>
      <c r="GP20" s="104">
        <v>0</v>
      </c>
      <c r="GQ20" s="103">
        <v>21120</v>
      </c>
      <c r="GR20" s="106">
        <v>21120</v>
      </c>
      <c r="GS20" s="100">
        <v>160000</v>
      </c>
      <c r="GT20" s="104">
        <v>40000</v>
      </c>
      <c r="GU20" s="103">
        <v>200000</v>
      </c>
      <c r="GV20" s="100">
        <v>0</v>
      </c>
      <c r="GW20" s="104">
        <v>160000</v>
      </c>
      <c r="GX20" s="104">
        <v>0</v>
      </c>
      <c r="GY20" s="104">
        <v>160000</v>
      </c>
      <c r="GZ20" s="104">
        <v>0</v>
      </c>
      <c r="HA20" s="104">
        <v>0</v>
      </c>
      <c r="HB20" s="102">
        <v>320000</v>
      </c>
      <c r="HC20" s="106">
        <v>520000</v>
      </c>
      <c r="HD20" s="100">
        <v>292297</v>
      </c>
      <c r="HE20" s="104">
        <v>191486</v>
      </c>
      <c r="HF20" s="102">
        <v>483783</v>
      </c>
      <c r="HG20" s="101">
        <v>0</v>
      </c>
      <c r="HH20" s="104">
        <v>1075316</v>
      </c>
      <c r="HI20" s="104">
        <v>538104</v>
      </c>
      <c r="HJ20" s="104">
        <v>1174444</v>
      </c>
      <c r="HK20" s="104">
        <v>0</v>
      </c>
      <c r="HL20" s="104">
        <v>236620</v>
      </c>
      <c r="HM20" s="103">
        <v>3024484</v>
      </c>
      <c r="HN20" s="99">
        <v>3508267</v>
      </c>
      <c r="HO20" s="306"/>
      <c r="HP20" s="307"/>
      <c r="HQ20" s="308"/>
      <c r="HR20" s="309"/>
      <c r="HS20" s="307"/>
      <c r="HT20" s="307"/>
      <c r="HU20" s="307"/>
      <c r="HV20" s="307"/>
      <c r="HW20" s="307"/>
      <c r="HX20" s="310"/>
      <c r="HY20" s="311"/>
      <c r="HZ20" s="137">
        <v>0</v>
      </c>
      <c r="IA20" s="122">
        <v>0</v>
      </c>
      <c r="IB20" s="137">
        <v>0</v>
      </c>
      <c r="IC20" s="121">
        <v>0</v>
      </c>
      <c r="ID20" s="122">
        <v>1044788</v>
      </c>
      <c r="IE20" s="123">
        <v>1144499</v>
      </c>
      <c r="IF20" s="124">
        <v>212774</v>
      </c>
      <c r="IG20" s="122">
        <v>515291</v>
      </c>
      <c r="IH20" s="124">
        <v>194236</v>
      </c>
      <c r="II20" s="125">
        <v>3111588</v>
      </c>
      <c r="IJ20" s="137">
        <v>3111588</v>
      </c>
      <c r="IK20" s="219">
        <v>0</v>
      </c>
      <c r="IL20" s="223">
        <v>0</v>
      </c>
      <c r="IM20" s="224">
        <v>0</v>
      </c>
      <c r="IN20" s="127"/>
      <c r="IO20" s="109">
        <v>90012</v>
      </c>
      <c r="IP20" s="109">
        <v>0</v>
      </c>
      <c r="IQ20" s="109">
        <v>0</v>
      </c>
      <c r="IR20" s="109">
        <v>0</v>
      </c>
      <c r="IS20" s="109">
        <v>0</v>
      </c>
      <c r="IT20" s="128">
        <v>90012</v>
      </c>
      <c r="IU20" s="298">
        <v>90012</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307461</v>
      </c>
      <c r="JL20" s="109">
        <v>260616</v>
      </c>
      <c r="JM20" s="109">
        <v>212774</v>
      </c>
      <c r="JN20" s="109">
        <v>104990</v>
      </c>
      <c r="JO20" s="109">
        <v>0</v>
      </c>
      <c r="JP20" s="110">
        <v>885841</v>
      </c>
      <c r="JQ20" s="298">
        <v>885841</v>
      </c>
      <c r="JR20" s="129">
        <v>0</v>
      </c>
      <c r="JS20" s="109">
        <v>0</v>
      </c>
      <c r="JT20" s="128">
        <v>0</v>
      </c>
      <c r="JU20" s="108">
        <v>0</v>
      </c>
      <c r="JV20" s="109">
        <v>59178</v>
      </c>
      <c r="JW20" s="109">
        <v>0</v>
      </c>
      <c r="JX20" s="109">
        <v>0</v>
      </c>
      <c r="JY20" s="109">
        <v>53203</v>
      </c>
      <c r="JZ20" s="109">
        <v>0</v>
      </c>
      <c r="KA20" s="110">
        <v>112381</v>
      </c>
      <c r="KB20" s="298">
        <v>112381</v>
      </c>
      <c r="KC20" s="221">
        <v>0</v>
      </c>
      <c r="KD20" s="217">
        <v>0</v>
      </c>
      <c r="KE20" s="110">
        <v>0</v>
      </c>
      <c r="KF20" s="108">
        <v>0</v>
      </c>
      <c r="KG20" s="109">
        <v>127794</v>
      </c>
      <c r="KH20" s="109">
        <v>0</v>
      </c>
      <c r="KI20" s="109">
        <v>0</v>
      </c>
      <c r="KJ20" s="109">
        <v>260232</v>
      </c>
      <c r="KK20" s="109">
        <v>194236</v>
      </c>
      <c r="KL20" s="110">
        <v>582262</v>
      </c>
      <c r="KM20" s="130">
        <v>582262</v>
      </c>
      <c r="KN20" s="219">
        <v>0</v>
      </c>
      <c r="KO20" s="223">
        <v>0</v>
      </c>
      <c r="KP20" s="224">
        <v>0</v>
      </c>
      <c r="KQ20" s="127"/>
      <c r="KR20" s="109">
        <v>226235</v>
      </c>
      <c r="KS20" s="109">
        <v>708390</v>
      </c>
      <c r="KT20" s="109">
        <v>0</v>
      </c>
      <c r="KU20" s="109">
        <v>0</v>
      </c>
      <c r="KV20" s="109">
        <v>0</v>
      </c>
      <c r="KW20" s="110">
        <v>934625</v>
      </c>
      <c r="KX20" s="298">
        <v>934625</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96866</v>
      </c>
      <c r="LR20" s="109">
        <v>0</v>
      </c>
      <c r="LS20" s="110">
        <v>96866</v>
      </c>
      <c r="LT20" s="298">
        <v>96866</v>
      </c>
      <c r="LU20" s="129">
        <v>0</v>
      </c>
      <c r="LV20" s="109">
        <v>0</v>
      </c>
      <c r="LW20" s="110">
        <v>0</v>
      </c>
      <c r="LX20" s="132"/>
      <c r="LY20" s="109">
        <v>234108</v>
      </c>
      <c r="LZ20" s="109">
        <v>175493</v>
      </c>
      <c r="MA20" s="109">
        <v>0</v>
      </c>
      <c r="MB20" s="109">
        <v>0</v>
      </c>
      <c r="MC20" s="109">
        <v>0</v>
      </c>
      <c r="MD20" s="110">
        <v>409601</v>
      </c>
      <c r="ME20" s="111">
        <v>409601</v>
      </c>
      <c r="MF20" s="129">
        <v>0</v>
      </c>
      <c r="MG20" s="109">
        <v>0</v>
      </c>
      <c r="MH20" s="110">
        <v>0</v>
      </c>
      <c r="MI20" s="132"/>
      <c r="MJ20" s="109">
        <v>0</v>
      </c>
      <c r="MK20" s="109">
        <v>405482</v>
      </c>
      <c r="ML20" s="109">
        <v>732203</v>
      </c>
      <c r="MM20" s="109">
        <v>3521719</v>
      </c>
      <c r="MN20" s="109">
        <v>1098917</v>
      </c>
      <c r="MO20" s="110">
        <v>5758321</v>
      </c>
      <c r="MP20" s="130">
        <v>5758321</v>
      </c>
      <c r="MQ20" s="129">
        <v>0</v>
      </c>
      <c r="MR20" s="109">
        <v>0</v>
      </c>
      <c r="MS20" s="110">
        <v>0</v>
      </c>
      <c r="MT20" s="132"/>
      <c r="MU20" s="109">
        <v>0</v>
      </c>
      <c r="MV20" s="109">
        <v>0</v>
      </c>
      <c r="MW20" s="109">
        <v>471305</v>
      </c>
      <c r="MX20" s="109">
        <v>2476555</v>
      </c>
      <c r="MY20" s="109">
        <v>811325</v>
      </c>
      <c r="MZ20" s="110">
        <v>3759185</v>
      </c>
      <c r="NA20" s="130">
        <v>3759185</v>
      </c>
      <c r="NB20" s="129">
        <v>0</v>
      </c>
      <c r="NC20" s="109">
        <v>0</v>
      </c>
      <c r="ND20" s="110">
        <v>0</v>
      </c>
      <c r="NE20" s="132"/>
      <c r="NF20" s="109">
        <v>0</v>
      </c>
      <c r="NG20" s="109">
        <v>405482</v>
      </c>
      <c r="NH20" s="109">
        <v>260898</v>
      </c>
      <c r="NI20" s="109">
        <v>1045164</v>
      </c>
      <c r="NJ20" s="109">
        <v>287592</v>
      </c>
      <c r="NK20" s="110">
        <v>1999136</v>
      </c>
      <c r="NL20" s="298">
        <v>1999136</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455497</v>
      </c>
      <c r="OJ20" s="109">
        <v>283434</v>
      </c>
      <c r="OK20" s="128">
        <v>738931</v>
      </c>
      <c r="OL20" s="108">
        <v>0</v>
      </c>
      <c r="OM20" s="109">
        <v>2975172</v>
      </c>
      <c r="ON20" s="109">
        <v>3531436</v>
      </c>
      <c r="OO20" s="109">
        <v>4391650</v>
      </c>
      <c r="OP20" s="109">
        <v>5077115</v>
      </c>
      <c r="OQ20" s="109">
        <v>2153036</v>
      </c>
      <c r="OR20" s="110">
        <v>18128409</v>
      </c>
      <c r="OS20" s="130">
        <v>18867340</v>
      </c>
    </row>
    <row r="21" spans="2:409" ht="21" customHeight="1" x14ac:dyDescent="0.2">
      <c r="B21" s="472" t="s">
        <v>16</v>
      </c>
      <c r="C21" s="100">
        <v>526088</v>
      </c>
      <c r="D21" s="104">
        <v>602622</v>
      </c>
      <c r="E21" s="103">
        <v>1128710</v>
      </c>
      <c r="F21" s="99">
        <v>0</v>
      </c>
      <c r="G21" s="104">
        <v>3943271</v>
      </c>
      <c r="H21" s="104">
        <v>8258331</v>
      </c>
      <c r="I21" s="104">
        <v>4901812</v>
      </c>
      <c r="J21" s="104">
        <v>4485507</v>
      </c>
      <c r="K21" s="104">
        <v>2521686</v>
      </c>
      <c r="L21" s="99">
        <v>24110607</v>
      </c>
      <c r="M21" s="106">
        <v>25239317</v>
      </c>
      <c r="N21" s="100">
        <v>117233</v>
      </c>
      <c r="O21" s="104">
        <v>181043</v>
      </c>
      <c r="P21" s="103">
        <v>298276</v>
      </c>
      <c r="Q21" s="100">
        <v>0</v>
      </c>
      <c r="R21" s="104">
        <v>1162201</v>
      </c>
      <c r="S21" s="104">
        <v>1653638</v>
      </c>
      <c r="T21" s="104">
        <v>1248501</v>
      </c>
      <c r="U21" s="104">
        <v>900452</v>
      </c>
      <c r="V21" s="104">
        <v>1049171</v>
      </c>
      <c r="W21" s="103">
        <v>6013963</v>
      </c>
      <c r="X21" s="106">
        <v>6312239</v>
      </c>
      <c r="Y21" s="100">
        <v>0</v>
      </c>
      <c r="Z21" s="104">
        <v>0</v>
      </c>
      <c r="AA21" s="103">
        <v>0</v>
      </c>
      <c r="AB21" s="100">
        <v>0</v>
      </c>
      <c r="AC21" s="104">
        <v>410366</v>
      </c>
      <c r="AD21" s="104">
        <v>426786</v>
      </c>
      <c r="AE21" s="104">
        <v>590476</v>
      </c>
      <c r="AF21" s="104">
        <v>150854</v>
      </c>
      <c r="AG21" s="104">
        <v>497941</v>
      </c>
      <c r="AH21" s="103">
        <v>2076423</v>
      </c>
      <c r="AI21" s="106">
        <v>2076423</v>
      </c>
      <c r="AJ21" s="100">
        <v>0</v>
      </c>
      <c r="AK21" s="104">
        <v>0</v>
      </c>
      <c r="AL21" s="103">
        <v>0</v>
      </c>
      <c r="AM21" s="100">
        <v>0</v>
      </c>
      <c r="AN21" s="104">
        <v>0</v>
      </c>
      <c r="AO21" s="104">
        <v>0</v>
      </c>
      <c r="AP21" s="104">
        <v>44405</v>
      </c>
      <c r="AQ21" s="104">
        <v>11386</v>
      </c>
      <c r="AR21" s="104">
        <v>306968</v>
      </c>
      <c r="AS21" s="103">
        <v>362759</v>
      </c>
      <c r="AT21" s="106">
        <v>362759</v>
      </c>
      <c r="AU21" s="100">
        <v>70745</v>
      </c>
      <c r="AV21" s="104">
        <v>122502</v>
      </c>
      <c r="AW21" s="103">
        <v>193247</v>
      </c>
      <c r="AX21" s="100">
        <v>0</v>
      </c>
      <c r="AY21" s="104">
        <v>584371</v>
      </c>
      <c r="AZ21" s="104">
        <v>779944</v>
      </c>
      <c r="BA21" s="104">
        <v>410164</v>
      </c>
      <c r="BB21" s="104">
        <v>498508</v>
      </c>
      <c r="BC21" s="104">
        <v>56534</v>
      </c>
      <c r="BD21" s="103">
        <v>2329521</v>
      </c>
      <c r="BE21" s="106">
        <v>2522768</v>
      </c>
      <c r="BF21" s="100">
        <v>0</v>
      </c>
      <c r="BG21" s="104">
        <v>15221</v>
      </c>
      <c r="BH21" s="102">
        <v>15221</v>
      </c>
      <c r="BI21" s="101">
        <v>0</v>
      </c>
      <c r="BJ21" s="104">
        <v>26080</v>
      </c>
      <c r="BK21" s="104">
        <v>154780</v>
      </c>
      <c r="BL21" s="104">
        <v>0</v>
      </c>
      <c r="BM21" s="104">
        <v>0</v>
      </c>
      <c r="BN21" s="104">
        <v>0</v>
      </c>
      <c r="BO21" s="103">
        <v>180860</v>
      </c>
      <c r="BP21" s="106">
        <v>196081</v>
      </c>
      <c r="BQ21" s="100">
        <v>46488</v>
      </c>
      <c r="BR21" s="104">
        <v>43320</v>
      </c>
      <c r="BS21" s="103">
        <v>89808</v>
      </c>
      <c r="BT21" s="100">
        <v>0</v>
      </c>
      <c r="BU21" s="104">
        <v>141384</v>
      </c>
      <c r="BV21" s="104">
        <v>292128</v>
      </c>
      <c r="BW21" s="104">
        <v>203456</v>
      </c>
      <c r="BX21" s="104">
        <v>239704</v>
      </c>
      <c r="BY21" s="104">
        <v>187728</v>
      </c>
      <c r="BZ21" s="103">
        <v>1064400</v>
      </c>
      <c r="CA21" s="106">
        <v>1154208</v>
      </c>
      <c r="CB21" s="100">
        <v>63201</v>
      </c>
      <c r="CC21" s="104">
        <v>275259</v>
      </c>
      <c r="CD21" s="103">
        <v>338460</v>
      </c>
      <c r="CE21" s="100">
        <v>0</v>
      </c>
      <c r="CF21" s="104">
        <v>1556001</v>
      </c>
      <c r="CG21" s="104">
        <v>3258657</v>
      </c>
      <c r="CH21" s="104">
        <v>1340516</v>
      </c>
      <c r="CI21" s="104">
        <v>708523</v>
      </c>
      <c r="CJ21" s="104">
        <v>249922</v>
      </c>
      <c r="CK21" s="103">
        <v>7113619</v>
      </c>
      <c r="CL21" s="106">
        <v>7452079</v>
      </c>
      <c r="CM21" s="100">
        <v>0</v>
      </c>
      <c r="CN21" s="104">
        <v>0</v>
      </c>
      <c r="CO21" s="103">
        <v>0</v>
      </c>
      <c r="CP21" s="101">
        <v>0</v>
      </c>
      <c r="CQ21" s="104">
        <v>888214</v>
      </c>
      <c r="CR21" s="104">
        <v>1678249</v>
      </c>
      <c r="CS21" s="104">
        <v>473017</v>
      </c>
      <c r="CT21" s="104">
        <v>630413</v>
      </c>
      <c r="CU21" s="104">
        <v>157746</v>
      </c>
      <c r="CV21" s="103">
        <v>3827639</v>
      </c>
      <c r="CW21" s="106">
        <v>3827639</v>
      </c>
      <c r="CX21" s="100">
        <v>63201</v>
      </c>
      <c r="CY21" s="104">
        <v>275259</v>
      </c>
      <c r="CZ21" s="103">
        <v>338460</v>
      </c>
      <c r="DA21" s="100">
        <v>0</v>
      </c>
      <c r="DB21" s="104">
        <v>667787</v>
      </c>
      <c r="DC21" s="104">
        <v>1580408</v>
      </c>
      <c r="DD21" s="104">
        <v>867499</v>
      </c>
      <c r="DE21" s="104">
        <v>78110</v>
      </c>
      <c r="DF21" s="104">
        <v>92176</v>
      </c>
      <c r="DG21" s="103">
        <v>3285980</v>
      </c>
      <c r="DH21" s="106">
        <v>3624440</v>
      </c>
      <c r="DI21" s="100">
        <v>0</v>
      </c>
      <c r="DJ21" s="104">
        <v>0</v>
      </c>
      <c r="DK21" s="102">
        <v>0</v>
      </c>
      <c r="DL21" s="101">
        <v>0</v>
      </c>
      <c r="DM21" s="104">
        <v>114058</v>
      </c>
      <c r="DN21" s="104">
        <v>192317</v>
      </c>
      <c r="DO21" s="104">
        <v>101137</v>
      </c>
      <c r="DP21" s="104">
        <v>401576</v>
      </c>
      <c r="DQ21" s="104">
        <v>37160</v>
      </c>
      <c r="DR21" s="103">
        <v>846248</v>
      </c>
      <c r="DS21" s="106">
        <v>846248</v>
      </c>
      <c r="DT21" s="100">
        <v>0</v>
      </c>
      <c r="DU21" s="104">
        <v>0</v>
      </c>
      <c r="DV21" s="103">
        <v>0</v>
      </c>
      <c r="DW21" s="100">
        <v>0</v>
      </c>
      <c r="DX21" s="104">
        <v>102778</v>
      </c>
      <c r="DY21" s="104">
        <v>192317</v>
      </c>
      <c r="DZ21" s="104">
        <v>54425</v>
      </c>
      <c r="EA21" s="104">
        <v>401576</v>
      </c>
      <c r="EB21" s="104">
        <v>0</v>
      </c>
      <c r="EC21" s="103">
        <v>751096</v>
      </c>
      <c r="ED21" s="106">
        <v>751096</v>
      </c>
      <c r="EE21" s="100">
        <v>0</v>
      </c>
      <c r="EF21" s="102">
        <v>0</v>
      </c>
      <c r="EG21" s="103">
        <v>0</v>
      </c>
      <c r="EH21" s="100">
        <v>0</v>
      </c>
      <c r="EI21" s="104">
        <v>11280</v>
      </c>
      <c r="EJ21" s="104">
        <v>0</v>
      </c>
      <c r="EK21" s="104">
        <v>46712</v>
      </c>
      <c r="EL21" s="104">
        <v>0</v>
      </c>
      <c r="EM21" s="104">
        <v>37160</v>
      </c>
      <c r="EN21" s="102">
        <v>95152</v>
      </c>
      <c r="EO21" s="106">
        <v>95152</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243884</v>
      </c>
      <c r="FM21" s="104">
        <v>146320</v>
      </c>
      <c r="FN21" s="103">
        <v>390204</v>
      </c>
      <c r="FO21" s="100">
        <v>0</v>
      </c>
      <c r="FP21" s="104">
        <v>99000</v>
      </c>
      <c r="FQ21" s="104">
        <v>608232</v>
      </c>
      <c r="FR21" s="104">
        <v>525501</v>
      </c>
      <c r="FS21" s="104">
        <v>370144</v>
      </c>
      <c r="FT21" s="104">
        <v>116840</v>
      </c>
      <c r="FU21" s="103">
        <v>1719717</v>
      </c>
      <c r="FV21" s="106">
        <v>2109921</v>
      </c>
      <c r="FW21" s="105">
        <v>29512</v>
      </c>
      <c r="FX21" s="104">
        <v>119920</v>
      </c>
      <c r="FY21" s="102">
        <v>149432</v>
      </c>
      <c r="FZ21" s="101">
        <v>0</v>
      </c>
      <c r="GA21" s="104">
        <v>99000</v>
      </c>
      <c r="GB21" s="104">
        <v>585352</v>
      </c>
      <c r="GC21" s="104">
        <v>401744</v>
      </c>
      <c r="GD21" s="104">
        <v>370144</v>
      </c>
      <c r="GE21" s="104">
        <v>116840</v>
      </c>
      <c r="GF21" s="103">
        <v>1573080</v>
      </c>
      <c r="GG21" s="296">
        <v>1722512</v>
      </c>
      <c r="GH21" s="105">
        <v>22176</v>
      </c>
      <c r="GI21" s="104">
        <v>26400</v>
      </c>
      <c r="GJ21" s="102">
        <v>48576</v>
      </c>
      <c r="GK21" s="101">
        <v>0</v>
      </c>
      <c r="GL21" s="104">
        <v>0</v>
      </c>
      <c r="GM21" s="104">
        <v>22880</v>
      </c>
      <c r="GN21" s="104">
        <v>123757</v>
      </c>
      <c r="GO21" s="104">
        <v>0</v>
      </c>
      <c r="GP21" s="104">
        <v>0</v>
      </c>
      <c r="GQ21" s="103">
        <v>146637</v>
      </c>
      <c r="GR21" s="106">
        <v>195213</v>
      </c>
      <c r="GS21" s="100">
        <v>192196</v>
      </c>
      <c r="GT21" s="104">
        <v>0</v>
      </c>
      <c r="GU21" s="103">
        <v>192196</v>
      </c>
      <c r="GV21" s="100">
        <v>0</v>
      </c>
      <c r="GW21" s="104">
        <v>0</v>
      </c>
      <c r="GX21" s="104">
        <v>0</v>
      </c>
      <c r="GY21" s="104">
        <v>0</v>
      </c>
      <c r="GZ21" s="104">
        <v>0</v>
      </c>
      <c r="HA21" s="104">
        <v>0</v>
      </c>
      <c r="HB21" s="102">
        <v>0</v>
      </c>
      <c r="HC21" s="106">
        <v>192196</v>
      </c>
      <c r="HD21" s="100">
        <v>101770</v>
      </c>
      <c r="HE21" s="104">
        <v>0</v>
      </c>
      <c r="HF21" s="102">
        <v>101770</v>
      </c>
      <c r="HG21" s="101">
        <v>0</v>
      </c>
      <c r="HH21" s="104">
        <v>1012011</v>
      </c>
      <c r="HI21" s="104">
        <v>2545487</v>
      </c>
      <c r="HJ21" s="104">
        <v>1686157</v>
      </c>
      <c r="HK21" s="104">
        <v>2104812</v>
      </c>
      <c r="HL21" s="104">
        <v>1068593</v>
      </c>
      <c r="HM21" s="103">
        <v>8417060</v>
      </c>
      <c r="HN21" s="99">
        <v>8518830</v>
      </c>
      <c r="HO21" s="306"/>
      <c r="HP21" s="307"/>
      <c r="HQ21" s="308"/>
      <c r="HR21" s="309"/>
      <c r="HS21" s="307"/>
      <c r="HT21" s="307"/>
      <c r="HU21" s="307"/>
      <c r="HV21" s="307"/>
      <c r="HW21" s="307"/>
      <c r="HX21" s="310"/>
      <c r="HY21" s="311"/>
      <c r="HZ21" s="118">
        <v>0</v>
      </c>
      <c r="IA21" s="119">
        <v>0</v>
      </c>
      <c r="IB21" s="120">
        <v>0</v>
      </c>
      <c r="IC21" s="133">
        <v>0</v>
      </c>
      <c r="ID21" s="119">
        <v>306061</v>
      </c>
      <c r="IE21" s="134">
        <v>1363911</v>
      </c>
      <c r="IF21" s="120">
        <v>2013904</v>
      </c>
      <c r="IG21" s="119">
        <v>756689</v>
      </c>
      <c r="IH21" s="120">
        <v>1096315</v>
      </c>
      <c r="II21" s="135">
        <v>5536880</v>
      </c>
      <c r="IJ21" s="126">
        <v>5536880</v>
      </c>
      <c r="IK21" s="219">
        <v>0</v>
      </c>
      <c r="IL21" s="223">
        <v>0</v>
      </c>
      <c r="IM21" s="224">
        <v>0</v>
      </c>
      <c r="IN21" s="127"/>
      <c r="IO21" s="109">
        <v>0</v>
      </c>
      <c r="IP21" s="109">
        <v>0</v>
      </c>
      <c r="IQ21" s="109">
        <v>161088</v>
      </c>
      <c r="IR21" s="109">
        <v>0</v>
      </c>
      <c r="IS21" s="109">
        <v>269928</v>
      </c>
      <c r="IT21" s="128">
        <v>431016</v>
      </c>
      <c r="IU21" s="298">
        <v>431016</v>
      </c>
      <c r="IV21" s="129">
        <v>0</v>
      </c>
      <c r="IW21" s="109">
        <v>0</v>
      </c>
      <c r="IX21" s="110">
        <v>0</v>
      </c>
      <c r="IY21" s="131"/>
      <c r="IZ21" s="109">
        <v>0</v>
      </c>
      <c r="JA21" s="109">
        <v>0</v>
      </c>
      <c r="JB21" s="109">
        <v>16396</v>
      </c>
      <c r="JC21" s="109">
        <v>0</v>
      </c>
      <c r="JD21" s="109">
        <v>0</v>
      </c>
      <c r="JE21" s="110">
        <v>16396</v>
      </c>
      <c r="JF21" s="111">
        <v>16396</v>
      </c>
      <c r="JG21" s="129">
        <v>0</v>
      </c>
      <c r="JH21" s="109">
        <v>0</v>
      </c>
      <c r="JI21" s="128">
        <v>0</v>
      </c>
      <c r="JJ21" s="108">
        <v>0</v>
      </c>
      <c r="JK21" s="109">
        <v>306061</v>
      </c>
      <c r="JL21" s="109">
        <v>463079</v>
      </c>
      <c r="JM21" s="109">
        <v>414352</v>
      </c>
      <c r="JN21" s="109">
        <v>105015</v>
      </c>
      <c r="JO21" s="109">
        <v>65489</v>
      </c>
      <c r="JP21" s="110">
        <v>1353996</v>
      </c>
      <c r="JQ21" s="298">
        <v>1353996</v>
      </c>
      <c r="JR21" s="129">
        <v>0</v>
      </c>
      <c r="JS21" s="109">
        <v>0</v>
      </c>
      <c r="JT21" s="128">
        <v>0</v>
      </c>
      <c r="JU21" s="108">
        <v>0</v>
      </c>
      <c r="JV21" s="109">
        <v>0</v>
      </c>
      <c r="JW21" s="109">
        <v>258678</v>
      </c>
      <c r="JX21" s="109">
        <v>210680</v>
      </c>
      <c r="JY21" s="109">
        <v>0</v>
      </c>
      <c r="JZ21" s="109">
        <v>0</v>
      </c>
      <c r="KA21" s="110">
        <v>469358</v>
      </c>
      <c r="KB21" s="298">
        <v>469358</v>
      </c>
      <c r="KC21" s="221">
        <v>0</v>
      </c>
      <c r="KD21" s="217">
        <v>0</v>
      </c>
      <c r="KE21" s="110">
        <v>0</v>
      </c>
      <c r="KF21" s="108">
        <v>0</v>
      </c>
      <c r="KG21" s="109">
        <v>0</v>
      </c>
      <c r="KH21" s="109">
        <v>0</v>
      </c>
      <c r="KI21" s="109">
        <v>472485</v>
      </c>
      <c r="KJ21" s="109">
        <v>516193</v>
      </c>
      <c r="KK21" s="109">
        <v>0</v>
      </c>
      <c r="KL21" s="110">
        <v>988678</v>
      </c>
      <c r="KM21" s="130">
        <v>988678</v>
      </c>
      <c r="KN21" s="219">
        <v>0</v>
      </c>
      <c r="KO21" s="223">
        <v>0</v>
      </c>
      <c r="KP21" s="224">
        <v>0</v>
      </c>
      <c r="KQ21" s="127"/>
      <c r="KR21" s="109">
        <v>0</v>
      </c>
      <c r="KS21" s="109">
        <v>473396</v>
      </c>
      <c r="KT21" s="109">
        <v>738903</v>
      </c>
      <c r="KU21" s="109">
        <v>135481</v>
      </c>
      <c r="KV21" s="109">
        <v>760898</v>
      </c>
      <c r="KW21" s="110">
        <v>2108678</v>
      </c>
      <c r="KX21" s="298">
        <v>2108678</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8">
        <v>0</v>
      </c>
      <c r="LU21" s="129">
        <v>0</v>
      </c>
      <c r="LV21" s="109">
        <v>0</v>
      </c>
      <c r="LW21" s="110">
        <v>0</v>
      </c>
      <c r="LX21" s="132"/>
      <c r="LY21" s="109">
        <v>0</v>
      </c>
      <c r="LZ21" s="109">
        <v>168758</v>
      </c>
      <c r="MA21" s="109">
        <v>0</v>
      </c>
      <c r="MB21" s="109">
        <v>0</v>
      </c>
      <c r="MC21" s="109">
        <v>0</v>
      </c>
      <c r="MD21" s="110">
        <v>168758</v>
      </c>
      <c r="ME21" s="111">
        <v>168758</v>
      </c>
      <c r="MF21" s="129">
        <v>0</v>
      </c>
      <c r="MG21" s="109">
        <v>0</v>
      </c>
      <c r="MH21" s="110">
        <v>0</v>
      </c>
      <c r="MI21" s="132"/>
      <c r="MJ21" s="109">
        <v>116970</v>
      </c>
      <c r="MK21" s="109">
        <v>948852</v>
      </c>
      <c r="ML21" s="109">
        <v>1981031</v>
      </c>
      <c r="MM21" s="109">
        <v>4168949</v>
      </c>
      <c r="MN21" s="109">
        <v>2070814</v>
      </c>
      <c r="MO21" s="110">
        <v>9286616</v>
      </c>
      <c r="MP21" s="130">
        <v>9286616</v>
      </c>
      <c r="MQ21" s="129">
        <v>0</v>
      </c>
      <c r="MR21" s="109">
        <v>0</v>
      </c>
      <c r="MS21" s="110">
        <v>0</v>
      </c>
      <c r="MT21" s="132"/>
      <c r="MU21" s="109">
        <v>0</v>
      </c>
      <c r="MV21" s="109">
        <v>205194</v>
      </c>
      <c r="MW21" s="109">
        <v>1184115</v>
      </c>
      <c r="MX21" s="109">
        <v>2591440</v>
      </c>
      <c r="MY21" s="109">
        <v>1358342</v>
      </c>
      <c r="MZ21" s="110">
        <v>5339091</v>
      </c>
      <c r="NA21" s="130">
        <v>5339091</v>
      </c>
      <c r="NB21" s="129">
        <v>0</v>
      </c>
      <c r="NC21" s="109">
        <v>0</v>
      </c>
      <c r="ND21" s="110">
        <v>0</v>
      </c>
      <c r="NE21" s="132"/>
      <c r="NF21" s="109">
        <v>116970</v>
      </c>
      <c r="NG21" s="109">
        <v>743658</v>
      </c>
      <c r="NH21" s="109">
        <v>796916</v>
      </c>
      <c r="NI21" s="109">
        <v>1577509</v>
      </c>
      <c r="NJ21" s="109">
        <v>327029</v>
      </c>
      <c r="NK21" s="110">
        <v>3562082</v>
      </c>
      <c r="NL21" s="298">
        <v>3562082</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385443</v>
      </c>
      <c r="OG21" s="110">
        <v>385443</v>
      </c>
      <c r="OH21" s="111">
        <v>385443</v>
      </c>
      <c r="OI21" s="129">
        <v>526088</v>
      </c>
      <c r="OJ21" s="109">
        <v>602622</v>
      </c>
      <c r="OK21" s="128">
        <v>1128710</v>
      </c>
      <c r="OL21" s="108">
        <v>0</v>
      </c>
      <c r="OM21" s="109">
        <v>4366302</v>
      </c>
      <c r="ON21" s="109">
        <v>10571094</v>
      </c>
      <c r="OO21" s="109">
        <v>8896747</v>
      </c>
      <c r="OP21" s="109">
        <v>9411145</v>
      </c>
      <c r="OQ21" s="109">
        <v>5688815</v>
      </c>
      <c r="OR21" s="110">
        <v>38934103</v>
      </c>
      <c r="OS21" s="130">
        <v>40062813</v>
      </c>
    </row>
    <row r="22" spans="2:409" ht="21" customHeight="1" x14ac:dyDescent="0.2">
      <c r="B22" s="472" t="s">
        <v>17</v>
      </c>
      <c r="C22" s="100">
        <v>472280</v>
      </c>
      <c r="D22" s="104">
        <v>560568</v>
      </c>
      <c r="E22" s="103">
        <v>1032848</v>
      </c>
      <c r="F22" s="99">
        <v>0</v>
      </c>
      <c r="G22" s="104">
        <v>4243600</v>
      </c>
      <c r="H22" s="104">
        <v>7344103</v>
      </c>
      <c r="I22" s="104">
        <v>5379728</v>
      </c>
      <c r="J22" s="104">
        <v>2278419</v>
      </c>
      <c r="K22" s="104">
        <v>1989038</v>
      </c>
      <c r="L22" s="99">
        <v>21234888</v>
      </c>
      <c r="M22" s="106">
        <v>22267736</v>
      </c>
      <c r="N22" s="100">
        <v>64096</v>
      </c>
      <c r="O22" s="104">
        <v>132360</v>
      </c>
      <c r="P22" s="103">
        <v>196456</v>
      </c>
      <c r="Q22" s="100">
        <v>0</v>
      </c>
      <c r="R22" s="104">
        <v>929401</v>
      </c>
      <c r="S22" s="104">
        <v>1646611</v>
      </c>
      <c r="T22" s="104">
        <v>1696049</v>
      </c>
      <c r="U22" s="104">
        <v>342993</v>
      </c>
      <c r="V22" s="104">
        <v>922741</v>
      </c>
      <c r="W22" s="103">
        <v>5537795</v>
      </c>
      <c r="X22" s="106">
        <v>5734251</v>
      </c>
      <c r="Y22" s="100">
        <v>0</v>
      </c>
      <c r="Z22" s="104">
        <v>0</v>
      </c>
      <c r="AA22" s="103">
        <v>0</v>
      </c>
      <c r="AB22" s="100">
        <v>0</v>
      </c>
      <c r="AC22" s="104">
        <v>241606</v>
      </c>
      <c r="AD22" s="104">
        <v>733153</v>
      </c>
      <c r="AE22" s="104">
        <v>757009</v>
      </c>
      <c r="AF22" s="104">
        <v>106178</v>
      </c>
      <c r="AG22" s="104">
        <v>316785</v>
      </c>
      <c r="AH22" s="103">
        <v>2154731</v>
      </c>
      <c r="AI22" s="106">
        <v>2154731</v>
      </c>
      <c r="AJ22" s="100">
        <v>0</v>
      </c>
      <c r="AK22" s="104">
        <v>0</v>
      </c>
      <c r="AL22" s="103">
        <v>0</v>
      </c>
      <c r="AM22" s="100">
        <v>0</v>
      </c>
      <c r="AN22" s="104">
        <v>0</v>
      </c>
      <c r="AO22" s="104">
        <v>0</v>
      </c>
      <c r="AP22" s="104">
        <v>47374</v>
      </c>
      <c r="AQ22" s="104">
        <v>0</v>
      </c>
      <c r="AR22" s="104">
        <v>165347</v>
      </c>
      <c r="AS22" s="103">
        <v>212721</v>
      </c>
      <c r="AT22" s="106">
        <v>212721</v>
      </c>
      <c r="AU22" s="100">
        <v>0</v>
      </c>
      <c r="AV22" s="104">
        <v>67502</v>
      </c>
      <c r="AW22" s="103">
        <v>67502</v>
      </c>
      <c r="AX22" s="100">
        <v>0</v>
      </c>
      <c r="AY22" s="104">
        <v>503467</v>
      </c>
      <c r="AZ22" s="104">
        <v>564826</v>
      </c>
      <c r="BA22" s="104">
        <v>543470</v>
      </c>
      <c r="BB22" s="104">
        <v>57815</v>
      </c>
      <c r="BC22" s="104">
        <v>196329</v>
      </c>
      <c r="BD22" s="103">
        <v>1865907</v>
      </c>
      <c r="BE22" s="106">
        <v>1933409</v>
      </c>
      <c r="BF22" s="100">
        <v>0</v>
      </c>
      <c r="BG22" s="104">
        <v>23562</v>
      </c>
      <c r="BH22" s="102">
        <v>23562</v>
      </c>
      <c r="BI22" s="101">
        <v>0</v>
      </c>
      <c r="BJ22" s="104">
        <v>0</v>
      </c>
      <c r="BK22" s="104">
        <v>27400</v>
      </c>
      <c r="BL22" s="104">
        <v>71908</v>
      </c>
      <c r="BM22" s="104">
        <v>0</v>
      </c>
      <c r="BN22" s="104">
        <v>0</v>
      </c>
      <c r="BO22" s="103">
        <v>99308</v>
      </c>
      <c r="BP22" s="106">
        <v>122870</v>
      </c>
      <c r="BQ22" s="100">
        <v>64096</v>
      </c>
      <c r="BR22" s="104">
        <v>41296</v>
      </c>
      <c r="BS22" s="103">
        <v>105392</v>
      </c>
      <c r="BT22" s="100">
        <v>0</v>
      </c>
      <c r="BU22" s="104">
        <v>184328</v>
      </c>
      <c r="BV22" s="104">
        <v>321232</v>
      </c>
      <c r="BW22" s="104">
        <v>276288</v>
      </c>
      <c r="BX22" s="104">
        <v>179000</v>
      </c>
      <c r="BY22" s="104">
        <v>244280</v>
      </c>
      <c r="BZ22" s="103">
        <v>1205128</v>
      </c>
      <c r="CA22" s="106">
        <v>1310520</v>
      </c>
      <c r="CB22" s="100">
        <v>67292</v>
      </c>
      <c r="CC22" s="104">
        <v>149408</v>
      </c>
      <c r="CD22" s="103">
        <v>216700</v>
      </c>
      <c r="CE22" s="100">
        <v>0</v>
      </c>
      <c r="CF22" s="104">
        <v>1477960</v>
      </c>
      <c r="CG22" s="104">
        <v>2499559</v>
      </c>
      <c r="CH22" s="104">
        <v>1274490</v>
      </c>
      <c r="CI22" s="104">
        <v>342735</v>
      </c>
      <c r="CJ22" s="104">
        <v>157173</v>
      </c>
      <c r="CK22" s="103">
        <v>5751917</v>
      </c>
      <c r="CL22" s="106">
        <v>5968617</v>
      </c>
      <c r="CM22" s="100">
        <v>0</v>
      </c>
      <c r="CN22" s="104">
        <v>0</v>
      </c>
      <c r="CO22" s="103">
        <v>0</v>
      </c>
      <c r="CP22" s="101">
        <v>0</v>
      </c>
      <c r="CQ22" s="104">
        <v>1405782</v>
      </c>
      <c r="CR22" s="104">
        <v>1777538</v>
      </c>
      <c r="CS22" s="104">
        <v>721198</v>
      </c>
      <c r="CT22" s="104">
        <v>285999</v>
      </c>
      <c r="CU22" s="104">
        <v>93665</v>
      </c>
      <c r="CV22" s="103">
        <v>4284182</v>
      </c>
      <c r="CW22" s="106">
        <v>4284182</v>
      </c>
      <c r="CX22" s="100">
        <v>67292</v>
      </c>
      <c r="CY22" s="104">
        <v>149408</v>
      </c>
      <c r="CZ22" s="103">
        <v>216700</v>
      </c>
      <c r="DA22" s="100">
        <v>0</v>
      </c>
      <c r="DB22" s="104">
        <v>72178</v>
      </c>
      <c r="DC22" s="104">
        <v>722021</v>
      </c>
      <c r="DD22" s="104">
        <v>553292</v>
      </c>
      <c r="DE22" s="104">
        <v>56736</v>
      </c>
      <c r="DF22" s="104">
        <v>63508</v>
      </c>
      <c r="DG22" s="103">
        <v>1467735</v>
      </c>
      <c r="DH22" s="106">
        <v>1684435</v>
      </c>
      <c r="DI22" s="100">
        <v>0</v>
      </c>
      <c r="DJ22" s="104">
        <v>0</v>
      </c>
      <c r="DK22" s="102">
        <v>0</v>
      </c>
      <c r="DL22" s="101">
        <v>0</v>
      </c>
      <c r="DM22" s="104">
        <v>370801</v>
      </c>
      <c r="DN22" s="104">
        <v>455295</v>
      </c>
      <c r="DO22" s="104">
        <v>146516</v>
      </c>
      <c r="DP22" s="104">
        <v>585306</v>
      </c>
      <c r="DQ22" s="104">
        <v>234204</v>
      </c>
      <c r="DR22" s="103">
        <v>1792122</v>
      </c>
      <c r="DS22" s="106">
        <v>1792122</v>
      </c>
      <c r="DT22" s="100">
        <v>0</v>
      </c>
      <c r="DU22" s="104">
        <v>0</v>
      </c>
      <c r="DV22" s="103">
        <v>0</v>
      </c>
      <c r="DW22" s="100">
        <v>0</v>
      </c>
      <c r="DX22" s="104">
        <v>370801</v>
      </c>
      <c r="DY22" s="104">
        <v>455295</v>
      </c>
      <c r="DZ22" s="104">
        <v>146516</v>
      </c>
      <c r="EA22" s="104">
        <v>521106</v>
      </c>
      <c r="EB22" s="104">
        <v>234204</v>
      </c>
      <c r="EC22" s="103">
        <v>1727922</v>
      </c>
      <c r="ED22" s="106">
        <v>1727922</v>
      </c>
      <c r="EE22" s="100">
        <v>0</v>
      </c>
      <c r="EF22" s="102">
        <v>0</v>
      </c>
      <c r="EG22" s="103">
        <v>0</v>
      </c>
      <c r="EH22" s="100">
        <v>0</v>
      </c>
      <c r="EI22" s="104">
        <v>0</v>
      </c>
      <c r="EJ22" s="104">
        <v>0</v>
      </c>
      <c r="EK22" s="104">
        <v>0</v>
      </c>
      <c r="EL22" s="104">
        <v>64200</v>
      </c>
      <c r="EM22" s="104">
        <v>0</v>
      </c>
      <c r="EN22" s="102">
        <v>64200</v>
      </c>
      <c r="EO22" s="106">
        <v>64200</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80144</v>
      </c>
      <c r="FM22" s="104">
        <v>94560</v>
      </c>
      <c r="FN22" s="103">
        <v>174704</v>
      </c>
      <c r="FO22" s="100">
        <v>0</v>
      </c>
      <c r="FP22" s="104">
        <v>337904</v>
      </c>
      <c r="FQ22" s="104">
        <v>796856</v>
      </c>
      <c r="FR22" s="104">
        <v>517120</v>
      </c>
      <c r="FS22" s="104">
        <v>251136</v>
      </c>
      <c r="FT22" s="104">
        <v>209736</v>
      </c>
      <c r="FU22" s="103">
        <v>2112752</v>
      </c>
      <c r="FV22" s="106">
        <v>2287456</v>
      </c>
      <c r="FW22" s="105">
        <v>48944</v>
      </c>
      <c r="FX22" s="104">
        <v>85760</v>
      </c>
      <c r="FY22" s="102">
        <v>134704</v>
      </c>
      <c r="FZ22" s="101">
        <v>0</v>
      </c>
      <c r="GA22" s="104">
        <v>148544</v>
      </c>
      <c r="GB22" s="104">
        <v>796856</v>
      </c>
      <c r="GC22" s="104">
        <v>517120</v>
      </c>
      <c r="GD22" s="104">
        <v>163936</v>
      </c>
      <c r="GE22" s="104">
        <v>209736</v>
      </c>
      <c r="GF22" s="103">
        <v>1836192</v>
      </c>
      <c r="GG22" s="296">
        <v>1970896</v>
      </c>
      <c r="GH22" s="105">
        <v>0</v>
      </c>
      <c r="GI22" s="104">
        <v>8800</v>
      </c>
      <c r="GJ22" s="102">
        <v>8800</v>
      </c>
      <c r="GK22" s="101">
        <v>0</v>
      </c>
      <c r="GL22" s="104">
        <v>26160</v>
      </c>
      <c r="GM22" s="104">
        <v>0</v>
      </c>
      <c r="GN22" s="104">
        <v>0</v>
      </c>
      <c r="GO22" s="104">
        <v>0</v>
      </c>
      <c r="GP22" s="104">
        <v>0</v>
      </c>
      <c r="GQ22" s="103">
        <v>26160</v>
      </c>
      <c r="GR22" s="106">
        <v>34960</v>
      </c>
      <c r="GS22" s="100">
        <v>31200</v>
      </c>
      <c r="GT22" s="104">
        <v>0</v>
      </c>
      <c r="GU22" s="103">
        <v>31200</v>
      </c>
      <c r="GV22" s="100">
        <v>0</v>
      </c>
      <c r="GW22" s="104">
        <v>163200</v>
      </c>
      <c r="GX22" s="104">
        <v>0</v>
      </c>
      <c r="GY22" s="104">
        <v>0</v>
      </c>
      <c r="GZ22" s="104">
        <v>87200</v>
      </c>
      <c r="HA22" s="104">
        <v>0</v>
      </c>
      <c r="HB22" s="102">
        <v>250400</v>
      </c>
      <c r="HC22" s="106">
        <v>281600</v>
      </c>
      <c r="HD22" s="100">
        <v>260748</v>
      </c>
      <c r="HE22" s="104">
        <v>184240</v>
      </c>
      <c r="HF22" s="102">
        <v>444988</v>
      </c>
      <c r="HG22" s="101">
        <v>0</v>
      </c>
      <c r="HH22" s="104">
        <v>1127534</v>
      </c>
      <c r="HI22" s="104">
        <v>1945782</v>
      </c>
      <c r="HJ22" s="104">
        <v>1745553</v>
      </c>
      <c r="HK22" s="104">
        <v>756249</v>
      </c>
      <c r="HL22" s="104">
        <v>465184</v>
      </c>
      <c r="HM22" s="103">
        <v>6040302</v>
      </c>
      <c r="HN22" s="99">
        <v>6485290</v>
      </c>
      <c r="HO22" s="306"/>
      <c r="HP22" s="307"/>
      <c r="HQ22" s="308"/>
      <c r="HR22" s="309"/>
      <c r="HS22" s="307"/>
      <c r="HT22" s="307"/>
      <c r="HU22" s="307"/>
      <c r="HV22" s="307"/>
      <c r="HW22" s="307"/>
      <c r="HX22" s="310"/>
      <c r="HY22" s="311"/>
      <c r="HZ22" s="137">
        <v>0</v>
      </c>
      <c r="IA22" s="122">
        <v>0</v>
      </c>
      <c r="IB22" s="137">
        <v>0</v>
      </c>
      <c r="IC22" s="121">
        <v>0</v>
      </c>
      <c r="ID22" s="122">
        <v>1932653</v>
      </c>
      <c r="IE22" s="123">
        <v>2138994</v>
      </c>
      <c r="IF22" s="124">
        <v>3639776</v>
      </c>
      <c r="IG22" s="122">
        <v>1824421</v>
      </c>
      <c r="IH22" s="124">
        <v>1191418</v>
      </c>
      <c r="II22" s="125">
        <v>10727262</v>
      </c>
      <c r="IJ22" s="137">
        <v>10727262</v>
      </c>
      <c r="IK22" s="219">
        <v>0</v>
      </c>
      <c r="IL22" s="223">
        <v>0</v>
      </c>
      <c r="IM22" s="224">
        <v>0</v>
      </c>
      <c r="IN22" s="127"/>
      <c r="IO22" s="109">
        <v>0</v>
      </c>
      <c r="IP22" s="109">
        <v>0</v>
      </c>
      <c r="IQ22" s="109">
        <v>0</v>
      </c>
      <c r="IR22" s="109">
        <v>0</v>
      </c>
      <c r="IS22" s="109">
        <v>239936</v>
      </c>
      <c r="IT22" s="128">
        <v>239936</v>
      </c>
      <c r="IU22" s="298">
        <v>239936</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772073</v>
      </c>
      <c r="JL22" s="109">
        <v>1164743</v>
      </c>
      <c r="JM22" s="109">
        <v>710902</v>
      </c>
      <c r="JN22" s="109">
        <v>116091</v>
      </c>
      <c r="JO22" s="109">
        <v>498707</v>
      </c>
      <c r="JP22" s="110">
        <v>3262516</v>
      </c>
      <c r="JQ22" s="298">
        <v>3262516</v>
      </c>
      <c r="JR22" s="129">
        <v>0</v>
      </c>
      <c r="JS22" s="109">
        <v>0</v>
      </c>
      <c r="JT22" s="128">
        <v>0</v>
      </c>
      <c r="JU22" s="108">
        <v>0</v>
      </c>
      <c r="JV22" s="109">
        <v>103418</v>
      </c>
      <c r="JW22" s="109">
        <v>57248</v>
      </c>
      <c r="JX22" s="109">
        <v>0</v>
      </c>
      <c r="JY22" s="109">
        <v>0</v>
      </c>
      <c r="JZ22" s="109">
        <v>0</v>
      </c>
      <c r="KA22" s="110">
        <v>160666</v>
      </c>
      <c r="KB22" s="298">
        <v>160666</v>
      </c>
      <c r="KC22" s="221">
        <v>0</v>
      </c>
      <c r="KD22" s="217">
        <v>0</v>
      </c>
      <c r="KE22" s="110">
        <v>0</v>
      </c>
      <c r="KF22" s="108">
        <v>0</v>
      </c>
      <c r="KG22" s="109">
        <v>128499</v>
      </c>
      <c r="KH22" s="109">
        <v>180537</v>
      </c>
      <c r="KI22" s="109">
        <v>502468</v>
      </c>
      <c r="KJ22" s="109">
        <v>790383</v>
      </c>
      <c r="KK22" s="109">
        <v>91087</v>
      </c>
      <c r="KL22" s="110">
        <v>1692974</v>
      </c>
      <c r="KM22" s="130">
        <v>1692974</v>
      </c>
      <c r="KN22" s="219">
        <v>0</v>
      </c>
      <c r="KO22" s="223">
        <v>0</v>
      </c>
      <c r="KP22" s="224">
        <v>0</v>
      </c>
      <c r="KQ22" s="127"/>
      <c r="KR22" s="109">
        <v>928663</v>
      </c>
      <c r="KS22" s="109">
        <v>736466</v>
      </c>
      <c r="KT22" s="109">
        <v>1592014</v>
      </c>
      <c r="KU22" s="109">
        <v>383503</v>
      </c>
      <c r="KV22" s="109">
        <v>0</v>
      </c>
      <c r="KW22" s="110">
        <v>3640646</v>
      </c>
      <c r="KX22" s="298">
        <v>3640646</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256256</v>
      </c>
      <c r="LQ22" s="109">
        <v>534444</v>
      </c>
      <c r="LR22" s="109">
        <v>0</v>
      </c>
      <c r="LS22" s="110">
        <v>790700</v>
      </c>
      <c r="LT22" s="298">
        <v>790700</v>
      </c>
      <c r="LU22" s="129">
        <v>0</v>
      </c>
      <c r="LV22" s="109">
        <v>0</v>
      </c>
      <c r="LW22" s="110">
        <v>0</v>
      </c>
      <c r="LX22" s="132"/>
      <c r="LY22" s="109">
        <v>0</v>
      </c>
      <c r="LZ22" s="109">
        <v>0</v>
      </c>
      <c r="MA22" s="109">
        <v>578136</v>
      </c>
      <c r="MB22" s="109">
        <v>0</v>
      </c>
      <c r="MC22" s="109">
        <v>361688</v>
      </c>
      <c r="MD22" s="110">
        <v>939824</v>
      </c>
      <c r="ME22" s="111">
        <v>939824</v>
      </c>
      <c r="MF22" s="129">
        <v>0</v>
      </c>
      <c r="MG22" s="109">
        <v>0</v>
      </c>
      <c r="MH22" s="110">
        <v>0</v>
      </c>
      <c r="MI22" s="132"/>
      <c r="MJ22" s="109">
        <v>908966</v>
      </c>
      <c r="MK22" s="109">
        <v>679390</v>
      </c>
      <c r="ML22" s="109">
        <v>4061951</v>
      </c>
      <c r="MM22" s="109">
        <v>5084889</v>
      </c>
      <c r="MN22" s="109">
        <v>4860161</v>
      </c>
      <c r="MO22" s="110">
        <v>15595357</v>
      </c>
      <c r="MP22" s="130">
        <v>15595357</v>
      </c>
      <c r="MQ22" s="129">
        <v>0</v>
      </c>
      <c r="MR22" s="109">
        <v>0</v>
      </c>
      <c r="MS22" s="110">
        <v>0</v>
      </c>
      <c r="MT22" s="132"/>
      <c r="MU22" s="109">
        <v>0</v>
      </c>
      <c r="MV22" s="109">
        <v>0</v>
      </c>
      <c r="MW22" s="109">
        <v>2387059</v>
      </c>
      <c r="MX22" s="109">
        <v>3798362</v>
      </c>
      <c r="MY22" s="109">
        <v>2746053</v>
      </c>
      <c r="MZ22" s="110">
        <v>8931474</v>
      </c>
      <c r="NA22" s="130">
        <v>8931474</v>
      </c>
      <c r="NB22" s="129">
        <v>0</v>
      </c>
      <c r="NC22" s="109">
        <v>0</v>
      </c>
      <c r="ND22" s="110">
        <v>0</v>
      </c>
      <c r="NE22" s="132"/>
      <c r="NF22" s="109">
        <v>908966</v>
      </c>
      <c r="NG22" s="109">
        <v>679390</v>
      </c>
      <c r="NH22" s="109">
        <v>1674892</v>
      </c>
      <c r="NI22" s="109">
        <v>1286527</v>
      </c>
      <c r="NJ22" s="109">
        <v>2114108</v>
      </c>
      <c r="NK22" s="110">
        <v>6663883</v>
      </c>
      <c r="NL22" s="298">
        <v>6663883</v>
      </c>
      <c r="NM22" s="129">
        <v>0</v>
      </c>
      <c r="NN22" s="109">
        <v>0</v>
      </c>
      <c r="NO22" s="110">
        <v>0</v>
      </c>
      <c r="NP22" s="132"/>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0</v>
      </c>
      <c r="OG22" s="110">
        <v>0</v>
      </c>
      <c r="OH22" s="111">
        <v>0</v>
      </c>
      <c r="OI22" s="129">
        <v>472280</v>
      </c>
      <c r="OJ22" s="109">
        <v>560568</v>
      </c>
      <c r="OK22" s="128">
        <v>1032848</v>
      </c>
      <c r="OL22" s="108">
        <v>0</v>
      </c>
      <c r="OM22" s="109">
        <v>7085219</v>
      </c>
      <c r="ON22" s="109">
        <v>10162487</v>
      </c>
      <c r="OO22" s="109">
        <v>13081455</v>
      </c>
      <c r="OP22" s="109">
        <v>9187729</v>
      </c>
      <c r="OQ22" s="109">
        <v>8040617</v>
      </c>
      <c r="OR22" s="110">
        <v>47557507</v>
      </c>
      <c r="OS22" s="130">
        <v>48590355</v>
      </c>
    </row>
    <row r="23" spans="2:409" ht="21" customHeight="1" x14ac:dyDescent="0.2">
      <c r="B23" s="472" t="s">
        <v>18</v>
      </c>
      <c r="C23" s="100">
        <v>475182</v>
      </c>
      <c r="D23" s="104">
        <v>798541</v>
      </c>
      <c r="E23" s="103">
        <v>1273723</v>
      </c>
      <c r="F23" s="99">
        <v>0</v>
      </c>
      <c r="G23" s="104">
        <v>7639333</v>
      </c>
      <c r="H23" s="104">
        <v>8877644</v>
      </c>
      <c r="I23" s="104">
        <v>8255549</v>
      </c>
      <c r="J23" s="104">
        <v>6614591</v>
      </c>
      <c r="K23" s="104">
        <v>2063645</v>
      </c>
      <c r="L23" s="99">
        <v>33450762</v>
      </c>
      <c r="M23" s="106">
        <v>34724485</v>
      </c>
      <c r="N23" s="100">
        <v>126769</v>
      </c>
      <c r="O23" s="104">
        <v>321571</v>
      </c>
      <c r="P23" s="103">
        <v>448340</v>
      </c>
      <c r="Q23" s="100">
        <v>0</v>
      </c>
      <c r="R23" s="104">
        <v>2735580</v>
      </c>
      <c r="S23" s="104">
        <v>2213808</v>
      </c>
      <c r="T23" s="104">
        <v>2354761</v>
      </c>
      <c r="U23" s="104">
        <v>2392979</v>
      </c>
      <c r="V23" s="104">
        <v>809113</v>
      </c>
      <c r="W23" s="103">
        <v>10506241</v>
      </c>
      <c r="X23" s="106">
        <v>10954581</v>
      </c>
      <c r="Y23" s="100">
        <v>0</v>
      </c>
      <c r="Z23" s="104">
        <v>0</v>
      </c>
      <c r="AA23" s="103">
        <v>0</v>
      </c>
      <c r="AB23" s="100">
        <v>0</v>
      </c>
      <c r="AC23" s="104">
        <v>1163973</v>
      </c>
      <c r="AD23" s="104">
        <v>876617</v>
      </c>
      <c r="AE23" s="104">
        <v>1323407</v>
      </c>
      <c r="AF23" s="104">
        <v>1416132</v>
      </c>
      <c r="AG23" s="104">
        <v>278735</v>
      </c>
      <c r="AH23" s="103">
        <v>5058864</v>
      </c>
      <c r="AI23" s="106">
        <v>5058864</v>
      </c>
      <c r="AJ23" s="100">
        <v>0</v>
      </c>
      <c r="AK23" s="104">
        <v>0</v>
      </c>
      <c r="AL23" s="103">
        <v>0</v>
      </c>
      <c r="AM23" s="100">
        <v>0</v>
      </c>
      <c r="AN23" s="104">
        <v>0</v>
      </c>
      <c r="AO23" s="104">
        <v>0</v>
      </c>
      <c r="AP23" s="104">
        <v>93370</v>
      </c>
      <c r="AQ23" s="104">
        <v>91212</v>
      </c>
      <c r="AR23" s="104">
        <v>128259</v>
      </c>
      <c r="AS23" s="103">
        <v>312841</v>
      </c>
      <c r="AT23" s="106">
        <v>312841</v>
      </c>
      <c r="AU23" s="100">
        <v>85665</v>
      </c>
      <c r="AV23" s="104">
        <v>245666</v>
      </c>
      <c r="AW23" s="103">
        <v>331331</v>
      </c>
      <c r="AX23" s="100">
        <v>0</v>
      </c>
      <c r="AY23" s="104">
        <v>971368</v>
      </c>
      <c r="AZ23" s="104">
        <v>749509</v>
      </c>
      <c r="BA23" s="104">
        <v>537674</v>
      </c>
      <c r="BB23" s="104">
        <v>232365</v>
      </c>
      <c r="BC23" s="104">
        <v>233103</v>
      </c>
      <c r="BD23" s="103">
        <v>2724019</v>
      </c>
      <c r="BE23" s="106">
        <v>3055350</v>
      </c>
      <c r="BF23" s="100">
        <v>0</v>
      </c>
      <c r="BG23" s="104">
        <v>48065</v>
      </c>
      <c r="BH23" s="102">
        <v>48065</v>
      </c>
      <c r="BI23" s="101">
        <v>0</v>
      </c>
      <c r="BJ23" s="104">
        <v>122623</v>
      </c>
      <c r="BK23" s="104">
        <v>147258</v>
      </c>
      <c r="BL23" s="104">
        <v>2590</v>
      </c>
      <c r="BM23" s="104">
        <v>312310</v>
      </c>
      <c r="BN23" s="104">
        <v>0</v>
      </c>
      <c r="BO23" s="103">
        <v>584781</v>
      </c>
      <c r="BP23" s="106">
        <v>632846</v>
      </c>
      <c r="BQ23" s="100">
        <v>41104</v>
      </c>
      <c r="BR23" s="104">
        <v>27840</v>
      </c>
      <c r="BS23" s="103">
        <v>68944</v>
      </c>
      <c r="BT23" s="100">
        <v>0</v>
      </c>
      <c r="BU23" s="104">
        <v>477616</v>
      </c>
      <c r="BV23" s="104">
        <v>440424</v>
      </c>
      <c r="BW23" s="104">
        <v>397720</v>
      </c>
      <c r="BX23" s="104">
        <v>340960</v>
      </c>
      <c r="BY23" s="104">
        <v>169016</v>
      </c>
      <c r="BZ23" s="103">
        <v>1825736</v>
      </c>
      <c r="CA23" s="106">
        <v>1894680</v>
      </c>
      <c r="CB23" s="100">
        <v>72311</v>
      </c>
      <c r="CC23" s="104">
        <v>311082</v>
      </c>
      <c r="CD23" s="103">
        <v>383393</v>
      </c>
      <c r="CE23" s="100">
        <v>0</v>
      </c>
      <c r="CF23" s="104">
        <v>2654399</v>
      </c>
      <c r="CG23" s="104">
        <v>3394109</v>
      </c>
      <c r="CH23" s="104">
        <v>2122445</v>
      </c>
      <c r="CI23" s="104">
        <v>934664</v>
      </c>
      <c r="CJ23" s="104">
        <v>168273</v>
      </c>
      <c r="CK23" s="103">
        <v>9273890</v>
      </c>
      <c r="CL23" s="106">
        <v>9657283</v>
      </c>
      <c r="CM23" s="100">
        <v>0</v>
      </c>
      <c r="CN23" s="104">
        <v>0</v>
      </c>
      <c r="CO23" s="103">
        <v>0</v>
      </c>
      <c r="CP23" s="101">
        <v>0</v>
      </c>
      <c r="CQ23" s="104">
        <v>2199168</v>
      </c>
      <c r="CR23" s="104">
        <v>2666357</v>
      </c>
      <c r="CS23" s="104">
        <v>1628728</v>
      </c>
      <c r="CT23" s="104">
        <v>934664</v>
      </c>
      <c r="CU23" s="104">
        <v>57093</v>
      </c>
      <c r="CV23" s="103">
        <v>7486010</v>
      </c>
      <c r="CW23" s="106">
        <v>7486010</v>
      </c>
      <c r="CX23" s="100">
        <v>72311</v>
      </c>
      <c r="CY23" s="104">
        <v>311082</v>
      </c>
      <c r="CZ23" s="103">
        <v>383393</v>
      </c>
      <c r="DA23" s="100">
        <v>0</v>
      </c>
      <c r="DB23" s="104">
        <v>455231</v>
      </c>
      <c r="DC23" s="104">
        <v>727752</v>
      </c>
      <c r="DD23" s="104">
        <v>493717</v>
      </c>
      <c r="DE23" s="104">
        <v>0</v>
      </c>
      <c r="DF23" s="104">
        <v>111180</v>
      </c>
      <c r="DG23" s="103">
        <v>1787880</v>
      </c>
      <c r="DH23" s="106">
        <v>2171273</v>
      </c>
      <c r="DI23" s="100">
        <v>0</v>
      </c>
      <c r="DJ23" s="104">
        <v>0</v>
      </c>
      <c r="DK23" s="102">
        <v>0</v>
      </c>
      <c r="DL23" s="101">
        <v>0</v>
      </c>
      <c r="DM23" s="104">
        <v>171362</v>
      </c>
      <c r="DN23" s="104">
        <v>586470</v>
      </c>
      <c r="DO23" s="104">
        <v>1369431</v>
      </c>
      <c r="DP23" s="104">
        <v>598213</v>
      </c>
      <c r="DQ23" s="104">
        <v>207429</v>
      </c>
      <c r="DR23" s="103">
        <v>2932905</v>
      </c>
      <c r="DS23" s="106">
        <v>2932905</v>
      </c>
      <c r="DT23" s="100">
        <v>0</v>
      </c>
      <c r="DU23" s="104">
        <v>0</v>
      </c>
      <c r="DV23" s="103">
        <v>0</v>
      </c>
      <c r="DW23" s="100">
        <v>0</v>
      </c>
      <c r="DX23" s="104">
        <v>171362</v>
      </c>
      <c r="DY23" s="104">
        <v>586470</v>
      </c>
      <c r="DZ23" s="104">
        <v>1369431</v>
      </c>
      <c r="EA23" s="104">
        <v>598213</v>
      </c>
      <c r="EB23" s="104">
        <v>207429</v>
      </c>
      <c r="EC23" s="103">
        <v>2932905</v>
      </c>
      <c r="ED23" s="106">
        <v>2932905</v>
      </c>
      <c r="EE23" s="100">
        <v>0</v>
      </c>
      <c r="EF23" s="102">
        <v>0</v>
      </c>
      <c r="EG23" s="103">
        <v>0</v>
      </c>
      <c r="EH23" s="100">
        <v>0</v>
      </c>
      <c r="EI23" s="104">
        <v>0</v>
      </c>
      <c r="EJ23" s="104">
        <v>0</v>
      </c>
      <c r="EK23" s="104">
        <v>0</v>
      </c>
      <c r="EL23" s="104">
        <v>0</v>
      </c>
      <c r="EM23" s="104">
        <v>0</v>
      </c>
      <c r="EN23" s="102">
        <v>0</v>
      </c>
      <c r="EO23" s="106">
        <v>0</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129576</v>
      </c>
      <c r="FM23" s="104">
        <v>165888</v>
      </c>
      <c r="FN23" s="103">
        <v>295464</v>
      </c>
      <c r="FO23" s="100">
        <v>0</v>
      </c>
      <c r="FP23" s="104">
        <v>282816</v>
      </c>
      <c r="FQ23" s="104">
        <v>733472</v>
      </c>
      <c r="FR23" s="104">
        <v>610056</v>
      </c>
      <c r="FS23" s="104">
        <v>450520</v>
      </c>
      <c r="FT23" s="104">
        <v>185144</v>
      </c>
      <c r="FU23" s="103">
        <v>2262008</v>
      </c>
      <c r="FV23" s="106">
        <v>2557472</v>
      </c>
      <c r="FW23" s="105">
        <v>33776</v>
      </c>
      <c r="FX23" s="104">
        <v>165888</v>
      </c>
      <c r="FY23" s="102">
        <v>199664</v>
      </c>
      <c r="FZ23" s="101">
        <v>0</v>
      </c>
      <c r="GA23" s="104">
        <v>282816</v>
      </c>
      <c r="GB23" s="104">
        <v>653632</v>
      </c>
      <c r="GC23" s="104">
        <v>610056</v>
      </c>
      <c r="GD23" s="104">
        <v>262360</v>
      </c>
      <c r="GE23" s="104">
        <v>185144</v>
      </c>
      <c r="GF23" s="103">
        <v>1994008</v>
      </c>
      <c r="GG23" s="296">
        <v>2193672</v>
      </c>
      <c r="GH23" s="105">
        <v>28920</v>
      </c>
      <c r="GI23" s="104">
        <v>0</v>
      </c>
      <c r="GJ23" s="102">
        <v>28920</v>
      </c>
      <c r="GK23" s="101">
        <v>0</v>
      </c>
      <c r="GL23" s="104">
        <v>0</v>
      </c>
      <c r="GM23" s="104">
        <v>0</v>
      </c>
      <c r="GN23" s="104">
        <v>0</v>
      </c>
      <c r="GO23" s="104">
        <v>69360</v>
      </c>
      <c r="GP23" s="104">
        <v>0</v>
      </c>
      <c r="GQ23" s="103">
        <v>69360</v>
      </c>
      <c r="GR23" s="106">
        <v>98280</v>
      </c>
      <c r="GS23" s="100">
        <v>66880</v>
      </c>
      <c r="GT23" s="104">
        <v>0</v>
      </c>
      <c r="GU23" s="103">
        <v>66880</v>
      </c>
      <c r="GV23" s="100">
        <v>0</v>
      </c>
      <c r="GW23" s="104">
        <v>0</v>
      </c>
      <c r="GX23" s="104">
        <v>79840</v>
      </c>
      <c r="GY23" s="104">
        <v>0</v>
      </c>
      <c r="GZ23" s="104">
        <v>118800</v>
      </c>
      <c r="HA23" s="104">
        <v>0</v>
      </c>
      <c r="HB23" s="102">
        <v>198640</v>
      </c>
      <c r="HC23" s="106">
        <v>265520</v>
      </c>
      <c r="HD23" s="100">
        <v>146526</v>
      </c>
      <c r="HE23" s="104">
        <v>0</v>
      </c>
      <c r="HF23" s="102">
        <v>146526</v>
      </c>
      <c r="HG23" s="101">
        <v>0</v>
      </c>
      <c r="HH23" s="104">
        <v>1795176</v>
      </c>
      <c r="HI23" s="104">
        <v>1949785</v>
      </c>
      <c r="HJ23" s="104">
        <v>1798856</v>
      </c>
      <c r="HK23" s="104">
        <v>2238215</v>
      </c>
      <c r="HL23" s="104">
        <v>693686</v>
      </c>
      <c r="HM23" s="103">
        <v>8475718</v>
      </c>
      <c r="HN23" s="99">
        <v>8622244</v>
      </c>
      <c r="HO23" s="306"/>
      <c r="HP23" s="307"/>
      <c r="HQ23" s="308"/>
      <c r="HR23" s="309"/>
      <c r="HS23" s="307"/>
      <c r="HT23" s="307"/>
      <c r="HU23" s="307"/>
      <c r="HV23" s="307"/>
      <c r="HW23" s="307"/>
      <c r="HX23" s="310"/>
      <c r="HY23" s="311"/>
      <c r="HZ23" s="118">
        <v>46082</v>
      </c>
      <c r="IA23" s="119">
        <v>0</v>
      </c>
      <c r="IB23" s="120">
        <v>46082</v>
      </c>
      <c r="IC23" s="133">
        <v>0</v>
      </c>
      <c r="ID23" s="119">
        <v>2162695</v>
      </c>
      <c r="IE23" s="134">
        <v>2113734</v>
      </c>
      <c r="IF23" s="120">
        <v>5434117</v>
      </c>
      <c r="IG23" s="119">
        <v>1577981</v>
      </c>
      <c r="IH23" s="120">
        <v>846038</v>
      </c>
      <c r="II23" s="135">
        <v>12134565</v>
      </c>
      <c r="IJ23" s="126">
        <v>12180647</v>
      </c>
      <c r="IK23" s="219">
        <v>0</v>
      </c>
      <c r="IL23" s="223">
        <v>0</v>
      </c>
      <c r="IM23" s="224">
        <v>0</v>
      </c>
      <c r="IN23" s="127"/>
      <c r="IO23" s="109">
        <v>0</v>
      </c>
      <c r="IP23" s="109">
        <v>0</v>
      </c>
      <c r="IQ23" s="109">
        <v>0</v>
      </c>
      <c r="IR23" s="109">
        <v>0</v>
      </c>
      <c r="IS23" s="109">
        <v>265687</v>
      </c>
      <c r="IT23" s="128">
        <v>265687</v>
      </c>
      <c r="IU23" s="298">
        <v>265687</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913778</v>
      </c>
      <c r="JL23" s="109">
        <v>789145</v>
      </c>
      <c r="JM23" s="109">
        <v>691792</v>
      </c>
      <c r="JN23" s="109">
        <v>0</v>
      </c>
      <c r="JO23" s="109">
        <v>0</v>
      </c>
      <c r="JP23" s="110">
        <v>2394715</v>
      </c>
      <c r="JQ23" s="298">
        <v>2394715</v>
      </c>
      <c r="JR23" s="129">
        <v>0</v>
      </c>
      <c r="JS23" s="109">
        <v>0</v>
      </c>
      <c r="JT23" s="128">
        <v>0</v>
      </c>
      <c r="JU23" s="108">
        <v>0</v>
      </c>
      <c r="JV23" s="109">
        <v>0</v>
      </c>
      <c r="JW23" s="109">
        <v>0</v>
      </c>
      <c r="JX23" s="109">
        <v>384356</v>
      </c>
      <c r="JY23" s="109">
        <v>274871</v>
      </c>
      <c r="JZ23" s="109">
        <v>0</v>
      </c>
      <c r="KA23" s="110">
        <v>659227</v>
      </c>
      <c r="KB23" s="298">
        <v>659227</v>
      </c>
      <c r="KC23" s="221">
        <v>46082</v>
      </c>
      <c r="KD23" s="217">
        <v>0</v>
      </c>
      <c r="KE23" s="110">
        <v>46082</v>
      </c>
      <c r="KF23" s="108">
        <v>0</v>
      </c>
      <c r="KG23" s="109">
        <v>785599</v>
      </c>
      <c r="KH23" s="109">
        <v>359070</v>
      </c>
      <c r="KI23" s="109">
        <v>1871133</v>
      </c>
      <c r="KJ23" s="109">
        <v>515269</v>
      </c>
      <c r="KK23" s="109">
        <v>60193</v>
      </c>
      <c r="KL23" s="110">
        <v>3591264</v>
      </c>
      <c r="KM23" s="130">
        <v>3637346</v>
      </c>
      <c r="KN23" s="219">
        <v>0</v>
      </c>
      <c r="KO23" s="223">
        <v>0</v>
      </c>
      <c r="KP23" s="224">
        <v>0</v>
      </c>
      <c r="KQ23" s="127"/>
      <c r="KR23" s="109">
        <v>463318</v>
      </c>
      <c r="KS23" s="109">
        <v>965519</v>
      </c>
      <c r="KT23" s="109">
        <v>1703878</v>
      </c>
      <c r="KU23" s="109">
        <v>511714</v>
      </c>
      <c r="KV23" s="109">
        <v>520158</v>
      </c>
      <c r="KW23" s="110">
        <v>4164587</v>
      </c>
      <c r="KX23" s="298">
        <v>4164587</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248116</v>
      </c>
      <c r="LQ23" s="109">
        <v>276498</v>
      </c>
      <c r="LR23" s="109">
        <v>0</v>
      </c>
      <c r="LS23" s="110">
        <v>524614</v>
      </c>
      <c r="LT23" s="298">
        <v>524614</v>
      </c>
      <c r="LU23" s="129">
        <v>0</v>
      </c>
      <c r="LV23" s="109">
        <v>0</v>
      </c>
      <c r="LW23" s="110">
        <v>0</v>
      </c>
      <c r="LX23" s="132"/>
      <c r="LY23" s="109">
        <v>0</v>
      </c>
      <c r="LZ23" s="109">
        <v>0</v>
      </c>
      <c r="MA23" s="109">
        <v>534842</v>
      </c>
      <c r="MB23" s="109">
        <v>-371</v>
      </c>
      <c r="MC23" s="109">
        <v>0</v>
      </c>
      <c r="MD23" s="110">
        <v>534471</v>
      </c>
      <c r="ME23" s="111">
        <v>534471</v>
      </c>
      <c r="MF23" s="129">
        <v>0</v>
      </c>
      <c r="MG23" s="109">
        <v>0</v>
      </c>
      <c r="MH23" s="110">
        <v>0</v>
      </c>
      <c r="MI23" s="132"/>
      <c r="MJ23" s="109">
        <v>227450</v>
      </c>
      <c r="MK23" s="109">
        <v>1363812</v>
      </c>
      <c r="ML23" s="109">
        <v>1800082</v>
      </c>
      <c r="MM23" s="109">
        <v>6757163</v>
      </c>
      <c r="MN23" s="109">
        <v>2991881</v>
      </c>
      <c r="MO23" s="110">
        <v>13140388</v>
      </c>
      <c r="MP23" s="130">
        <v>13140388</v>
      </c>
      <c r="MQ23" s="129">
        <v>0</v>
      </c>
      <c r="MR23" s="109">
        <v>0</v>
      </c>
      <c r="MS23" s="110">
        <v>0</v>
      </c>
      <c r="MT23" s="132"/>
      <c r="MU23" s="109">
        <v>0</v>
      </c>
      <c r="MV23" s="109">
        <v>0</v>
      </c>
      <c r="MW23" s="109">
        <v>982793</v>
      </c>
      <c r="MX23" s="109">
        <v>5589607</v>
      </c>
      <c r="MY23" s="109">
        <v>1705710</v>
      </c>
      <c r="MZ23" s="110">
        <v>8278110</v>
      </c>
      <c r="NA23" s="130">
        <v>8278110</v>
      </c>
      <c r="NB23" s="129">
        <v>0</v>
      </c>
      <c r="NC23" s="109">
        <v>0</v>
      </c>
      <c r="ND23" s="110">
        <v>0</v>
      </c>
      <c r="NE23" s="132"/>
      <c r="NF23" s="109">
        <v>227450</v>
      </c>
      <c r="NG23" s="109">
        <v>1363812</v>
      </c>
      <c r="NH23" s="109">
        <v>817289</v>
      </c>
      <c r="NI23" s="109">
        <v>847099</v>
      </c>
      <c r="NJ23" s="109">
        <v>1286171</v>
      </c>
      <c r="NK23" s="110">
        <v>4541821</v>
      </c>
      <c r="NL23" s="298">
        <v>4541821</v>
      </c>
      <c r="NM23" s="129">
        <v>0</v>
      </c>
      <c r="NN23" s="109">
        <v>0</v>
      </c>
      <c r="NO23" s="110">
        <v>0</v>
      </c>
      <c r="NP23" s="132"/>
      <c r="NQ23" s="109">
        <v>0</v>
      </c>
      <c r="NR23" s="109">
        <v>0</v>
      </c>
      <c r="NS23" s="109">
        <v>0</v>
      </c>
      <c r="NT23" s="109">
        <v>0</v>
      </c>
      <c r="NU23" s="109">
        <v>0</v>
      </c>
      <c r="NV23" s="110">
        <v>0</v>
      </c>
      <c r="NW23" s="111">
        <v>0</v>
      </c>
      <c r="NX23" s="129">
        <v>0</v>
      </c>
      <c r="NY23" s="109">
        <v>0</v>
      </c>
      <c r="NZ23" s="110">
        <v>0</v>
      </c>
      <c r="OA23" s="132"/>
      <c r="OB23" s="109">
        <v>0</v>
      </c>
      <c r="OC23" s="109">
        <v>0</v>
      </c>
      <c r="OD23" s="109">
        <v>0</v>
      </c>
      <c r="OE23" s="109">
        <v>320457</v>
      </c>
      <c r="OF23" s="109">
        <v>0</v>
      </c>
      <c r="OG23" s="110">
        <v>320457</v>
      </c>
      <c r="OH23" s="111">
        <v>320457</v>
      </c>
      <c r="OI23" s="129">
        <v>521264</v>
      </c>
      <c r="OJ23" s="109">
        <v>798541</v>
      </c>
      <c r="OK23" s="128">
        <v>1319805</v>
      </c>
      <c r="OL23" s="108">
        <v>0</v>
      </c>
      <c r="OM23" s="109">
        <v>10029478</v>
      </c>
      <c r="ON23" s="109">
        <v>12355190</v>
      </c>
      <c r="OO23" s="109">
        <v>15489748</v>
      </c>
      <c r="OP23" s="109">
        <v>14949735</v>
      </c>
      <c r="OQ23" s="109">
        <v>5901564</v>
      </c>
      <c r="OR23" s="110">
        <v>58725715</v>
      </c>
      <c r="OS23" s="130">
        <v>60045520</v>
      </c>
    </row>
    <row r="24" spans="2:409" ht="21" customHeight="1" x14ac:dyDescent="0.2">
      <c r="B24" s="472" t="s">
        <v>19</v>
      </c>
      <c r="C24" s="100">
        <v>373366</v>
      </c>
      <c r="D24" s="104">
        <v>255774</v>
      </c>
      <c r="E24" s="103">
        <v>629140</v>
      </c>
      <c r="F24" s="99">
        <v>0</v>
      </c>
      <c r="G24" s="104">
        <v>3455707</v>
      </c>
      <c r="H24" s="104">
        <v>3850462</v>
      </c>
      <c r="I24" s="104">
        <v>2505172</v>
      </c>
      <c r="J24" s="104">
        <v>2188160</v>
      </c>
      <c r="K24" s="104">
        <v>1982861</v>
      </c>
      <c r="L24" s="99">
        <v>13982362</v>
      </c>
      <c r="M24" s="106">
        <v>14611502</v>
      </c>
      <c r="N24" s="100">
        <v>114718</v>
      </c>
      <c r="O24" s="104">
        <v>43055</v>
      </c>
      <c r="P24" s="103">
        <v>157773</v>
      </c>
      <c r="Q24" s="100">
        <v>0</v>
      </c>
      <c r="R24" s="104">
        <v>749794</v>
      </c>
      <c r="S24" s="104">
        <v>902419</v>
      </c>
      <c r="T24" s="104">
        <v>1192689</v>
      </c>
      <c r="U24" s="104">
        <v>884339</v>
      </c>
      <c r="V24" s="104">
        <v>1304607</v>
      </c>
      <c r="W24" s="103">
        <v>5033848</v>
      </c>
      <c r="X24" s="106">
        <v>5191621</v>
      </c>
      <c r="Y24" s="100">
        <v>0</v>
      </c>
      <c r="Z24" s="104">
        <v>0</v>
      </c>
      <c r="AA24" s="103">
        <v>0</v>
      </c>
      <c r="AB24" s="100">
        <v>0</v>
      </c>
      <c r="AC24" s="104">
        <v>197233</v>
      </c>
      <c r="AD24" s="104">
        <v>265159</v>
      </c>
      <c r="AE24" s="104">
        <v>507209</v>
      </c>
      <c r="AF24" s="104">
        <v>254648</v>
      </c>
      <c r="AG24" s="104">
        <v>677576</v>
      </c>
      <c r="AH24" s="103">
        <v>1901825</v>
      </c>
      <c r="AI24" s="106">
        <v>1901825</v>
      </c>
      <c r="AJ24" s="100">
        <v>0</v>
      </c>
      <c r="AK24" s="104">
        <v>0</v>
      </c>
      <c r="AL24" s="103">
        <v>0</v>
      </c>
      <c r="AM24" s="100">
        <v>0</v>
      </c>
      <c r="AN24" s="104">
        <v>0</v>
      </c>
      <c r="AO24" s="104">
        <v>0</v>
      </c>
      <c r="AP24" s="104">
        <v>82253</v>
      </c>
      <c r="AQ24" s="104">
        <v>219459</v>
      </c>
      <c r="AR24" s="104">
        <v>218998</v>
      </c>
      <c r="AS24" s="103">
        <v>520710</v>
      </c>
      <c r="AT24" s="106">
        <v>520710</v>
      </c>
      <c r="AU24" s="100">
        <v>31430</v>
      </c>
      <c r="AV24" s="104">
        <v>23231</v>
      </c>
      <c r="AW24" s="103">
        <v>54661</v>
      </c>
      <c r="AX24" s="100">
        <v>0</v>
      </c>
      <c r="AY24" s="104">
        <v>278464</v>
      </c>
      <c r="AZ24" s="104">
        <v>284697</v>
      </c>
      <c r="BA24" s="104">
        <v>391159</v>
      </c>
      <c r="BB24" s="104">
        <v>298632</v>
      </c>
      <c r="BC24" s="104">
        <v>305297</v>
      </c>
      <c r="BD24" s="103">
        <v>1558249</v>
      </c>
      <c r="BE24" s="106">
        <v>1612910</v>
      </c>
      <c r="BF24" s="100">
        <v>0</v>
      </c>
      <c r="BG24" s="104">
        <v>0</v>
      </c>
      <c r="BH24" s="102">
        <v>0</v>
      </c>
      <c r="BI24" s="101">
        <v>0</v>
      </c>
      <c r="BJ24" s="104">
        <v>33219</v>
      </c>
      <c r="BK24" s="104">
        <v>33219</v>
      </c>
      <c r="BL24" s="104">
        <v>64548</v>
      </c>
      <c r="BM24" s="104">
        <v>0</v>
      </c>
      <c r="BN24" s="104">
        <v>0</v>
      </c>
      <c r="BO24" s="103">
        <v>130986</v>
      </c>
      <c r="BP24" s="106">
        <v>130986</v>
      </c>
      <c r="BQ24" s="100">
        <v>83288</v>
      </c>
      <c r="BR24" s="104">
        <v>19824</v>
      </c>
      <c r="BS24" s="103">
        <v>103112</v>
      </c>
      <c r="BT24" s="100">
        <v>0</v>
      </c>
      <c r="BU24" s="104">
        <v>240878</v>
      </c>
      <c r="BV24" s="104">
        <v>319344</v>
      </c>
      <c r="BW24" s="104">
        <v>147520</v>
      </c>
      <c r="BX24" s="104">
        <v>111600</v>
      </c>
      <c r="BY24" s="104">
        <v>102736</v>
      </c>
      <c r="BZ24" s="103">
        <v>922078</v>
      </c>
      <c r="CA24" s="106">
        <v>1025190</v>
      </c>
      <c r="CB24" s="100">
        <v>21504</v>
      </c>
      <c r="CC24" s="104">
        <v>76427</v>
      </c>
      <c r="CD24" s="103">
        <v>97931</v>
      </c>
      <c r="CE24" s="100">
        <v>0</v>
      </c>
      <c r="CF24" s="104">
        <v>1499328</v>
      </c>
      <c r="CG24" s="104">
        <v>1214806</v>
      </c>
      <c r="CH24" s="104">
        <v>812565</v>
      </c>
      <c r="CI24" s="104">
        <v>183326</v>
      </c>
      <c r="CJ24" s="104">
        <v>0</v>
      </c>
      <c r="CK24" s="103">
        <v>3710025</v>
      </c>
      <c r="CL24" s="106">
        <v>3807956</v>
      </c>
      <c r="CM24" s="100">
        <v>0</v>
      </c>
      <c r="CN24" s="104">
        <v>0</v>
      </c>
      <c r="CO24" s="103">
        <v>0</v>
      </c>
      <c r="CP24" s="101">
        <v>0</v>
      </c>
      <c r="CQ24" s="104">
        <v>1091243</v>
      </c>
      <c r="CR24" s="104">
        <v>800450</v>
      </c>
      <c r="CS24" s="104">
        <v>471765</v>
      </c>
      <c r="CT24" s="104">
        <v>136375</v>
      </c>
      <c r="CU24" s="104">
        <v>0</v>
      </c>
      <c r="CV24" s="103">
        <v>2499833</v>
      </c>
      <c r="CW24" s="106">
        <v>2499833</v>
      </c>
      <c r="CX24" s="100">
        <v>21504</v>
      </c>
      <c r="CY24" s="104">
        <v>76427</v>
      </c>
      <c r="CZ24" s="103">
        <v>97931</v>
      </c>
      <c r="DA24" s="100">
        <v>0</v>
      </c>
      <c r="DB24" s="104">
        <v>408085</v>
      </c>
      <c r="DC24" s="104">
        <v>414356</v>
      </c>
      <c r="DD24" s="104">
        <v>340800</v>
      </c>
      <c r="DE24" s="104">
        <v>46951</v>
      </c>
      <c r="DF24" s="104">
        <v>0</v>
      </c>
      <c r="DG24" s="103">
        <v>1210192</v>
      </c>
      <c r="DH24" s="106">
        <v>1308123</v>
      </c>
      <c r="DI24" s="100">
        <v>0</v>
      </c>
      <c r="DJ24" s="104">
        <v>0</v>
      </c>
      <c r="DK24" s="102">
        <v>0</v>
      </c>
      <c r="DL24" s="101">
        <v>0</v>
      </c>
      <c r="DM24" s="104">
        <v>104694</v>
      </c>
      <c r="DN24" s="104">
        <v>0</v>
      </c>
      <c r="DO24" s="104">
        <v>16407</v>
      </c>
      <c r="DP24" s="104">
        <v>67136</v>
      </c>
      <c r="DQ24" s="104">
        <v>264222</v>
      </c>
      <c r="DR24" s="103">
        <v>452459</v>
      </c>
      <c r="DS24" s="106">
        <v>452459</v>
      </c>
      <c r="DT24" s="100">
        <v>0</v>
      </c>
      <c r="DU24" s="104">
        <v>0</v>
      </c>
      <c r="DV24" s="103">
        <v>0</v>
      </c>
      <c r="DW24" s="100">
        <v>0</v>
      </c>
      <c r="DX24" s="104">
        <v>16187</v>
      </c>
      <c r="DY24" s="104">
        <v>0</v>
      </c>
      <c r="DZ24" s="104">
        <v>16407</v>
      </c>
      <c r="EA24" s="104">
        <v>67136</v>
      </c>
      <c r="EB24" s="104">
        <v>264222</v>
      </c>
      <c r="EC24" s="103">
        <v>363952</v>
      </c>
      <c r="ED24" s="106">
        <v>363952</v>
      </c>
      <c r="EE24" s="100">
        <v>0</v>
      </c>
      <c r="EF24" s="102">
        <v>0</v>
      </c>
      <c r="EG24" s="103">
        <v>0</v>
      </c>
      <c r="EH24" s="100">
        <v>0</v>
      </c>
      <c r="EI24" s="104">
        <v>88507</v>
      </c>
      <c r="EJ24" s="104">
        <v>0</v>
      </c>
      <c r="EK24" s="104">
        <v>0</v>
      </c>
      <c r="EL24" s="104">
        <v>0</v>
      </c>
      <c r="EM24" s="104">
        <v>0</v>
      </c>
      <c r="EN24" s="102">
        <v>88507</v>
      </c>
      <c r="EO24" s="106">
        <v>88507</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20240</v>
      </c>
      <c r="FM24" s="104">
        <v>47384</v>
      </c>
      <c r="FN24" s="103">
        <v>67624</v>
      </c>
      <c r="FO24" s="100">
        <v>0</v>
      </c>
      <c r="FP24" s="104">
        <v>331884</v>
      </c>
      <c r="FQ24" s="104">
        <v>336264</v>
      </c>
      <c r="FR24" s="104">
        <v>246263</v>
      </c>
      <c r="FS24" s="104">
        <v>227004</v>
      </c>
      <c r="FT24" s="104">
        <v>181040</v>
      </c>
      <c r="FU24" s="103">
        <v>1322455</v>
      </c>
      <c r="FV24" s="106">
        <v>1390079</v>
      </c>
      <c r="FW24" s="105">
        <v>20240</v>
      </c>
      <c r="FX24" s="104">
        <v>35784</v>
      </c>
      <c r="FY24" s="102">
        <v>56024</v>
      </c>
      <c r="FZ24" s="101">
        <v>0</v>
      </c>
      <c r="GA24" s="104">
        <v>252684</v>
      </c>
      <c r="GB24" s="104">
        <v>321864</v>
      </c>
      <c r="GC24" s="104">
        <v>218712</v>
      </c>
      <c r="GD24" s="104">
        <v>205696</v>
      </c>
      <c r="GE24" s="104">
        <v>181040</v>
      </c>
      <c r="GF24" s="103">
        <v>1179996</v>
      </c>
      <c r="GG24" s="296">
        <v>1236020</v>
      </c>
      <c r="GH24" s="105">
        <v>0</v>
      </c>
      <c r="GI24" s="104">
        <v>11600</v>
      </c>
      <c r="GJ24" s="102">
        <v>11600</v>
      </c>
      <c r="GK24" s="101">
        <v>0</v>
      </c>
      <c r="GL24" s="104">
        <v>0</v>
      </c>
      <c r="GM24" s="104">
        <v>14400</v>
      </c>
      <c r="GN24" s="104">
        <v>0</v>
      </c>
      <c r="GO24" s="104">
        <v>0</v>
      </c>
      <c r="GP24" s="104">
        <v>0</v>
      </c>
      <c r="GQ24" s="103">
        <v>14400</v>
      </c>
      <c r="GR24" s="106">
        <v>26000</v>
      </c>
      <c r="GS24" s="100">
        <v>0</v>
      </c>
      <c r="GT24" s="104">
        <v>0</v>
      </c>
      <c r="GU24" s="103">
        <v>0</v>
      </c>
      <c r="GV24" s="100">
        <v>0</v>
      </c>
      <c r="GW24" s="104">
        <v>79200</v>
      </c>
      <c r="GX24" s="104">
        <v>0</v>
      </c>
      <c r="GY24" s="104">
        <v>27551</v>
      </c>
      <c r="GZ24" s="104">
        <v>21308</v>
      </c>
      <c r="HA24" s="104">
        <v>0</v>
      </c>
      <c r="HB24" s="102">
        <v>128059</v>
      </c>
      <c r="HC24" s="106">
        <v>128059</v>
      </c>
      <c r="HD24" s="100">
        <v>216904</v>
      </c>
      <c r="HE24" s="104">
        <v>88908</v>
      </c>
      <c r="HF24" s="102">
        <v>305812</v>
      </c>
      <c r="HG24" s="101">
        <v>0</v>
      </c>
      <c r="HH24" s="104">
        <v>770007</v>
      </c>
      <c r="HI24" s="104">
        <v>1396973</v>
      </c>
      <c r="HJ24" s="104">
        <v>237248</v>
      </c>
      <c r="HK24" s="104">
        <v>826355</v>
      </c>
      <c r="HL24" s="104">
        <v>232992</v>
      </c>
      <c r="HM24" s="103">
        <v>3463575</v>
      </c>
      <c r="HN24" s="99">
        <v>3769387</v>
      </c>
      <c r="HO24" s="306"/>
      <c r="HP24" s="307"/>
      <c r="HQ24" s="308"/>
      <c r="HR24" s="309"/>
      <c r="HS24" s="307"/>
      <c r="HT24" s="307"/>
      <c r="HU24" s="307"/>
      <c r="HV24" s="307"/>
      <c r="HW24" s="307"/>
      <c r="HX24" s="310"/>
      <c r="HY24" s="311"/>
      <c r="HZ24" s="137">
        <v>0</v>
      </c>
      <c r="IA24" s="122">
        <v>0</v>
      </c>
      <c r="IB24" s="137">
        <v>0</v>
      </c>
      <c r="IC24" s="121">
        <v>0</v>
      </c>
      <c r="ID24" s="122">
        <v>1257072</v>
      </c>
      <c r="IE24" s="123">
        <v>1236702</v>
      </c>
      <c r="IF24" s="124">
        <v>1177266</v>
      </c>
      <c r="IG24" s="122">
        <v>689137</v>
      </c>
      <c r="IH24" s="124">
        <v>393859</v>
      </c>
      <c r="II24" s="125">
        <v>4754036</v>
      </c>
      <c r="IJ24" s="137">
        <v>4754036</v>
      </c>
      <c r="IK24" s="219">
        <v>0</v>
      </c>
      <c r="IL24" s="223">
        <v>0</v>
      </c>
      <c r="IM24" s="224">
        <v>0</v>
      </c>
      <c r="IN24" s="127"/>
      <c r="IO24" s="109">
        <v>113657</v>
      </c>
      <c r="IP24" s="109">
        <v>135641</v>
      </c>
      <c r="IQ24" s="109">
        <v>0</v>
      </c>
      <c r="IR24" s="109">
        <v>222482</v>
      </c>
      <c r="IS24" s="109">
        <v>0</v>
      </c>
      <c r="IT24" s="128">
        <v>471780</v>
      </c>
      <c r="IU24" s="298">
        <v>471780</v>
      </c>
      <c r="IV24" s="129">
        <v>0</v>
      </c>
      <c r="IW24" s="109">
        <v>0</v>
      </c>
      <c r="IX24" s="110">
        <v>0</v>
      </c>
      <c r="IY24" s="131"/>
      <c r="IZ24" s="109">
        <v>0</v>
      </c>
      <c r="JA24" s="109">
        <v>0</v>
      </c>
      <c r="JB24" s="109">
        <v>0</v>
      </c>
      <c r="JC24" s="109">
        <v>0</v>
      </c>
      <c r="JD24" s="109">
        <v>0</v>
      </c>
      <c r="JE24" s="110">
        <v>0</v>
      </c>
      <c r="JF24" s="111">
        <v>0</v>
      </c>
      <c r="JG24" s="129">
        <v>0</v>
      </c>
      <c r="JH24" s="109">
        <v>0</v>
      </c>
      <c r="JI24" s="128">
        <v>0</v>
      </c>
      <c r="JJ24" s="108">
        <v>0</v>
      </c>
      <c r="JK24" s="109">
        <v>322547</v>
      </c>
      <c r="JL24" s="109">
        <v>330074</v>
      </c>
      <c r="JM24" s="109">
        <v>236160</v>
      </c>
      <c r="JN24" s="109">
        <v>0</v>
      </c>
      <c r="JO24" s="109">
        <v>0</v>
      </c>
      <c r="JP24" s="110">
        <v>888781</v>
      </c>
      <c r="JQ24" s="298">
        <v>888781</v>
      </c>
      <c r="JR24" s="129">
        <v>0</v>
      </c>
      <c r="JS24" s="109">
        <v>0</v>
      </c>
      <c r="JT24" s="128">
        <v>0</v>
      </c>
      <c r="JU24" s="108">
        <v>0</v>
      </c>
      <c r="JV24" s="109">
        <v>100214</v>
      </c>
      <c r="JW24" s="109">
        <v>110943</v>
      </c>
      <c r="JX24" s="109">
        <v>271740</v>
      </c>
      <c r="JY24" s="109">
        <v>0</v>
      </c>
      <c r="JZ24" s="109">
        <v>0</v>
      </c>
      <c r="KA24" s="110">
        <v>482897</v>
      </c>
      <c r="KB24" s="298">
        <v>482897</v>
      </c>
      <c r="KC24" s="221">
        <v>0</v>
      </c>
      <c r="KD24" s="217">
        <v>0</v>
      </c>
      <c r="KE24" s="110">
        <v>0</v>
      </c>
      <c r="KF24" s="108">
        <v>0</v>
      </c>
      <c r="KG24" s="109">
        <v>495687</v>
      </c>
      <c r="KH24" s="109">
        <v>179898</v>
      </c>
      <c r="KI24" s="109">
        <v>418065</v>
      </c>
      <c r="KJ24" s="109">
        <v>154983</v>
      </c>
      <c r="KK24" s="109">
        <v>0</v>
      </c>
      <c r="KL24" s="110">
        <v>1248633</v>
      </c>
      <c r="KM24" s="130">
        <v>1248633</v>
      </c>
      <c r="KN24" s="219">
        <v>0</v>
      </c>
      <c r="KO24" s="223">
        <v>0</v>
      </c>
      <c r="KP24" s="224">
        <v>0</v>
      </c>
      <c r="KQ24" s="127"/>
      <c r="KR24" s="109">
        <v>224967</v>
      </c>
      <c r="KS24" s="109">
        <v>480146</v>
      </c>
      <c r="KT24" s="109">
        <v>251301</v>
      </c>
      <c r="KU24" s="109">
        <v>0</v>
      </c>
      <c r="KV24" s="109">
        <v>0</v>
      </c>
      <c r="KW24" s="110">
        <v>956414</v>
      </c>
      <c r="KX24" s="298">
        <v>956414</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0</v>
      </c>
      <c r="LZ24" s="109">
        <v>0</v>
      </c>
      <c r="MA24" s="109">
        <v>0</v>
      </c>
      <c r="MB24" s="109">
        <v>311672</v>
      </c>
      <c r="MC24" s="109">
        <v>393859</v>
      </c>
      <c r="MD24" s="110">
        <v>705531</v>
      </c>
      <c r="ME24" s="111">
        <v>705531</v>
      </c>
      <c r="MF24" s="129">
        <v>0</v>
      </c>
      <c r="MG24" s="109">
        <v>0</v>
      </c>
      <c r="MH24" s="110">
        <v>0</v>
      </c>
      <c r="MI24" s="132"/>
      <c r="MJ24" s="109">
        <v>236479</v>
      </c>
      <c r="MK24" s="109">
        <v>0</v>
      </c>
      <c r="ML24" s="109">
        <v>2076315</v>
      </c>
      <c r="MM24" s="109">
        <v>2698570</v>
      </c>
      <c r="MN24" s="109">
        <v>1759634</v>
      </c>
      <c r="MO24" s="110">
        <v>6770998</v>
      </c>
      <c r="MP24" s="130">
        <v>6770998</v>
      </c>
      <c r="MQ24" s="129">
        <v>0</v>
      </c>
      <c r="MR24" s="109">
        <v>0</v>
      </c>
      <c r="MS24" s="110">
        <v>0</v>
      </c>
      <c r="MT24" s="132"/>
      <c r="MU24" s="109">
        <v>0</v>
      </c>
      <c r="MV24" s="109">
        <v>0</v>
      </c>
      <c r="MW24" s="109">
        <v>1805736</v>
      </c>
      <c r="MX24" s="109">
        <v>1501778</v>
      </c>
      <c r="MY24" s="109">
        <v>1759634</v>
      </c>
      <c r="MZ24" s="110">
        <v>5067148</v>
      </c>
      <c r="NA24" s="130">
        <v>5067148</v>
      </c>
      <c r="NB24" s="129">
        <v>0</v>
      </c>
      <c r="NC24" s="109">
        <v>0</v>
      </c>
      <c r="ND24" s="110">
        <v>0</v>
      </c>
      <c r="NE24" s="132"/>
      <c r="NF24" s="109">
        <v>236479</v>
      </c>
      <c r="NG24" s="109">
        <v>0</v>
      </c>
      <c r="NH24" s="109">
        <v>270579</v>
      </c>
      <c r="NI24" s="109">
        <v>1196792</v>
      </c>
      <c r="NJ24" s="109">
        <v>0</v>
      </c>
      <c r="NK24" s="110">
        <v>1703850</v>
      </c>
      <c r="NL24" s="298">
        <v>1703850</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0</v>
      </c>
      <c r="OG24" s="110">
        <v>0</v>
      </c>
      <c r="OH24" s="111">
        <v>0</v>
      </c>
      <c r="OI24" s="129">
        <v>373366</v>
      </c>
      <c r="OJ24" s="109">
        <v>255774</v>
      </c>
      <c r="OK24" s="128">
        <v>629140</v>
      </c>
      <c r="OL24" s="108">
        <v>0</v>
      </c>
      <c r="OM24" s="109">
        <v>4949258</v>
      </c>
      <c r="ON24" s="109">
        <v>5087164</v>
      </c>
      <c r="OO24" s="109">
        <v>5758753</v>
      </c>
      <c r="OP24" s="109">
        <v>5575867</v>
      </c>
      <c r="OQ24" s="109">
        <v>4136354</v>
      </c>
      <c r="OR24" s="110">
        <v>25507396</v>
      </c>
      <c r="OS24" s="130">
        <v>26136536</v>
      </c>
    </row>
    <row r="25" spans="2:409" ht="21" customHeight="1" x14ac:dyDescent="0.2">
      <c r="B25" s="472" t="s">
        <v>20</v>
      </c>
      <c r="C25" s="100">
        <v>417635</v>
      </c>
      <c r="D25" s="104">
        <v>638136</v>
      </c>
      <c r="E25" s="103">
        <v>1055771</v>
      </c>
      <c r="F25" s="100">
        <v>0</v>
      </c>
      <c r="G25" s="104">
        <v>5259881</v>
      </c>
      <c r="H25" s="104">
        <v>4730900</v>
      </c>
      <c r="I25" s="104">
        <v>5199259</v>
      </c>
      <c r="J25" s="104">
        <v>5449840</v>
      </c>
      <c r="K25" s="104">
        <v>4594971</v>
      </c>
      <c r="L25" s="160">
        <v>25234851</v>
      </c>
      <c r="M25" s="106">
        <v>26290622</v>
      </c>
      <c r="N25" s="100">
        <v>114761</v>
      </c>
      <c r="O25" s="104">
        <v>181443</v>
      </c>
      <c r="P25" s="103">
        <v>296204</v>
      </c>
      <c r="Q25" s="100">
        <v>0</v>
      </c>
      <c r="R25" s="104">
        <v>1993071</v>
      </c>
      <c r="S25" s="104">
        <v>1989430</v>
      </c>
      <c r="T25" s="104">
        <v>1773137</v>
      </c>
      <c r="U25" s="104">
        <v>1851587</v>
      </c>
      <c r="V25" s="104">
        <v>2413976</v>
      </c>
      <c r="W25" s="103">
        <v>10021201</v>
      </c>
      <c r="X25" s="106">
        <v>10317405</v>
      </c>
      <c r="Y25" s="100">
        <v>0</v>
      </c>
      <c r="Z25" s="104">
        <v>0</v>
      </c>
      <c r="AA25" s="103">
        <v>0</v>
      </c>
      <c r="AB25" s="100">
        <v>0</v>
      </c>
      <c r="AC25" s="104">
        <v>859192</v>
      </c>
      <c r="AD25" s="104">
        <v>873929</v>
      </c>
      <c r="AE25" s="104">
        <v>633620</v>
      </c>
      <c r="AF25" s="104">
        <v>1058882</v>
      </c>
      <c r="AG25" s="104">
        <v>1397510</v>
      </c>
      <c r="AH25" s="103">
        <v>4823133</v>
      </c>
      <c r="AI25" s="106">
        <v>4823133</v>
      </c>
      <c r="AJ25" s="100">
        <v>0</v>
      </c>
      <c r="AK25" s="104">
        <v>0</v>
      </c>
      <c r="AL25" s="103">
        <v>0</v>
      </c>
      <c r="AM25" s="100">
        <v>0</v>
      </c>
      <c r="AN25" s="104">
        <v>0</v>
      </c>
      <c r="AO25" s="104">
        <v>0</v>
      </c>
      <c r="AP25" s="104">
        <v>106604</v>
      </c>
      <c r="AQ25" s="104">
        <v>13727</v>
      </c>
      <c r="AR25" s="104">
        <v>176472</v>
      </c>
      <c r="AS25" s="103">
        <v>296803</v>
      </c>
      <c r="AT25" s="106">
        <v>296803</v>
      </c>
      <c r="AU25" s="100">
        <v>71575</v>
      </c>
      <c r="AV25" s="104">
        <v>13370</v>
      </c>
      <c r="AW25" s="103">
        <v>84945</v>
      </c>
      <c r="AX25" s="100">
        <v>0</v>
      </c>
      <c r="AY25" s="104">
        <v>818677</v>
      </c>
      <c r="AZ25" s="104">
        <v>609689</v>
      </c>
      <c r="BA25" s="104">
        <v>531622</v>
      </c>
      <c r="BB25" s="104">
        <v>380665</v>
      </c>
      <c r="BC25" s="104">
        <v>548523</v>
      </c>
      <c r="BD25" s="103">
        <v>2889176</v>
      </c>
      <c r="BE25" s="106">
        <v>2974121</v>
      </c>
      <c r="BF25" s="100">
        <v>27714</v>
      </c>
      <c r="BG25" s="104">
        <v>114833</v>
      </c>
      <c r="BH25" s="102">
        <v>142547</v>
      </c>
      <c r="BI25" s="101">
        <v>0</v>
      </c>
      <c r="BJ25" s="104">
        <v>131114</v>
      </c>
      <c r="BK25" s="104">
        <v>256404</v>
      </c>
      <c r="BL25" s="104">
        <v>160203</v>
      </c>
      <c r="BM25" s="104">
        <v>39121</v>
      </c>
      <c r="BN25" s="104">
        <v>87231</v>
      </c>
      <c r="BO25" s="103">
        <v>674073</v>
      </c>
      <c r="BP25" s="106">
        <v>816620</v>
      </c>
      <c r="BQ25" s="100">
        <v>15472</v>
      </c>
      <c r="BR25" s="104">
        <v>53240</v>
      </c>
      <c r="BS25" s="103">
        <v>68712</v>
      </c>
      <c r="BT25" s="100">
        <v>0</v>
      </c>
      <c r="BU25" s="104">
        <v>184088</v>
      </c>
      <c r="BV25" s="104">
        <v>249408</v>
      </c>
      <c r="BW25" s="104">
        <v>341088</v>
      </c>
      <c r="BX25" s="104">
        <v>359192</v>
      </c>
      <c r="BY25" s="104">
        <v>204240</v>
      </c>
      <c r="BZ25" s="103">
        <v>1338016</v>
      </c>
      <c r="CA25" s="106">
        <v>1406728</v>
      </c>
      <c r="CB25" s="100">
        <v>62243</v>
      </c>
      <c r="CC25" s="104">
        <v>40413</v>
      </c>
      <c r="CD25" s="103">
        <v>102656</v>
      </c>
      <c r="CE25" s="100">
        <v>0</v>
      </c>
      <c r="CF25" s="104">
        <v>2015533</v>
      </c>
      <c r="CG25" s="104">
        <v>1773935</v>
      </c>
      <c r="CH25" s="104">
        <v>1308988</v>
      </c>
      <c r="CI25" s="104">
        <v>749748</v>
      </c>
      <c r="CJ25" s="104">
        <v>393663</v>
      </c>
      <c r="CK25" s="103">
        <v>6241867</v>
      </c>
      <c r="CL25" s="106">
        <v>6344523</v>
      </c>
      <c r="CM25" s="100">
        <v>0</v>
      </c>
      <c r="CN25" s="104">
        <v>0</v>
      </c>
      <c r="CO25" s="103">
        <v>0</v>
      </c>
      <c r="CP25" s="101">
        <v>0</v>
      </c>
      <c r="CQ25" s="104">
        <v>1585123</v>
      </c>
      <c r="CR25" s="104">
        <v>997071</v>
      </c>
      <c r="CS25" s="104">
        <v>978445</v>
      </c>
      <c r="CT25" s="104">
        <v>503719</v>
      </c>
      <c r="CU25" s="104">
        <v>298704</v>
      </c>
      <c r="CV25" s="103">
        <v>4363062</v>
      </c>
      <c r="CW25" s="106">
        <v>4363062</v>
      </c>
      <c r="CX25" s="100">
        <v>62243</v>
      </c>
      <c r="CY25" s="104">
        <v>40413</v>
      </c>
      <c r="CZ25" s="103">
        <v>102656</v>
      </c>
      <c r="DA25" s="100">
        <v>0</v>
      </c>
      <c r="DB25" s="104">
        <v>430410</v>
      </c>
      <c r="DC25" s="104">
        <v>776864</v>
      </c>
      <c r="DD25" s="104">
        <v>330543</v>
      </c>
      <c r="DE25" s="104">
        <v>246029</v>
      </c>
      <c r="DF25" s="104">
        <v>94959</v>
      </c>
      <c r="DG25" s="103">
        <v>1878805</v>
      </c>
      <c r="DH25" s="106">
        <v>1981461</v>
      </c>
      <c r="DI25" s="100">
        <v>0</v>
      </c>
      <c r="DJ25" s="104">
        <v>0</v>
      </c>
      <c r="DK25" s="102">
        <v>0</v>
      </c>
      <c r="DL25" s="101">
        <v>0</v>
      </c>
      <c r="DM25" s="104">
        <v>33556</v>
      </c>
      <c r="DN25" s="104">
        <v>147327</v>
      </c>
      <c r="DO25" s="104">
        <v>242450</v>
      </c>
      <c r="DP25" s="104">
        <v>1020689</v>
      </c>
      <c r="DQ25" s="104">
        <v>62876</v>
      </c>
      <c r="DR25" s="103">
        <v>1506898</v>
      </c>
      <c r="DS25" s="106">
        <v>1506898</v>
      </c>
      <c r="DT25" s="100">
        <v>0</v>
      </c>
      <c r="DU25" s="104">
        <v>0</v>
      </c>
      <c r="DV25" s="103">
        <v>0</v>
      </c>
      <c r="DW25" s="100">
        <v>0</v>
      </c>
      <c r="DX25" s="104">
        <v>33556</v>
      </c>
      <c r="DY25" s="104">
        <v>147327</v>
      </c>
      <c r="DZ25" s="104">
        <v>182583</v>
      </c>
      <c r="EA25" s="104">
        <v>923276</v>
      </c>
      <c r="EB25" s="104">
        <v>62876</v>
      </c>
      <c r="EC25" s="103">
        <v>1349618</v>
      </c>
      <c r="ED25" s="106">
        <v>1349618</v>
      </c>
      <c r="EE25" s="100">
        <v>0</v>
      </c>
      <c r="EF25" s="102">
        <v>0</v>
      </c>
      <c r="EG25" s="103">
        <v>0</v>
      </c>
      <c r="EH25" s="100">
        <v>0</v>
      </c>
      <c r="EI25" s="104">
        <v>0</v>
      </c>
      <c r="EJ25" s="104">
        <v>0</v>
      </c>
      <c r="EK25" s="104">
        <v>59867</v>
      </c>
      <c r="EL25" s="104">
        <v>97413</v>
      </c>
      <c r="EM25" s="104">
        <v>0</v>
      </c>
      <c r="EN25" s="102">
        <v>157280</v>
      </c>
      <c r="EO25" s="106">
        <v>157280</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188624</v>
      </c>
      <c r="FM25" s="104">
        <v>235616</v>
      </c>
      <c r="FN25" s="103">
        <v>424240</v>
      </c>
      <c r="FO25" s="100">
        <v>0</v>
      </c>
      <c r="FP25" s="104">
        <v>505612</v>
      </c>
      <c r="FQ25" s="104">
        <v>538504</v>
      </c>
      <c r="FR25" s="104">
        <v>410848</v>
      </c>
      <c r="FS25" s="104">
        <v>315064</v>
      </c>
      <c r="FT25" s="104">
        <v>370632</v>
      </c>
      <c r="FU25" s="103">
        <v>2140660</v>
      </c>
      <c r="FV25" s="106">
        <v>2564900</v>
      </c>
      <c r="FW25" s="105">
        <v>44624</v>
      </c>
      <c r="FX25" s="104">
        <v>106016</v>
      </c>
      <c r="FY25" s="102">
        <v>150640</v>
      </c>
      <c r="FZ25" s="101">
        <v>0</v>
      </c>
      <c r="GA25" s="104">
        <v>347560</v>
      </c>
      <c r="GB25" s="104">
        <v>372472</v>
      </c>
      <c r="GC25" s="104">
        <v>397248</v>
      </c>
      <c r="GD25" s="104">
        <v>315064</v>
      </c>
      <c r="GE25" s="104">
        <v>370632</v>
      </c>
      <c r="GF25" s="103">
        <v>1802976</v>
      </c>
      <c r="GG25" s="296">
        <v>1953616</v>
      </c>
      <c r="GH25" s="105">
        <v>0</v>
      </c>
      <c r="GI25" s="104">
        <v>28000</v>
      </c>
      <c r="GJ25" s="102">
        <v>28000</v>
      </c>
      <c r="GK25" s="101">
        <v>0</v>
      </c>
      <c r="GL25" s="104">
        <v>0</v>
      </c>
      <c r="GM25" s="104">
        <v>0</v>
      </c>
      <c r="GN25" s="104">
        <v>13600</v>
      </c>
      <c r="GO25" s="104">
        <v>0</v>
      </c>
      <c r="GP25" s="104">
        <v>0</v>
      </c>
      <c r="GQ25" s="103">
        <v>13600</v>
      </c>
      <c r="GR25" s="106">
        <v>41600</v>
      </c>
      <c r="GS25" s="100">
        <v>144000</v>
      </c>
      <c r="GT25" s="104">
        <v>101600</v>
      </c>
      <c r="GU25" s="103">
        <v>245600</v>
      </c>
      <c r="GV25" s="100">
        <v>0</v>
      </c>
      <c r="GW25" s="104">
        <v>158052</v>
      </c>
      <c r="GX25" s="104">
        <v>166032</v>
      </c>
      <c r="GY25" s="104">
        <v>0</v>
      </c>
      <c r="GZ25" s="104">
        <v>0</v>
      </c>
      <c r="HA25" s="104">
        <v>0</v>
      </c>
      <c r="HB25" s="102">
        <v>324084</v>
      </c>
      <c r="HC25" s="106">
        <v>569684</v>
      </c>
      <c r="HD25" s="100">
        <v>52007</v>
      </c>
      <c r="HE25" s="104">
        <v>180664</v>
      </c>
      <c r="HF25" s="102">
        <v>232671</v>
      </c>
      <c r="HG25" s="101">
        <v>0</v>
      </c>
      <c r="HH25" s="104">
        <v>712109</v>
      </c>
      <c r="HI25" s="104">
        <v>281704</v>
      </c>
      <c r="HJ25" s="104">
        <v>1463836</v>
      </c>
      <c r="HK25" s="104">
        <v>1512752</v>
      </c>
      <c r="HL25" s="104">
        <v>1353824</v>
      </c>
      <c r="HM25" s="103">
        <v>5324225</v>
      </c>
      <c r="HN25" s="99">
        <v>5556896</v>
      </c>
      <c r="HO25" s="306"/>
      <c r="HP25" s="307"/>
      <c r="HQ25" s="308"/>
      <c r="HR25" s="309"/>
      <c r="HS25" s="307"/>
      <c r="HT25" s="307"/>
      <c r="HU25" s="307"/>
      <c r="HV25" s="307"/>
      <c r="HW25" s="307"/>
      <c r="HX25" s="310"/>
      <c r="HY25" s="311"/>
      <c r="HZ25" s="118">
        <v>0</v>
      </c>
      <c r="IA25" s="119">
        <v>0</v>
      </c>
      <c r="IB25" s="120">
        <v>0</v>
      </c>
      <c r="IC25" s="133">
        <v>0</v>
      </c>
      <c r="ID25" s="119">
        <v>653878</v>
      </c>
      <c r="IE25" s="134">
        <v>972142</v>
      </c>
      <c r="IF25" s="120">
        <v>1110948</v>
      </c>
      <c r="IG25" s="119">
        <v>331832</v>
      </c>
      <c r="IH25" s="120">
        <v>506304</v>
      </c>
      <c r="II25" s="135">
        <v>3575104</v>
      </c>
      <c r="IJ25" s="126">
        <v>3575104</v>
      </c>
      <c r="IK25" s="219">
        <v>0</v>
      </c>
      <c r="IL25" s="223">
        <v>0</v>
      </c>
      <c r="IM25" s="224">
        <v>0</v>
      </c>
      <c r="IN25" s="127"/>
      <c r="IO25" s="109">
        <v>0</v>
      </c>
      <c r="IP25" s="109">
        <v>0</v>
      </c>
      <c r="IQ25" s="109">
        <v>0</v>
      </c>
      <c r="IR25" s="109">
        <v>0</v>
      </c>
      <c r="IS25" s="109">
        <v>0</v>
      </c>
      <c r="IT25" s="128">
        <v>0</v>
      </c>
      <c r="IU25" s="298">
        <v>0</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426062</v>
      </c>
      <c r="JL25" s="109">
        <v>474748</v>
      </c>
      <c r="JM25" s="109">
        <v>367506</v>
      </c>
      <c r="JN25" s="109">
        <v>77692</v>
      </c>
      <c r="JO25" s="109">
        <v>220958</v>
      </c>
      <c r="JP25" s="110">
        <v>1566966</v>
      </c>
      <c r="JQ25" s="298">
        <v>1566966</v>
      </c>
      <c r="JR25" s="129">
        <v>0</v>
      </c>
      <c r="JS25" s="109">
        <v>0</v>
      </c>
      <c r="JT25" s="128">
        <v>0</v>
      </c>
      <c r="JU25" s="108">
        <v>0</v>
      </c>
      <c r="JV25" s="109">
        <v>0</v>
      </c>
      <c r="JW25" s="109">
        <v>0</v>
      </c>
      <c r="JX25" s="109">
        <v>0</v>
      </c>
      <c r="JY25" s="109">
        <v>0</v>
      </c>
      <c r="JZ25" s="109">
        <v>0</v>
      </c>
      <c r="KA25" s="110">
        <v>0</v>
      </c>
      <c r="KB25" s="298">
        <v>0</v>
      </c>
      <c r="KC25" s="221">
        <v>0</v>
      </c>
      <c r="KD25" s="217">
        <v>0</v>
      </c>
      <c r="KE25" s="110">
        <v>0</v>
      </c>
      <c r="KF25" s="108">
        <v>0</v>
      </c>
      <c r="KG25" s="109">
        <v>107290</v>
      </c>
      <c r="KH25" s="109">
        <v>0</v>
      </c>
      <c r="KI25" s="109">
        <v>229590</v>
      </c>
      <c r="KJ25" s="109">
        <v>0</v>
      </c>
      <c r="KK25" s="109">
        <v>0</v>
      </c>
      <c r="KL25" s="110">
        <v>336880</v>
      </c>
      <c r="KM25" s="130">
        <v>336880</v>
      </c>
      <c r="KN25" s="219">
        <v>0</v>
      </c>
      <c r="KO25" s="223">
        <v>0</v>
      </c>
      <c r="KP25" s="224">
        <v>0</v>
      </c>
      <c r="KQ25" s="127"/>
      <c r="KR25" s="109">
        <v>120526</v>
      </c>
      <c r="KS25" s="109">
        <v>497394</v>
      </c>
      <c r="KT25" s="109">
        <v>513852</v>
      </c>
      <c r="KU25" s="109">
        <v>254140</v>
      </c>
      <c r="KV25" s="109">
        <v>285346</v>
      </c>
      <c r="KW25" s="110">
        <v>1671258</v>
      </c>
      <c r="KX25" s="298">
        <v>1671258</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475658</v>
      </c>
      <c r="MK25" s="109">
        <v>465296</v>
      </c>
      <c r="ML25" s="109">
        <v>1639489</v>
      </c>
      <c r="MM25" s="109">
        <v>3410760</v>
      </c>
      <c r="MN25" s="109">
        <v>837160</v>
      </c>
      <c r="MO25" s="110">
        <v>6828363</v>
      </c>
      <c r="MP25" s="130">
        <v>6828363</v>
      </c>
      <c r="MQ25" s="129">
        <v>0</v>
      </c>
      <c r="MR25" s="109">
        <v>0</v>
      </c>
      <c r="MS25" s="110">
        <v>0</v>
      </c>
      <c r="MT25" s="132"/>
      <c r="MU25" s="109">
        <v>0</v>
      </c>
      <c r="MV25" s="109">
        <v>243372</v>
      </c>
      <c r="MW25" s="109">
        <v>1639489</v>
      </c>
      <c r="MX25" s="109">
        <v>3056085</v>
      </c>
      <c r="MY25" s="109">
        <v>837160</v>
      </c>
      <c r="MZ25" s="110">
        <v>5776106</v>
      </c>
      <c r="NA25" s="130">
        <v>5776106</v>
      </c>
      <c r="NB25" s="129">
        <v>0</v>
      </c>
      <c r="NC25" s="109">
        <v>0</v>
      </c>
      <c r="ND25" s="110">
        <v>0</v>
      </c>
      <c r="NE25" s="132"/>
      <c r="NF25" s="109">
        <v>475658</v>
      </c>
      <c r="NG25" s="109">
        <v>221924</v>
      </c>
      <c r="NH25" s="109">
        <v>0</v>
      </c>
      <c r="NI25" s="109">
        <v>354675</v>
      </c>
      <c r="NJ25" s="109">
        <v>0</v>
      </c>
      <c r="NK25" s="110">
        <v>1052257</v>
      </c>
      <c r="NL25" s="298">
        <v>1052257</v>
      </c>
      <c r="NM25" s="129">
        <v>0</v>
      </c>
      <c r="NN25" s="109">
        <v>0</v>
      </c>
      <c r="NO25" s="110">
        <v>0</v>
      </c>
      <c r="NP25" s="132"/>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417635</v>
      </c>
      <c r="OJ25" s="109">
        <v>638136</v>
      </c>
      <c r="OK25" s="128">
        <v>1055771</v>
      </c>
      <c r="OL25" s="108">
        <v>0</v>
      </c>
      <c r="OM25" s="109">
        <v>6389417</v>
      </c>
      <c r="ON25" s="109">
        <v>6168338</v>
      </c>
      <c r="OO25" s="109">
        <v>7949696</v>
      </c>
      <c r="OP25" s="109">
        <v>9192432</v>
      </c>
      <c r="OQ25" s="109">
        <v>5938435</v>
      </c>
      <c r="OR25" s="110">
        <v>35638318</v>
      </c>
      <c r="OS25" s="130">
        <v>36694089</v>
      </c>
    </row>
    <row r="26" spans="2:409" ht="21" customHeight="1" x14ac:dyDescent="0.2">
      <c r="B26" s="472" t="s">
        <v>21</v>
      </c>
      <c r="C26" s="100">
        <v>433415</v>
      </c>
      <c r="D26" s="104">
        <v>689280</v>
      </c>
      <c r="E26" s="103">
        <v>1122695</v>
      </c>
      <c r="F26" s="99">
        <v>0</v>
      </c>
      <c r="G26" s="104">
        <v>2806734</v>
      </c>
      <c r="H26" s="104">
        <v>4997582</v>
      </c>
      <c r="I26" s="104">
        <v>2816564</v>
      </c>
      <c r="J26" s="104">
        <v>3264752</v>
      </c>
      <c r="K26" s="104">
        <v>3478849</v>
      </c>
      <c r="L26" s="160">
        <v>17364481</v>
      </c>
      <c r="M26" s="106">
        <v>18487176</v>
      </c>
      <c r="N26" s="100">
        <v>222794</v>
      </c>
      <c r="O26" s="104">
        <v>187827</v>
      </c>
      <c r="P26" s="103">
        <v>410621</v>
      </c>
      <c r="Q26" s="100">
        <v>0</v>
      </c>
      <c r="R26" s="104">
        <v>1207643</v>
      </c>
      <c r="S26" s="104">
        <v>2074943</v>
      </c>
      <c r="T26" s="104">
        <v>637471</v>
      </c>
      <c r="U26" s="104">
        <v>1553563</v>
      </c>
      <c r="V26" s="104">
        <v>1677424</v>
      </c>
      <c r="W26" s="103">
        <v>7151044</v>
      </c>
      <c r="X26" s="106">
        <v>7561665</v>
      </c>
      <c r="Y26" s="100">
        <v>0</v>
      </c>
      <c r="Z26" s="104">
        <v>0</v>
      </c>
      <c r="AA26" s="103">
        <v>0</v>
      </c>
      <c r="AB26" s="100">
        <v>0</v>
      </c>
      <c r="AC26" s="104">
        <v>397465</v>
      </c>
      <c r="AD26" s="104">
        <v>684701</v>
      </c>
      <c r="AE26" s="104">
        <v>227863</v>
      </c>
      <c r="AF26" s="104">
        <v>1115660</v>
      </c>
      <c r="AG26" s="104">
        <v>1166952</v>
      </c>
      <c r="AH26" s="103">
        <v>3592641</v>
      </c>
      <c r="AI26" s="106">
        <v>3592641</v>
      </c>
      <c r="AJ26" s="100">
        <v>0</v>
      </c>
      <c r="AK26" s="104">
        <v>0</v>
      </c>
      <c r="AL26" s="103">
        <v>0</v>
      </c>
      <c r="AM26" s="100">
        <v>0</v>
      </c>
      <c r="AN26" s="104">
        <v>0</v>
      </c>
      <c r="AO26" s="104">
        <v>0</v>
      </c>
      <c r="AP26" s="104">
        <v>0</v>
      </c>
      <c r="AQ26" s="104">
        <v>0</v>
      </c>
      <c r="AR26" s="104">
        <v>153367</v>
      </c>
      <c r="AS26" s="103">
        <v>153367</v>
      </c>
      <c r="AT26" s="106">
        <v>153367</v>
      </c>
      <c r="AU26" s="100">
        <v>123343</v>
      </c>
      <c r="AV26" s="104">
        <v>119035</v>
      </c>
      <c r="AW26" s="103">
        <v>242378</v>
      </c>
      <c r="AX26" s="100">
        <v>0</v>
      </c>
      <c r="AY26" s="104">
        <v>511927</v>
      </c>
      <c r="AZ26" s="104">
        <v>1106692</v>
      </c>
      <c r="BA26" s="104">
        <v>307456</v>
      </c>
      <c r="BB26" s="104">
        <v>289719</v>
      </c>
      <c r="BC26" s="104">
        <v>182165</v>
      </c>
      <c r="BD26" s="103">
        <v>2397959</v>
      </c>
      <c r="BE26" s="106">
        <v>2640337</v>
      </c>
      <c r="BF26" s="100">
        <v>43195</v>
      </c>
      <c r="BG26" s="104">
        <v>0</v>
      </c>
      <c r="BH26" s="102">
        <v>43195</v>
      </c>
      <c r="BI26" s="101">
        <v>0</v>
      </c>
      <c r="BJ26" s="104">
        <v>150323</v>
      </c>
      <c r="BK26" s="104">
        <v>46638</v>
      </c>
      <c r="BL26" s="104">
        <v>0</v>
      </c>
      <c r="BM26" s="104">
        <v>0</v>
      </c>
      <c r="BN26" s="104">
        <v>26636</v>
      </c>
      <c r="BO26" s="103">
        <v>223597</v>
      </c>
      <c r="BP26" s="106">
        <v>266792</v>
      </c>
      <c r="BQ26" s="100">
        <v>56256</v>
      </c>
      <c r="BR26" s="104">
        <v>68792</v>
      </c>
      <c r="BS26" s="103">
        <v>125048</v>
      </c>
      <c r="BT26" s="100">
        <v>0</v>
      </c>
      <c r="BU26" s="104">
        <v>147928</v>
      </c>
      <c r="BV26" s="104">
        <v>236912</v>
      </c>
      <c r="BW26" s="104">
        <v>102152</v>
      </c>
      <c r="BX26" s="104">
        <v>148184</v>
      </c>
      <c r="BY26" s="104">
        <v>148304</v>
      </c>
      <c r="BZ26" s="103">
        <v>783480</v>
      </c>
      <c r="CA26" s="106">
        <v>908528</v>
      </c>
      <c r="CB26" s="100">
        <v>81350</v>
      </c>
      <c r="CC26" s="104">
        <v>75166</v>
      </c>
      <c r="CD26" s="103">
        <v>156516</v>
      </c>
      <c r="CE26" s="100">
        <v>0</v>
      </c>
      <c r="CF26" s="104">
        <v>1012178</v>
      </c>
      <c r="CG26" s="104">
        <v>1328939</v>
      </c>
      <c r="CH26" s="104">
        <v>1184169</v>
      </c>
      <c r="CI26" s="104">
        <v>199124</v>
      </c>
      <c r="CJ26" s="104">
        <v>184697</v>
      </c>
      <c r="CK26" s="103">
        <v>3909107</v>
      </c>
      <c r="CL26" s="106">
        <v>4065623</v>
      </c>
      <c r="CM26" s="100">
        <v>0</v>
      </c>
      <c r="CN26" s="104">
        <v>0</v>
      </c>
      <c r="CO26" s="103">
        <v>0</v>
      </c>
      <c r="CP26" s="101">
        <v>0</v>
      </c>
      <c r="CQ26" s="104">
        <v>751615</v>
      </c>
      <c r="CR26" s="104">
        <v>1096698</v>
      </c>
      <c r="CS26" s="104">
        <v>1051063</v>
      </c>
      <c r="CT26" s="104">
        <v>199124</v>
      </c>
      <c r="CU26" s="104">
        <v>132369</v>
      </c>
      <c r="CV26" s="103">
        <v>3230869</v>
      </c>
      <c r="CW26" s="106">
        <v>3230869</v>
      </c>
      <c r="CX26" s="100">
        <v>81350</v>
      </c>
      <c r="CY26" s="104">
        <v>75166</v>
      </c>
      <c r="CZ26" s="103">
        <v>156516</v>
      </c>
      <c r="DA26" s="100">
        <v>0</v>
      </c>
      <c r="DB26" s="104">
        <v>260563</v>
      </c>
      <c r="DC26" s="104">
        <v>232241</v>
      </c>
      <c r="DD26" s="104">
        <v>133106</v>
      </c>
      <c r="DE26" s="104">
        <v>0</v>
      </c>
      <c r="DF26" s="104">
        <v>52328</v>
      </c>
      <c r="DG26" s="103">
        <v>678238</v>
      </c>
      <c r="DH26" s="106">
        <v>834754</v>
      </c>
      <c r="DI26" s="100">
        <v>0</v>
      </c>
      <c r="DJ26" s="104">
        <v>0</v>
      </c>
      <c r="DK26" s="102">
        <v>0</v>
      </c>
      <c r="DL26" s="101">
        <v>0</v>
      </c>
      <c r="DM26" s="104">
        <v>0</v>
      </c>
      <c r="DN26" s="104">
        <v>289462</v>
      </c>
      <c r="DO26" s="104">
        <v>318760</v>
      </c>
      <c r="DP26" s="104">
        <v>690753</v>
      </c>
      <c r="DQ26" s="104">
        <v>415794</v>
      </c>
      <c r="DR26" s="103">
        <v>1714769</v>
      </c>
      <c r="DS26" s="106">
        <v>1714769</v>
      </c>
      <c r="DT26" s="100">
        <v>0</v>
      </c>
      <c r="DU26" s="104">
        <v>0</v>
      </c>
      <c r="DV26" s="103">
        <v>0</v>
      </c>
      <c r="DW26" s="100">
        <v>0</v>
      </c>
      <c r="DX26" s="104">
        <v>0</v>
      </c>
      <c r="DY26" s="104">
        <v>191517</v>
      </c>
      <c r="DZ26" s="104">
        <v>318760</v>
      </c>
      <c r="EA26" s="104">
        <v>690753</v>
      </c>
      <c r="EB26" s="104">
        <v>415794</v>
      </c>
      <c r="EC26" s="103">
        <v>1616824</v>
      </c>
      <c r="ED26" s="106">
        <v>1616824</v>
      </c>
      <c r="EE26" s="100">
        <v>0</v>
      </c>
      <c r="EF26" s="102">
        <v>0</v>
      </c>
      <c r="EG26" s="103">
        <v>0</v>
      </c>
      <c r="EH26" s="100">
        <v>0</v>
      </c>
      <c r="EI26" s="104">
        <v>0</v>
      </c>
      <c r="EJ26" s="104">
        <v>97945</v>
      </c>
      <c r="EK26" s="104">
        <v>0</v>
      </c>
      <c r="EL26" s="104">
        <v>0</v>
      </c>
      <c r="EM26" s="104">
        <v>0</v>
      </c>
      <c r="EN26" s="102">
        <v>97945</v>
      </c>
      <c r="EO26" s="106">
        <v>97945</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73536</v>
      </c>
      <c r="FM26" s="104">
        <v>78432</v>
      </c>
      <c r="FN26" s="103">
        <v>151968</v>
      </c>
      <c r="FO26" s="100">
        <v>0</v>
      </c>
      <c r="FP26" s="104">
        <v>119496</v>
      </c>
      <c r="FQ26" s="104">
        <v>508824</v>
      </c>
      <c r="FR26" s="104">
        <v>281872</v>
      </c>
      <c r="FS26" s="104">
        <v>214560</v>
      </c>
      <c r="FT26" s="104">
        <v>263464</v>
      </c>
      <c r="FU26" s="103">
        <v>1388216</v>
      </c>
      <c r="FV26" s="106">
        <v>1540184</v>
      </c>
      <c r="FW26" s="105">
        <v>73536</v>
      </c>
      <c r="FX26" s="104">
        <v>78432</v>
      </c>
      <c r="FY26" s="102">
        <v>151968</v>
      </c>
      <c r="FZ26" s="101">
        <v>0</v>
      </c>
      <c r="GA26" s="104">
        <v>105096</v>
      </c>
      <c r="GB26" s="104">
        <v>485856</v>
      </c>
      <c r="GC26" s="104">
        <v>269112</v>
      </c>
      <c r="GD26" s="104">
        <v>214560</v>
      </c>
      <c r="GE26" s="104">
        <v>263464</v>
      </c>
      <c r="GF26" s="103">
        <v>1338088</v>
      </c>
      <c r="GG26" s="296">
        <v>1490056</v>
      </c>
      <c r="GH26" s="105">
        <v>0</v>
      </c>
      <c r="GI26" s="104">
        <v>0</v>
      </c>
      <c r="GJ26" s="102">
        <v>0</v>
      </c>
      <c r="GK26" s="101">
        <v>0</v>
      </c>
      <c r="GL26" s="104">
        <v>14400</v>
      </c>
      <c r="GM26" s="104">
        <v>22968</v>
      </c>
      <c r="GN26" s="104">
        <v>12760</v>
      </c>
      <c r="GO26" s="104">
        <v>0</v>
      </c>
      <c r="GP26" s="104">
        <v>0</v>
      </c>
      <c r="GQ26" s="103">
        <v>50128</v>
      </c>
      <c r="GR26" s="106">
        <v>50128</v>
      </c>
      <c r="GS26" s="100">
        <v>0</v>
      </c>
      <c r="GT26" s="104">
        <v>0</v>
      </c>
      <c r="GU26" s="103">
        <v>0</v>
      </c>
      <c r="GV26" s="100">
        <v>0</v>
      </c>
      <c r="GW26" s="104">
        <v>0</v>
      </c>
      <c r="GX26" s="104">
        <v>0</v>
      </c>
      <c r="GY26" s="104">
        <v>0</v>
      </c>
      <c r="GZ26" s="104">
        <v>0</v>
      </c>
      <c r="HA26" s="104">
        <v>0</v>
      </c>
      <c r="HB26" s="102">
        <v>0</v>
      </c>
      <c r="HC26" s="106">
        <v>0</v>
      </c>
      <c r="HD26" s="100">
        <v>55735</v>
      </c>
      <c r="HE26" s="104">
        <v>347855</v>
      </c>
      <c r="HF26" s="102">
        <v>403590</v>
      </c>
      <c r="HG26" s="101">
        <v>0</v>
      </c>
      <c r="HH26" s="104">
        <v>467417</v>
      </c>
      <c r="HI26" s="104">
        <v>795414</v>
      </c>
      <c r="HJ26" s="104">
        <v>394292</v>
      </c>
      <c r="HK26" s="104">
        <v>606752</v>
      </c>
      <c r="HL26" s="104">
        <v>937470</v>
      </c>
      <c r="HM26" s="103">
        <v>3201345</v>
      </c>
      <c r="HN26" s="99">
        <v>3604935</v>
      </c>
      <c r="HO26" s="306"/>
      <c r="HP26" s="307"/>
      <c r="HQ26" s="308"/>
      <c r="HR26" s="309"/>
      <c r="HS26" s="307"/>
      <c r="HT26" s="307"/>
      <c r="HU26" s="307"/>
      <c r="HV26" s="307"/>
      <c r="HW26" s="307"/>
      <c r="HX26" s="310"/>
      <c r="HY26" s="311"/>
      <c r="HZ26" s="137">
        <v>0</v>
      </c>
      <c r="IA26" s="122">
        <v>0</v>
      </c>
      <c r="IB26" s="137">
        <v>0</v>
      </c>
      <c r="IC26" s="121">
        <v>0</v>
      </c>
      <c r="ID26" s="122">
        <v>780702</v>
      </c>
      <c r="IE26" s="123">
        <v>1000974</v>
      </c>
      <c r="IF26" s="124">
        <v>821586</v>
      </c>
      <c r="IG26" s="122">
        <v>174471</v>
      </c>
      <c r="IH26" s="124">
        <v>0</v>
      </c>
      <c r="II26" s="125">
        <v>2777733</v>
      </c>
      <c r="IJ26" s="137">
        <v>2777733</v>
      </c>
      <c r="IK26" s="219">
        <v>0</v>
      </c>
      <c r="IL26" s="223">
        <v>0</v>
      </c>
      <c r="IM26" s="224">
        <v>0</v>
      </c>
      <c r="IN26" s="127"/>
      <c r="IO26" s="109">
        <v>0</v>
      </c>
      <c r="IP26" s="109">
        <v>0</v>
      </c>
      <c r="IQ26" s="109">
        <v>0</v>
      </c>
      <c r="IR26" s="109">
        <v>0</v>
      </c>
      <c r="IS26" s="109">
        <v>0</v>
      </c>
      <c r="IT26" s="128">
        <v>0</v>
      </c>
      <c r="IU26" s="298">
        <v>0</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318546</v>
      </c>
      <c r="JL26" s="109">
        <v>509349</v>
      </c>
      <c r="JM26" s="109">
        <v>101180</v>
      </c>
      <c r="JN26" s="109">
        <v>174471</v>
      </c>
      <c r="JO26" s="109">
        <v>0</v>
      </c>
      <c r="JP26" s="110">
        <v>1103546</v>
      </c>
      <c r="JQ26" s="298">
        <v>1103546</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0</v>
      </c>
      <c r="KH26" s="109">
        <v>0</v>
      </c>
      <c r="KI26" s="109">
        <v>226056</v>
      </c>
      <c r="KJ26" s="109">
        <v>0</v>
      </c>
      <c r="KK26" s="109">
        <v>0</v>
      </c>
      <c r="KL26" s="110">
        <v>226056</v>
      </c>
      <c r="KM26" s="130">
        <v>226056</v>
      </c>
      <c r="KN26" s="219">
        <v>0</v>
      </c>
      <c r="KO26" s="223">
        <v>0</v>
      </c>
      <c r="KP26" s="224">
        <v>0</v>
      </c>
      <c r="KQ26" s="127"/>
      <c r="KR26" s="109">
        <v>462156</v>
      </c>
      <c r="KS26" s="109">
        <v>491625</v>
      </c>
      <c r="KT26" s="109">
        <v>494350</v>
      </c>
      <c r="KU26" s="109">
        <v>0</v>
      </c>
      <c r="KV26" s="109">
        <v>0</v>
      </c>
      <c r="KW26" s="110">
        <v>1448131</v>
      </c>
      <c r="KX26" s="298">
        <v>1448131</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c r="MJ26" s="109">
        <v>0</v>
      </c>
      <c r="MK26" s="109">
        <v>341781</v>
      </c>
      <c r="ML26" s="109">
        <v>1592934</v>
      </c>
      <c r="MM26" s="109">
        <v>2711979</v>
      </c>
      <c r="MN26" s="109">
        <v>2617734</v>
      </c>
      <c r="MO26" s="110">
        <v>7264428</v>
      </c>
      <c r="MP26" s="130">
        <v>7264428</v>
      </c>
      <c r="MQ26" s="129">
        <v>0</v>
      </c>
      <c r="MR26" s="109">
        <v>0</v>
      </c>
      <c r="MS26" s="110">
        <v>0</v>
      </c>
      <c r="MT26" s="132"/>
      <c r="MU26" s="109">
        <v>0</v>
      </c>
      <c r="MV26" s="109">
        <v>0</v>
      </c>
      <c r="MW26" s="109">
        <v>995237</v>
      </c>
      <c r="MX26" s="109">
        <v>2711979</v>
      </c>
      <c r="MY26" s="109">
        <v>2274705</v>
      </c>
      <c r="MZ26" s="110">
        <v>5981921</v>
      </c>
      <c r="NA26" s="130">
        <v>5981921</v>
      </c>
      <c r="NB26" s="129">
        <v>0</v>
      </c>
      <c r="NC26" s="109">
        <v>0</v>
      </c>
      <c r="ND26" s="110">
        <v>0</v>
      </c>
      <c r="NE26" s="132"/>
      <c r="NF26" s="109">
        <v>0</v>
      </c>
      <c r="NG26" s="109">
        <v>341781</v>
      </c>
      <c r="NH26" s="109">
        <v>597697</v>
      </c>
      <c r="NI26" s="109">
        <v>0</v>
      </c>
      <c r="NJ26" s="109">
        <v>0</v>
      </c>
      <c r="NK26" s="110">
        <v>939478</v>
      </c>
      <c r="NL26" s="298">
        <v>939478</v>
      </c>
      <c r="NM26" s="129">
        <v>0</v>
      </c>
      <c r="NN26" s="109">
        <v>0</v>
      </c>
      <c r="NO26" s="110">
        <v>0</v>
      </c>
      <c r="NP26" s="132"/>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343029</v>
      </c>
      <c r="OG26" s="110">
        <v>343029</v>
      </c>
      <c r="OH26" s="111">
        <v>343029</v>
      </c>
      <c r="OI26" s="129">
        <v>433415</v>
      </c>
      <c r="OJ26" s="109">
        <v>689280</v>
      </c>
      <c r="OK26" s="128">
        <v>1122695</v>
      </c>
      <c r="OL26" s="108">
        <v>0</v>
      </c>
      <c r="OM26" s="109">
        <v>3587436</v>
      </c>
      <c r="ON26" s="109">
        <v>6340337</v>
      </c>
      <c r="OO26" s="109">
        <v>5231084</v>
      </c>
      <c r="OP26" s="109">
        <v>6151202</v>
      </c>
      <c r="OQ26" s="109">
        <v>6096583</v>
      </c>
      <c r="OR26" s="110">
        <v>27406642</v>
      </c>
      <c r="OS26" s="130">
        <v>28529337</v>
      </c>
    </row>
    <row r="27" spans="2:409" ht="21" customHeight="1" x14ac:dyDescent="0.2">
      <c r="B27" s="472" t="s">
        <v>22</v>
      </c>
      <c r="C27" s="100">
        <v>33232</v>
      </c>
      <c r="D27" s="104">
        <v>237658</v>
      </c>
      <c r="E27" s="103">
        <v>270890</v>
      </c>
      <c r="F27" s="99">
        <v>0</v>
      </c>
      <c r="G27" s="104">
        <v>2277726</v>
      </c>
      <c r="H27" s="104">
        <v>1866745</v>
      </c>
      <c r="I27" s="104">
        <v>1285764</v>
      </c>
      <c r="J27" s="104">
        <v>1704544</v>
      </c>
      <c r="K27" s="104">
        <v>731237</v>
      </c>
      <c r="L27" s="160">
        <v>7866016</v>
      </c>
      <c r="M27" s="106">
        <v>8136906</v>
      </c>
      <c r="N27" s="100">
        <v>11888</v>
      </c>
      <c r="O27" s="104">
        <v>0</v>
      </c>
      <c r="P27" s="103">
        <v>11888</v>
      </c>
      <c r="Q27" s="100">
        <v>0</v>
      </c>
      <c r="R27" s="104">
        <v>572691</v>
      </c>
      <c r="S27" s="104">
        <v>649481</v>
      </c>
      <c r="T27" s="104">
        <v>256379</v>
      </c>
      <c r="U27" s="104">
        <v>558136</v>
      </c>
      <c r="V27" s="104">
        <v>214317</v>
      </c>
      <c r="W27" s="103">
        <v>2251004</v>
      </c>
      <c r="X27" s="106">
        <v>2262892</v>
      </c>
      <c r="Y27" s="100">
        <v>0</v>
      </c>
      <c r="Z27" s="104">
        <v>0</v>
      </c>
      <c r="AA27" s="103">
        <v>0</v>
      </c>
      <c r="AB27" s="100">
        <v>0</v>
      </c>
      <c r="AC27" s="104">
        <v>225747</v>
      </c>
      <c r="AD27" s="104">
        <v>240162</v>
      </c>
      <c r="AE27" s="104">
        <v>36960</v>
      </c>
      <c r="AF27" s="104">
        <v>314552</v>
      </c>
      <c r="AG27" s="104">
        <v>163933</v>
      </c>
      <c r="AH27" s="103">
        <v>981354</v>
      </c>
      <c r="AI27" s="106">
        <v>981354</v>
      </c>
      <c r="AJ27" s="100">
        <v>0</v>
      </c>
      <c r="AK27" s="104">
        <v>0</v>
      </c>
      <c r="AL27" s="103">
        <v>0</v>
      </c>
      <c r="AM27" s="100">
        <v>0</v>
      </c>
      <c r="AN27" s="104">
        <v>92242</v>
      </c>
      <c r="AO27" s="104">
        <v>0</v>
      </c>
      <c r="AP27" s="104">
        <v>0</v>
      </c>
      <c r="AQ27" s="104">
        <v>79592</v>
      </c>
      <c r="AR27" s="104">
        <v>0</v>
      </c>
      <c r="AS27" s="103">
        <v>171834</v>
      </c>
      <c r="AT27" s="106">
        <v>171834</v>
      </c>
      <c r="AU27" s="100">
        <v>11888</v>
      </c>
      <c r="AV27" s="104">
        <v>0</v>
      </c>
      <c r="AW27" s="103">
        <v>11888</v>
      </c>
      <c r="AX27" s="100">
        <v>0</v>
      </c>
      <c r="AY27" s="104">
        <v>164934</v>
      </c>
      <c r="AZ27" s="104">
        <v>242206</v>
      </c>
      <c r="BA27" s="104">
        <v>154299</v>
      </c>
      <c r="BB27" s="104">
        <v>60432</v>
      </c>
      <c r="BC27" s="104">
        <v>41480</v>
      </c>
      <c r="BD27" s="103">
        <v>663351</v>
      </c>
      <c r="BE27" s="106">
        <v>675239</v>
      </c>
      <c r="BF27" s="100">
        <v>0</v>
      </c>
      <c r="BG27" s="104">
        <v>0</v>
      </c>
      <c r="BH27" s="102">
        <v>0</v>
      </c>
      <c r="BI27" s="101">
        <v>0</v>
      </c>
      <c r="BJ27" s="104">
        <v>0</v>
      </c>
      <c r="BK27" s="104">
        <v>62793</v>
      </c>
      <c r="BL27" s="104">
        <v>46240</v>
      </c>
      <c r="BM27" s="104">
        <v>0</v>
      </c>
      <c r="BN27" s="104">
        <v>0</v>
      </c>
      <c r="BO27" s="103">
        <v>109033</v>
      </c>
      <c r="BP27" s="106">
        <v>109033</v>
      </c>
      <c r="BQ27" s="100">
        <v>0</v>
      </c>
      <c r="BR27" s="104">
        <v>0</v>
      </c>
      <c r="BS27" s="103">
        <v>0</v>
      </c>
      <c r="BT27" s="100">
        <v>0</v>
      </c>
      <c r="BU27" s="104">
        <v>89768</v>
      </c>
      <c r="BV27" s="104">
        <v>104320</v>
      </c>
      <c r="BW27" s="104">
        <v>18880</v>
      </c>
      <c r="BX27" s="104">
        <v>103560</v>
      </c>
      <c r="BY27" s="104">
        <v>8904</v>
      </c>
      <c r="BZ27" s="103">
        <v>325432</v>
      </c>
      <c r="CA27" s="106">
        <v>325432</v>
      </c>
      <c r="CB27" s="100">
        <v>18544</v>
      </c>
      <c r="CC27" s="104">
        <v>0</v>
      </c>
      <c r="CD27" s="103">
        <v>18544</v>
      </c>
      <c r="CE27" s="100">
        <v>0</v>
      </c>
      <c r="CF27" s="104">
        <v>785530</v>
      </c>
      <c r="CG27" s="104">
        <v>446112</v>
      </c>
      <c r="CH27" s="104">
        <v>831288</v>
      </c>
      <c r="CI27" s="104">
        <v>103520</v>
      </c>
      <c r="CJ27" s="104">
        <v>260592</v>
      </c>
      <c r="CK27" s="103">
        <v>2427042</v>
      </c>
      <c r="CL27" s="106">
        <v>2445586</v>
      </c>
      <c r="CM27" s="100">
        <v>0</v>
      </c>
      <c r="CN27" s="104">
        <v>0</v>
      </c>
      <c r="CO27" s="103">
        <v>0</v>
      </c>
      <c r="CP27" s="101">
        <v>0</v>
      </c>
      <c r="CQ27" s="104">
        <v>660754</v>
      </c>
      <c r="CR27" s="104">
        <v>299848</v>
      </c>
      <c r="CS27" s="104">
        <v>831288</v>
      </c>
      <c r="CT27" s="104">
        <v>103520</v>
      </c>
      <c r="CU27" s="104">
        <v>161352</v>
      </c>
      <c r="CV27" s="103">
        <v>2056762</v>
      </c>
      <c r="CW27" s="106">
        <v>2056762</v>
      </c>
      <c r="CX27" s="100">
        <v>18544</v>
      </c>
      <c r="CY27" s="104">
        <v>0</v>
      </c>
      <c r="CZ27" s="103">
        <v>18544</v>
      </c>
      <c r="DA27" s="100">
        <v>0</v>
      </c>
      <c r="DB27" s="104">
        <v>124776</v>
      </c>
      <c r="DC27" s="104">
        <v>146264</v>
      </c>
      <c r="DD27" s="104">
        <v>0</v>
      </c>
      <c r="DE27" s="104">
        <v>0</v>
      </c>
      <c r="DF27" s="104">
        <v>99240</v>
      </c>
      <c r="DG27" s="103">
        <v>370280</v>
      </c>
      <c r="DH27" s="106">
        <v>388824</v>
      </c>
      <c r="DI27" s="100">
        <v>0</v>
      </c>
      <c r="DJ27" s="104">
        <v>0</v>
      </c>
      <c r="DK27" s="102">
        <v>0</v>
      </c>
      <c r="DL27" s="101">
        <v>0</v>
      </c>
      <c r="DM27" s="104">
        <v>0</v>
      </c>
      <c r="DN27" s="104">
        <v>0</v>
      </c>
      <c r="DO27" s="104">
        <v>0</v>
      </c>
      <c r="DP27" s="104">
        <v>366504</v>
      </c>
      <c r="DQ27" s="104">
        <v>131216</v>
      </c>
      <c r="DR27" s="103">
        <v>497720</v>
      </c>
      <c r="DS27" s="106">
        <v>497720</v>
      </c>
      <c r="DT27" s="100">
        <v>0</v>
      </c>
      <c r="DU27" s="104">
        <v>0</v>
      </c>
      <c r="DV27" s="103">
        <v>0</v>
      </c>
      <c r="DW27" s="100">
        <v>0</v>
      </c>
      <c r="DX27" s="104">
        <v>0</v>
      </c>
      <c r="DY27" s="104">
        <v>0</v>
      </c>
      <c r="DZ27" s="104">
        <v>0</v>
      </c>
      <c r="EA27" s="104">
        <v>366504</v>
      </c>
      <c r="EB27" s="104">
        <v>131216</v>
      </c>
      <c r="EC27" s="103">
        <v>497720</v>
      </c>
      <c r="ED27" s="106">
        <v>497720</v>
      </c>
      <c r="EE27" s="100">
        <v>0</v>
      </c>
      <c r="EF27" s="102">
        <v>0</v>
      </c>
      <c r="EG27" s="103">
        <v>0</v>
      </c>
      <c r="EH27" s="100">
        <v>0</v>
      </c>
      <c r="EI27" s="104">
        <v>0</v>
      </c>
      <c r="EJ27" s="104">
        <v>0</v>
      </c>
      <c r="EK27" s="104">
        <v>0</v>
      </c>
      <c r="EL27" s="104">
        <v>0</v>
      </c>
      <c r="EM27" s="104">
        <v>0</v>
      </c>
      <c r="EN27" s="102">
        <v>0</v>
      </c>
      <c r="EO27" s="106">
        <v>0</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2800</v>
      </c>
      <c r="FM27" s="104">
        <v>55184</v>
      </c>
      <c r="FN27" s="103">
        <v>57984</v>
      </c>
      <c r="FO27" s="100">
        <v>0</v>
      </c>
      <c r="FP27" s="104">
        <v>137600</v>
      </c>
      <c r="FQ27" s="104">
        <v>238976</v>
      </c>
      <c r="FR27" s="104">
        <v>178352</v>
      </c>
      <c r="FS27" s="104">
        <v>63648</v>
      </c>
      <c r="FT27" s="104">
        <v>125112</v>
      </c>
      <c r="FU27" s="103">
        <v>743688</v>
      </c>
      <c r="FV27" s="106">
        <v>801672</v>
      </c>
      <c r="FW27" s="105">
        <v>2800</v>
      </c>
      <c r="FX27" s="104">
        <v>55184</v>
      </c>
      <c r="FY27" s="102">
        <v>57984</v>
      </c>
      <c r="FZ27" s="101">
        <v>0</v>
      </c>
      <c r="GA27" s="104">
        <v>121760</v>
      </c>
      <c r="GB27" s="104">
        <v>238976</v>
      </c>
      <c r="GC27" s="104">
        <v>178352</v>
      </c>
      <c r="GD27" s="104">
        <v>63648</v>
      </c>
      <c r="GE27" s="104">
        <v>125112</v>
      </c>
      <c r="GF27" s="103">
        <v>727848</v>
      </c>
      <c r="GG27" s="296">
        <v>785832</v>
      </c>
      <c r="GH27" s="105">
        <v>0</v>
      </c>
      <c r="GI27" s="104">
        <v>0</v>
      </c>
      <c r="GJ27" s="102">
        <v>0</v>
      </c>
      <c r="GK27" s="101">
        <v>0</v>
      </c>
      <c r="GL27" s="104">
        <v>15840</v>
      </c>
      <c r="GM27" s="104">
        <v>0</v>
      </c>
      <c r="GN27" s="104">
        <v>0</v>
      </c>
      <c r="GO27" s="104">
        <v>0</v>
      </c>
      <c r="GP27" s="104">
        <v>0</v>
      </c>
      <c r="GQ27" s="103">
        <v>15840</v>
      </c>
      <c r="GR27" s="106">
        <v>15840</v>
      </c>
      <c r="GS27" s="100">
        <v>0</v>
      </c>
      <c r="GT27" s="104">
        <v>0</v>
      </c>
      <c r="GU27" s="103">
        <v>0</v>
      </c>
      <c r="GV27" s="100">
        <v>0</v>
      </c>
      <c r="GW27" s="104">
        <v>0</v>
      </c>
      <c r="GX27" s="104">
        <v>0</v>
      </c>
      <c r="GY27" s="104">
        <v>0</v>
      </c>
      <c r="GZ27" s="104">
        <v>0</v>
      </c>
      <c r="HA27" s="104">
        <v>0</v>
      </c>
      <c r="HB27" s="102">
        <v>0</v>
      </c>
      <c r="HC27" s="106">
        <v>0</v>
      </c>
      <c r="HD27" s="100">
        <v>0</v>
      </c>
      <c r="HE27" s="104">
        <v>182474</v>
      </c>
      <c r="HF27" s="102">
        <v>182474</v>
      </c>
      <c r="HG27" s="101">
        <v>0</v>
      </c>
      <c r="HH27" s="104">
        <v>781905</v>
      </c>
      <c r="HI27" s="104">
        <v>532176</v>
      </c>
      <c r="HJ27" s="104">
        <v>19745</v>
      </c>
      <c r="HK27" s="104">
        <v>612736</v>
      </c>
      <c r="HL27" s="104">
        <v>0</v>
      </c>
      <c r="HM27" s="103">
        <v>1946562</v>
      </c>
      <c r="HN27" s="99">
        <v>2129036</v>
      </c>
      <c r="HO27" s="306"/>
      <c r="HP27" s="307"/>
      <c r="HQ27" s="308"/>
      <c r="HR27" s="309"/>
      <c r="HS27" s="307"/>
      <c r="HT27" s="307"/>
      <c r="HU27" s="307"/>
      <c r="HV27" s="307"/>
      <c r="HW27" s="307"/>
      <c r="HX27" s="310"/>
      <c r="HY27" s="311"/>
      <c r="HZ27" s="118">
        <v>0</v>
      </c>
      <c r="IA27" s="119">
        <v>0</v>
      </c>
      <c r="IB27" s="120">
        <v>0</v>
      </c>
      <c r="IC27" s="133">
        <v>0</v>
      </c>
      <c r="ID27" s="119">
        <v>537816</v>
      </c>
      <c r="IE27" s="134">
        <v>970744</v>
      </c>
      <c r="IF27" s="120">
        <v>333580</v>
      </c>
      <c r="IG27" s="119">
        <v>627688</v>
      </c>
      <c r="IH27" s="120">
        <v>0</v>
      </c>
      <c r="II27" s="135">
        <v>2469828</v>
      </c>
      <c r="IJ27" s="126">
        <v>2469828</v>
      </c>
      <c r="IK27" s="219">
        <v>0</v>
      </c>
      <c r="IL27" s="223">
        <v>0</v>
      </c>
      <c r="IM27" s="224">
        <v>0</v>
      </c>
      <c r="IN27" s="127"/>
      <c r="IO27" s="109">
        <v>0</v>
      </c>
      <c r="IP27" s="109">
        <v>210800</v>
      </c>
      <c r="IQ27" s="109">
        <v>0</v>
      </c>
      <c r="IR27" s="109">
        <v>0</v>
      </c>
      <c r="IS27" s="109">
        <v>0</v>
      </c>
      <c r="IT27" s="128">
        <v>210800</v>
      </c>
      <c r="IU27" s="298">
        <v>210800</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110048</v>
      </c>
      <c r="JL27" s="109">
        <v>127808</v>
      </c>
      <c r="JM27" s="109">
        <v>28192</v>
      </c>
      <c r="JN27" s="109">
        <v>112472</v>
      </c>
      <c r="JO27" s="109">
        <v>0</v>
      </c>
      <c r="JP27" s="110">
        <v>378520</v>
      </c>
      <c r="JQ27" s="298">
        <v>378520</v>
      </c>
      <c r="JR27" s="129">
        <v>0</v>
      </c>
      <c r="JS27" s="109">
        <v>0</v>
      </c>
      <c r="JT27" s="128">
        <v>0</v>
      </c>
      <c r="JU27" s="108">
        <v>0</v>
      </c>
      <c r="JV27" s="109">
        <v>0</v>
      </c>
      <c r="JW27" s="109">
        <v>0</v>
      </c>
      <c r="JX27" s="109">
        <v>65688</v>
      </c>
      <c r="JY27" s="109">
        <v>0</v>
      </c>
      <c r="JZ27" s="109">
        <v>0</v>
      </c>
      <c r="KA27" s="110">
        <v>65688</v>
      </c>
      <c r="KB27" s="298">
        <v>65688</v>
      </c>
      <c r="KC27" s="221">
        <v>0</v>
      </c>
      <c r="KD27" s="217">
        <v>0</v>
      </c>
      <c r="KE27" s="110">
        <v>0</v>
      </c>
      <c r="KF27" s="108">
        <v>0</v>
      </c>
      <c r="KG27" s="109">
        <v>204672</v>
      </c>
      <c r="KH27" s="109">
        <v>162968</v>
      </c>
      <c r="KI27" s="109">
        <v>0</v>
      </c>
      <c r="KJ27" s="109">
        <v>0</v>
      </c>
      <c r="KK27" s="109">
        <v>0</v>
      </c>
      <c r="KL27" s="110">
        <v>367640</v>
      </c>
      <c r="KM27" s="130">
        <v>367640</v>
      </c>
      <c r="KN27" s="219">
        <v>0</v>
      </c>
      <c r="KO27" s="223">
        <v>0</v>
      </c>
      <c r="KP27" s="224">
        <v>0</v>
      </c>
      <c r="KQ27" s="127"/>
      <c r="KR27" s="109">
        <v>223096</v>
      </c>
      <c r="KS27" s="109">
        <v>469168</v>
      </c>
      <c r="KT27" s="109">
        <v>239700</v>
      </c>
      <c r="KU27" s="109">
        <v>0</v>
      </c>
      <c r="KV27" s="109">
        <v>0</v>
      </c>
      <c r="KW27" s="110">
        <v>931964</v>
      </c>
      <c r="KX27" s="298">
        <v>931964</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0</v>
      </c>
      <c r="LQ27" s="109">
        <v>515216</v>
      </c>
      <c r="LR27" s="109">
        <v>0</v>
      </c>
      <c r="LS27" s="110">
        <v>515216</v>
      </c>
      <c r="LT27" s="298">
        <v>515216</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274496</v>
      </c>
      <c r="MK27" s="109">
        <v>291456</v>
      </c>
      <c r="ML27" s="109">
        <v>1457006</v>
      </c>
      <c r="MM27" s="109">
        <v>2034850</v>
      </c>
      <c r="MN27" s="109">
        <v>0</v>
      </c>
      <c r="MO27" s="110">
        <v>4057808</v>
      </c>
      <c r="MP27" s="130">
        <v>4057808</v>
      </c>
      <c r="MQ27" s="129">
        <v>0</v>
      </c>
      <c r="MR27" s="109">
        <v>0</v>
      </c>
      <c r="MS27" s="110">
        <v>0</v>
      </c>
      <c r="MT27" s="132"/>
      <c r="MU27" s="109">
        <v>0</v>
      </c>
      <c r="MV27" s="109">
        <v>0</v>
      </c>
      <c r="MW27" s="109">
        <v>892800</v>
      </c>
      <c r="MX27" s="109">
        <v>1531161</v>
      </c>
      <c r="MY27" s="109">
        <v>0</v>
      </c>
      <c r="MZ27" s="110">
        <v>2423961</v>
      </c>
      <c r="NA27" s="130">
        <v>2423961</v>
      </c>
      <c r="NB27" s="129">
        <v>0</v>
      </c>
      <c r="NC27" s="109">
        <v>0</v>
      </c>
      <c r="ND27" s="110">
        <v>0</v>
      </c>
      <c r="NE27" s="132"/>
      <c r="NF27" s="109">
        <v>274496</v>
      </c>
      <c r="NG27" s="109">
        <v>291456</v>
      </c>
      <c r="NH27" s="109">
        <v>564206</v>
      </c>
      <c r="NI27" s="109">
        <v>277536</v>
      </c>
      <c r="NJ27" s="109">
        <v>0</v>
      </c>
      <c r="NK27" s="110">
        <v>1407694</v>
      </c>
      <c r="NL27" s="298">
        <v>1407694</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226153</v>
      </c>
      <c r="OF27" s="109">
        <v>0</v>
      </c>
      <c r="OG27" s="110">
        <v>226153</v>
      </c>
      <c r="OH27" s="111">
        <v>226153</v>
      </c>
      <c r="OI27" s="129">
        <v>33232</v>
      </c>
      <c r="OJ27" s="109">
        <v>237658</v>
      </c>
      <c r="OK27" s="128">
        <v>270890</v>
      </c>
      <c r="OL27" s="108">
        <v>0</v>
      </c>
      <c r="OM27" s="109">
        <v>3090038</v>
      </c>
      <c r="ON27" s="109">
        <v>3128945</v>
      </c>
      <c r="OO27" s="109">
        <v>3076350</v>
      </c>
      <c r="OP27" s="109">
        <v>4367082</v>
      </c>
      <c r="OQ27" s="109">
        <v>731237</v>
      </c>
      <c r="OR27" s="110">
        <v>14393652</v>
      </c>
      <c r="OS27" s="130">
        <v>14664542</v>
      </c>
    </row>
    <row r="28" spans="2:409" ht="21" customHeight="1" x14ac:dyDescent="0.2">
      <c r="B28" s="472" t="s">
        <v>23</v>
      </c>
      <c r="C28" s="100">
        <v>393507</v>
      </c>
      <c r="D28" s="104">
        <v>199678</v>
      </c>
      <c r="E28" s="103">
        <v>593185</v>
      </c>
      <c r="F28" s="99">
        <v>0</v>
      </c>
      <c r="G28" s="104">
        <v>3093351</v>
      </c>
      <c r="H28" s="104">
        <v>2525708</v>
      </c>
      <c r="I28" s="104">
        <v>1692957</v>
      </c>
      <c r="J28" s="104">
        <v>2267820</v>
      </c>
      <c r="K28" s="104">
        <v>1444648</v>
      </c>
      <c r="L28" s="160">
        <v>11024484</v>
      </c>
      <c r="M28" s="106">
        <v>11617669</v>
      </c>
      <c r="N28" s="100">
        <v>91737</v>
      </c>
      <c r="O28" s="104">
        <v>134006</v>
      </c>
      <c r="P28" s="103">
        <v>225743</v>
      </c>
      <c r="Q28" s="100">
        <v>0</v>
      </c>
      <c r="R28" s="104">
        <v>638477</v>
      </c>
      <c r="S28" s="104">
        <v>1048469</v>
      </c>
      <c r="T28" s="104">
        <v>848423</v>
      </c>
      <c r="U28" s="104">
        <v>836543</v>
      </c>
      <c r="V28" s="104">
        <v>169224</v>
      </c>
      <c r="W28" s="103">
        <v>3541136</v>
      </c>
      <c r="X28" s="106">
        <v>3766879</v>
      </c>
      <c r="Y28" s="100">
        <v>0</v>
      </c>
      <c r="Z28" s="104">
        <v>0</v>
      </c>
      <c r="AA28" s="103">
        <v>0</v>
      </c>
      <c r="AB28" s="100">
        <v>0</v>
      </c>
      <c r="AC28" s="104">
        <v>218698</v>
      </c>
      <c r="AD28" s="104">
        <v>439063</v>
      </c>
      <c r="AE28" s="104">
        <v>594105</v>
      </c>
      <c r="AF28" s="104">
        <v>317526</v>
      </c>
      <c r="AG28" s="104">
        <v>0</v>
      </c>
      <c r="AH28" s="103">
        <v>1569392</v>
      </c>
      <c r="AI28" s="106">
        <v>1569392</v>
      </c>
      <c r="AJ28" s="100">
        <v>0</v>
      </c>
      <c r="AK28" s="104">
        <v>0</v>
      </c>
      <c r="AL28" s="103">
        <v>0</v>
      </c>
      <c r="AM28" s="100">
        <v>0</v>
      </c>
      <c r="AN28" s="104">
        <v>0</v>
      </c>
      <c r="AO28" s="104">
        <v>0</v>
      </c>
      <c r="AP28" s="104">
        <v>0</v>
      </c>
      <c r="AQ28" s="104">
        <v>118439</v>
      </c>
      <c r="AR28" s="104">
        <v>0</v>
      </c>
      <c r="AS28" s="103">
        <v>118439</v>
      </c>
      <c r="AT28" s="106">
        <v>118439</v>
      </c>
      <c r="AU28" s="100">
        <v>46153</v>
      </c>
      <c r="AV28" s="104">
        <v>112873</v>
      </c>
      <c r="AW28" s="103">
        <v>159026</v>
      </c>
      <c r="AX28" s="100">
        <v>0</v>
      </c>
      <c r="AY28" s="104">
        <v>161563</v>
      </c>
      <c r="AZ28" s="104">
        <v>483488</v>
      </c>
      <c r="BA28" s="104">
        <v>144070</v>
      </c>
      <c r="BB28" s="104">
        <v>189138</v>
      </c>
      <c r="BC28" s="104">
        <v>98648</v>
      </c>
      <c r="BD28" s="103">
        <v>1076907</v>
      </c>
      <c r="BE28" s="106">
        <v>1235933</v>
      </c>
      <c r="BF28" s="100">
        <v>0</v>
      </c>
      <c r="BG28" s="104">
        <v>21133</v>
      </c>
      <c r="BH28" s="102">
        <v>21133</v>
      </c>
      <c r="BI28" s="101">
        <v>0</v>
      </c>
      <c r="BJ28" s="104">
        <v>0</v>
      </c>
      <c r="BK28" s="104">
        <v>36350</v>
      </c>
      <c r="BL28" s="104">
        <v>0</v>
      </c>
      <c r="BM28" s="104">
        <v>0</v>
      </c>
      <c r="BN28" s="104">
        <v>0</v>
      </c>
      <c r="BO28" s="103">
        <v>36350</v>
      </c>
      <c r="BP28" s="106">
        <v>57483</v>
      </c>
      <c r="BQ28" s="100">
        <v>45584</v>
      </c>
      <c r="BR28" s="104">
        <v>0</v>
      </c>
      <c r="BS28" s="103">
        <v>45584</v>
      </c>
      <c r="BT28" s="100">
        <v>0</v>
      </c>
      <c r="BU28" s="104">
        <v>258216</v>
      </c>
      <c r="BV28" s="104">
        <v>89568</v>
      </c>
      <c r="BW28" s="104">
        <v>110248</v>
      </c>
      <c r="BX28" s="104">
        <v>211440</v>
      </c>
      <c r="BY28" s="104">
        <v>70576</v>
      </c>
      <c r="BZ28" s="103">
        <v>740048</v>
      </c>
      <c r="CA28" s="106">
        <v>785632</v>
      </c>
      <c r="CB28" s="100">
        <v>0</v>
      </c>
      <c r="CC28" s="104">
        <v>0</v>
      </c>
      <c r="CD28" s="103">
        <v>0</v>
      </c>
      <c r="CE28" s="100">
        <v>0</v>
      </c>
      <c r="CF28" s="104">
        <v>816620</v>
      </c>
      <c r="CG28" s="104">
        <v>770089</v>
      </c>
      <c r="CH28" s="104">
        <v>459694</v>
      </c>
      <c r="CI28" s="104">
        <v>424416</v>
      </c>
      <c r="CJ28" s="104">
        <v>104336</v>
      </c>
      <c r="CK28" s="103">
        <v>2575155</v>
      </c>
      <c r="CL28" s="106">
        <v>2575155</v>
      </c>
      <c r="CM28" s="100">
        <v>0</v>
      </c>
      <c r="CN28" s="104">
        <v>0</v>
      </c>
      <c r="CO28" s="103">
        <v>0</v>
      </c>
      <c r="CP28" s="101">
        <v>0</v>
      </c>
      <c r="CQ28" s="104">
        <v>588524</v>
      </c>
      <c r="CR28" s="104">
        <v>708885</v>
      </c>
      <c r="CS28" s="104">
        <v>259107</v>
      </c>
      <c r="CT28" s="104">
        <v>315946</v>
      </c>
      <c r="CU28" s="104">
        <v>39433</v>
      </c>
      <c r="CV28" s="103">
        <v>1911895</v>
      </c>
      <c r="CW28" s="106">
        <v>1911895</v>
      </c>
      <c r="CX28" s="100">
        <v>0</v>
      </c>
      <c r="CY28" s="104">
        <v>0</v>
      </c>
      <c r="CZ28" s="103">
        <v>0</v>
      </c>
      <c r="DA28" s="100">
        <v>0</v>
      </c>
      <c r="DB28" s="104">
        <v>228096</v>
      </c>
      <c r="DC28" s="104">
        <v>61204</v>
      </c>
      <c r="DD28" s="104">
        <v>200587</v>
      </c>
      <c r="DE28" s="104">
        <v>108470</v>
      </c>
      <c r="DF28" s="104">
        <v>64903</v>
      </c>
      <c r="DG28" s="103">
        <v>663260</v>
      </c>
      <c r="DH28" s="106">
        <v>663260</v>
      </c>
      <c r="DI28" s="100">
        <v>25313</v>
      </c>
      <c r="DJ28" s="104">
        <v>0</v>
      </c>
      <c r="DK28" s="102">
        <v>25313</v>
      </c>
      <c r="DL28" s="101">
        <v>0</v>
      </c>
      <c r="DM28" s="104">
        <v>55896</v>
      </c>
      <c r="DN28" s="104">
        <v>179965</v>
      </c>
      <c r="DO28" s="104">
        <v>251024</v>
      </c>
      <c r="DP28" s="104">
        <v>212685</v>
      </c>
      <c r="DQ28" s="104">
        <v>406877</v>
      </c>
      <c r="DR28" s="103">
        <v>1106447</v>
      </c>
      <c r="DS28" s="106">
        <v>1131760</v>
      </c>
      <c r="DT28" s="100">
        <v>0</v>
      </c>
      <c r="DU28" s="104">
        <v>0</v>
      </c>
      <c r="DV28" s="103">
        <v>0</v>
      </c>
      <c r="DW28" s="100">
        <v>0</v>
      </c>
      <c r="DX28" s="104">
        <v>24288</v>
      </c>
      <c r="DY28" s="104">
        <v>179965</v>
      </c>
      <c r="DZ28" s="104">
        <v>251024</v>
      </c>
      <c r="EA28" s="104">
        <v>212685</v>
      </c>
      <c r="EB28" s="104">
        <v>310236</v>
      </c>
      <c r="EC28" s="103">
        <v>978198</v>
      </c>
      <c r="ED28" s="106">
        <v>978198</v>
      </c>
      <c r="EE28" s="100">
        <v>25313</v>
      </c>
      <c r="EF28" s="102">
        <v>0</v>
      </c>
      <c r="EG28" s="103">
        <v>25313</v>
      </c>
      <c r="EH28" s="100">
        <v>0</v>
      </c>
      <c r="EI28" s="104">
        <v>31608</v>
      </c>
      <c r="EJ28" s="104">
        <v>0</v>
      </c>
      <c r="EK28" s="104">
        <v>0</v>
      </c>
      <c r="EL28" s="104">
        <v>0</v>
      </c>
      <c r="EM28" s="104">
        <v>96641</v>
      </c>
      <c r="EN28" s="102">
        <v>128249</v>
      </c>
      <c r="EO28" s="106">
        <v>153562</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14080</v>
      </c>
      <c r="FM28" s="104">
        <v>65672</v>
      </c>
      <c r="FN28" s="103">
        <v>179752</v>
      </c>
      <c r="FO28" s="100">
        <v>0</v>
      </c>
      <c r="FP28" s="104">
        <v>156976</v>
      </c>
      <c r="FQ28" s="104">
        <v>357160</v>
      </c>
      <c r="FR28" s="104">
        <v>133816</v>
      </c>
      <c r="FS28" s="104">
        <v>157648</v>
      </c>
      <c r="FT28" s="104">
        <v>60592</v>
      </c>
      <c r="FU28" s="103">
        <v>866192</v>
      </c>
      <c r="FV28" s="106">
        <v>1045944</v>
      </c>
      <c r="FW28" s="105">
        <v>6080</v>
      </c>
      <c r="FX28" s="104">
        <v>65672</v>
      </c>
      <c r="FY28" s="102">
        <v>71752</v>
      </c>
      <c r="FZ28" s="101">
        <v>0</v>
      </c>
      <c r="GA28" s="104">
        <v>111376</v>
      </c>
      <c r="GB28" s="104">
        <v>335880</v>
      </c>
      <c r="GC28" s="104">
        <v>133816</v>
      </c>
      <c r="GD28" s="104">
        <v>157648</v>
      </c>
      <c r="GE28" s="104">
        <v>60592</v>
      </c>
      <c r="GF28" s="103">
        <v>799312</v>
      </c>
      <c r="GG28" s="296">
        <v>871064</v>
      </c>
      <c r="GH28" s="105">
        <v>0</v>
      </c>
      <c r="GI28" s="104">
        <v>0</v>
      </c>
      <c r="GJ28" s="102">
        <v>0</v>
      </c>
      <c r="GK28" s="101">
        <v>0</v>
      </c>
      <c r="GL28" s="104">
        <v>14400</v>
      </c>
      <c r="GM28" s="104">
        <v>21280</v>
      </c>
      <c r="GN28" s="104">
        <v>0</v>
      </c>
      <c r="GO28" s="104">
        <v>0</v>
      </c>
      <c r="GP28" s="104">
        <v>0</v>
      </c>
      <c r="GQ28" s="103">
        <v>35680</v>
      </c>
      <c r="GR28" s="106">
        <v>35680</v>
      </c>
      <c r="GS28" s="100">
        <v>108000</v>
      </c>
      <c r="GT28" s="104">
        <v>0</v>
      </c>
      <c r="GU28" s="103">
        <v>108000</v>
      </c>
      <c r="GV28" s="100">
        <v>0</v>
      </c>
      <c r="GW28" s="104">
        <v>31200</v>
      </c>
      <c r="GX28" s="104">
        <v>0</v>
      </c>
      <c r="GY28" s="104">
        <v>0</v>
      </c>
      <c r="GZ28" s="104">
        <v>0</v>
      </c>
      <c r="HA28" s="104">
        <v>0</v>
      </c>
      <c r="HB28" s="102">
        <v>31200</v>
      </c>
      <c r="HC28" s="106">
        <v>139200</v>
      </c>
      <c r="HD28" s="100">
        <v>162377</v>
      </c>
      <c r="HE28" s="104">
        <v>0</v>
      </c>
      <c r="HF28" s="102">
        <v>162377</v>
      </c>
      <c r="HG28" s="101">
        <v>0</v>
      </c>
      <c r="HH28" s="104">
        <v>1425382</v>
      </c>
      <c r="HI28" s="104">
        <v>170025</v>
      </c>
      <c r="HJ28" s="104">
        <v>0</v>
      </c>
      <c r="HK28" s="104">
        <v>636528</v>
      </c>
      <c r="HL28" s="104">
        <v>703619</v>
      </c>
      <c r="HM28" s="103">
        <v>2935554</v>
      </c>
      <c r="HN28" s="99">
        <v>3097931</v>
      </c>
      <c r="HO28" s="306"/>
      <c r="HP28" s="307"/>
      <c r="HQ28" s="308"/>
      <c r="HR28" s="309"/>
      <c r="HS28" s="307"/>
      <c r="HT28" s="307"/>
      <c r="HU28" s="307"/>
      <c r="HV28" s="307"/>
      <c r="HW28" s="307"/>
      <c r="HX28" s="310"/>
      <c r="HY28" s="311"/>
      <c r="HZ28" s="137">
        <v>0</v>
      </c>
      <c r="IA28" s="122">
        <v>0</v>
      </c>
      <c r="IB28" s="137">
        <v>0</v>
      </c>
      <c r="IC28" s="121">
        <v>0</v>
      </c>
      <c r="ID28" s="122">
        <v>580894</v>
      </c>
      <c r="IE28" s="123">
        <v>517501</v>
      </c>
      <c r="IF28" s="124">
        <v>1119934</v>
      </c>
      <c r="IG28" s="122">
        <v>508203</v>
      </c>
      <c r="IH28" s="124">
        <v>0</v>
      </c>
      <c r="II28" s="125">
        <v>2726532</v>
      </c>
      <c r="IJ28" s="137">
        <v>2726532</v>
      </c>
      <c r="IK28" s="219">
        <v>0</v>
      </c>
      <c r="IL28" s="223">
        <v>0</v>
      </c>
      <c r="IM28" s="224">
        <v>0</v>
      </c>
      <c r="IN28" s="127"/>
      <c r="IO28" s="109">
        <v>0</v>
      </c>
      <c r="IP28" s="109">
        <v>0</v>
      </c>
      <c r="IQ28" s="109">
        <v>0</v>
      </c>
      <c r="IR28" s="109">
        <v>0</v>
      </c>
      <c r="IS28" s="109">
        <v>0</v>
      </c>
      <c r="IT28" s="128">
        <v>0</v>
      </c>
      <c r="IU28" s="298">
        <v>0</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115553</v>
      </c>
      <c r="JL28" s="109">
        <v>89994</v>
      </c>
      <c r="JM28" s="109">
        <v>371842</v>
      </c>
      <c r="JN28" s="109">
        <v>0</v>
      </c>
      <c r="JO28" s="109">
        <v>0</v>
      </c>
      <c r="JP28" s="110">
        <v>577389</v>
      </c>
      <c r="JQ28" s="298">
        <v>577389</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178572</v>
      </c>
      <c r="KI28" s="109">
        <v>0</v>
      </c>
      <c r="KJ28" s="109">
        <v>0</v>
      </c>
      <c r="KK28" s="109">
        <v>0</v>
      </c>
      <c r="KL28" s="110">
        <v>178572</v>
      </c>
      <c r="KM28" s="130">
        <v>178572</v>
      </c>
      <c r="KN28" s="219">
        <v>0</v>
      </c>
      <c r="KO28" s="223">
        <v>0</v>
      </c>
      <c r="KP28" s="224">
        <v>0</v>
      </c>
      <c r="KQ28" s="127"/>
      <c r="KR28" s="109">
        <v>465341</v>
      </c>
      <c r="KS28" s="109">
        <v>248935</v>
      </c>
      <c r="KT28" s="109">
        <v>748092</v>
      </c>
      <c r="KU28" s="109">
        <v>508203</v>
      </c>
      <c r="KV28" s="109">
        <v>0</v>
      </c>
      <c r="KW28" s="110">
        <v>1970571</v>
      </c>
      <c r="KX28" s="298">
        <v>1970571</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c r="MJ28" s="109">
        <v>0</v>
      </c>
      <c r="MK28" s="109">
        <v>586516</v>
      </c>
      <c r="ML28" s="109">
        <v>1721998</v>
      </c>
      <c r="MM28" s="109">
        <v>2226620</v>
      </c>
      <c r="MN28" s="109">
        <v>402074</v>
      </c>
      <c r="MO28" s="110">
        <v>4937208</v>
      </c>
      <c r="MP28" s="130">
        <v>4937208</v>
      </c>
      <c r="MQ28" s="129">
        <v>0</v>
      </c>
      <c r="MR28" s="109">
        <v>0</v>
      </c>
      <c r="MS28" s="110">
        <v>0</v>
      </c>
      <c r="MT28" s="132"/>
      <c r="MU28" s="109">
        <v>0</v>
      </c>
      <c r="MV28" s="109">
        <v>0</v>
      </c>
      <c r="MW28" s="109">
        <v>1177987</v>
      </c>
      <c r="MX28" s="109">
        <v>1457516</v>
      </c>
      <c r="MY28" s="109">
        <v>99985</v>
      </c>
      <c r="MZ28" s="110">
        <v>2735488</v>
      </c>
      <c r="NA28" s="130">
        <v>2735488</v>
      </c>
      <c r="NB28" s="129">
        <v>0</v>
      </c>
      <c r="NC28" s="109">
        <v>0</v>
      </c>
      <c r="ND28" s="110">
        <v>0</v>
      </c>
      <c r="NE28" s="132"/>
      <c r="NF28" s="109">
        <v>0</v>
      </c>
      <c r="NG28" s="109">
        <v>586516</v>
      </c>
      <c r="NH28" s="109">
        <v>544011</v>
      </c>
      <c r="NI28" s="109">
        <v>769104</v>
      </c>
      <c r="NJ28" s="109">
        <v>302089</v>
      </c>
      <c r="NK28" s="110">
        <v>2201720</v>
      </c>
      <c r="NL28" s="298">
        <v>2201720</v>
      </c>
      <c r="NM28" s="129">
        <v>0</v>
      </c>
      <c r="NN28" s="109">
        <v>0</v>
      </c>
      <c r="NO28" s="110">
        <v>0</v>
      </c>
      <c r="NP28" s="132"/>
      <c r="NQ28" s="109">
        <v>0</v>
      </c>
      <c r="NR28" s="109">
        <v>0</v>
      </c>
      <c r="NS28" s="109">
        <v>0</v>
      </c>
      <c r="NT28" s="109">
        <v>0</v>
      </c>
      <c r="NU28" s="109">
        <v>0</v>
      </c>
      <c r="NV28" s="110">
        <v>0</v>
      </c>
      <c r="NW28" s="111">
        <v>0</v>
      </c>
      <c r="NX28" s="129">
        <v>0</v>
      </c>
      <c r="NY28" s="109">
        <v>0</v>
      </c>
      <c r="NZ28" s="110">
        <v>0</v>
      </c>
      <c r="OA28" s="132"/>
      <c r="OB28" s="109">
        <v>0</v>
      </c>
      <c r="OC28" s="109">
        <v>0</v>
      </c>
      <c r="OD28" s="109">
        <v>0</v>
      </c>
      <c r="OE28" s="109">
        <v>0</v>
      </c>
      <c r="OF28" s="109">
        <v>0</v>
      </c>
      <c r="OG28" s="110">
        <v>0</v>
      </c>
      <c r="OH28" s="111">
        <v>0</v>
      </c>
      <c r="OI28" s="129">
        <v>393507</v>
      </c>
      <c r="OJ28" s="109">
        <v>199678</v>
      </c>
      <c r="OK28" s="128">
        <v>593185</v>
      </c>
      <c r="OL28" s="108">
        <v>0</v>
      </c>
      <c r="OM28" s="109">
        <v>3674245</v>
      </c>
      <c r="ON28" s="109">
        <v>3629725</v>
      </c>
      <c r="OO28" s="109">
        <v>4534889</v>
      </c>
      <c r="OP28" s="109">
        <v>5002643</v>
      </c>
      <c r="OQ28" s="109">
        <v>1846722</v>
      </c>
      <c r="OR28" s="110">
        <v>18688224</v>
      </c>
      <c r="OS28" s="130">
        <v>19281409</v>
      </c>
    </row>
    <row r="29" spans="2:409" ht="21" customHeight="1" x14ac:dyDescent="0.2">
      <c r="B29" s="472" t="s">
        <v>24</v>
      </c>
      <c r="C29" s="100">
        <v>421232</v>
      </c>
      <c r="D29" s="104">
        <v>288784</v>
      </c>
      <c r="E29" s="103">
        <v>710016</v>
      </c>
      <c r="F29" s="99">
        <v>0</v>
      </c>
      <c r="G29" s="104">
        <v>2510396</v>
      </c>
      <c r="H29" s="104">
        <v>2323701</v>
      </c>
      <c r="I29" s="104">
        <v>2132737</v>
      </c>
      <c r="J29" s="104">
        <v>1700158</v>
      </c>
      <c r="K29" s="104">
        <v>1829835</v>
      </c>
      <c r="L29" s="160">
        <v>10496827</v>
      </c>
      <c r="M29" s="106">
        <v>11206843</v>
      </c>
      <c r="N29" s="100">
        <v>70212</v>
      </c>
      <c r="O29" s="104">
        <v>134089</v>
      </c>
      <c r="P29" s="103">
        <v>204301</v>
      </c>
      <c r="Q29" s="100">
        <v>0</v>
      </c>
      <c r="R29" s="104">
        <v>1174989</v>
      </c>
      <c r="S29" s="104">
        <v>530844</v>
      </c>
      <c r="T29" s="104">
        <v>721502</v>
      </c>
      <c r="U29" s="104">
        <v>692948</v>
      </c>
      <c r="V29" s="104">
        <v>1094332</v>
      </c>
      <c r="W29" s="103">
        <v>4214615</v>
      </c>
      <c r="X29" s="106">
        <v>4418916</v>
      </c>
      <c r="Y29" s="100">
        <v>0</v>
      </c>
      <c r="Z29" s="104">
        <v>0</v>
      </c>
      <c r="AA29" s="103">
        <v>0</v>
      </c>
      <c r="AB29" s="100">
        <v>0</v>
      </c>
      <c r="AC29" s="104">
        <v>758687</v>
      </c>
      <c r="AD29" s="104">
        <v>207796</v>
      </c>
      <c r="AE29" s="104">
        <v>297630</v>
      </c>
      <c r="AF29" s="104">
        <v>275948</v>
      </c>
      <c r="AG29" s="104">
        <v>624254</v>
      </c>
      <c r="AH29" s="103">
        <v>2164315</v>
      </c>
      <c r="AI29" s="106">
        <v>2164315</v>
      </c>
      <c r="AJ29" s="100">
        <v>0</v>
      </c>
      <c r="AK29" s="104">
        <v>0</v>
      </c>
      <c r="AL29" s="103">
        <v>0</v>
      </c>
      <c r="AM29" s="100">
        <v>0</v>
      </c>
      <c r="AN29" s="104">
        <v>0</v>
      </c>
      <c r="AO29" s="104">
        <v>0</v>
      </c>
      <c r="AP29" s="104">
        <v>0</v>
      </c>
      <c r="AQ29" s="104">
        <v>153422</v>
      </c>
      <c r="AR29" s="104">
        <v>189746</v>
      </c>
      <c r="AS29" s="103">
        <v>343168</v>
      </c>
      <c r="AT29" s="106">
        <v>343168</v>
      </c>
      <c r="AU29" s="100">
        <v>13220</v>
      </c>
      <c r="AV29" s="104">
        <v>129321</v>
      </c>
      <c r="AW29" s="103">
        <v>142541</v>
      </c>
      <c r="AX29" s="100">
        <v>0</v>
      </c>
      <c r="AY29" s="104">
        <v>205922</v>
      </c>
      <c r="AZ29" s="104">
        <v>135831</v>
      </c>
      <c r="BA29" s="104">
        <v>184149</v>
      </c>
      <c r="BB29" s="104">
        <v>115570</v>
      </c>
      <c r="BC29" s="104">
        <v>157180</v>
      </c>
      <c r="BD29" s="103">
        <v>798652</v>
      </c>
      <c r="BE29" s="106">
        <v>941193</v>
      </c>
      <c r="BF29" s="100">
        <v>0</v>
      </c>
      <c r="BG29" s="104">
        <v>0</v>
      </c>
      <c r="BH29" s="102">
        <v>0</v>
      </c>
      <c r="BI29" s="101">
        <v>0</v>
      </c>
      <c r="BJ29" s="104">
        <v>35868</v>
      </c>
      <c r="BK29" s="104">
        <v>48841</v>
      </c>
      <c r="BL29" s="104">
        <v>42267</v>
      </c>
      <c r="BM29" s="104">
        <v>0</v>
      </c>
      <c r="BN29" s="104">
        <v>0</v>
      </c>
      <c r="BO29" s="103">
        <v>126976</v>
      </c>
      <c r="BP29" s="106">
        <v>126976</v>
      </c>
      <c r="BQ29" s="100">
        <v>56992</v>
      </c>
      <c r="BR29" s="104">
        <v>4768</v>
      </c>
      <c r="BS29" s="103">
        <v>61760</v>
      </c>
      <c r="BT29" s="100">
        <v>0</v>
      </c>
      <c r="BU29" s="104">
        <v>174512</v>
      </c>
      <c r="BV29" s="104">
        <v>138376</v>
      </c>
      <c r="BW29" s="104">
        <v>197456</v>
      </c>
      <c r="BX29" s="104">
        <v>148008</v>
      </c>
      <c r="BY29" s="104">
        <v>123152</v>
      </c>
      <c r="BZ29" s="103">
        <v>781504</v>
      </c>
      <c r="CA29" s="106">
        <v>843264</v>
      </c>
      <c r="CB29" s="100">
        <v>39854</v>
      </c>
      <c r="CC29" s="104">
        <v>35650</v>
      </c>
      <c r="CD29" s="103">
        <v>75504</v>
      </c>
      <c r="CE29" s="100">
        <v>0</v>
      </c>
      <c r="CF29" s="104">
        <v>723276</v>
      </c>
      <c r="CG29" s="104">
        <v>925347</v>
      </c>
      <c r="CH29" s="104">
        <v>507010</v>
      </c>
      <c r="CI29" s="104">
        <v>109517</v>
      </c>
      <c r="CJ29" s="104">
        <v>139860</v>
      </c>
      <c r="CK29" s="103">
        <v>2405010</v>
      </c>
      <c r="CL29" s="106">
        <v>2480514</v>
      </c>
      <c r="CM29" s="100">
        <v>0</v>
      </c>
      <c r="CN29" s="104">
        <v>0</v>
      </c>
      <c r="CO29" s="103">
        <v>0</v>
      </c>
      <c r="CP29" s="101">
        <v>0</v>
      </c>
      <c r="CQ29" s="104">
        <v>605236</v>
      </c>
      <c r="CR29" s="104">
        <v>675115</v>
      </c>
      <c r="CS29" s="104">
        <v>247258</v>
      </c>
      <c r="CT29" s="104">
        <v>24713</v>
      </c>
      <c r="CU29" s="104">
        <v>139860</v>
      </c>
      <c r="CV29" s="103">
        <v>1692182</v>
      </c>
      <c r="CW29" s="106">
        <v>1692182</v>
      </c>
      <c r="CX29" s="100">
        <v>39854</v>
      </c>
      <c r="CY29" s="104">
        <v>35650</v>
      </c>
      <c r="CZ29" s="103">
        <v>75504</v>
      </c>
      <c r="DA29" s="100">
        <v>0</v>
      </c>
      <c r="DB29" s="104">
        <v>118040</v>
      </c>
      <c r="DC29" s="104">
        <v>250232</v>
      </c>
      <c r="DD29" s="104">
        <v>259752</v>
      </c>
      <c r="DE29" s="104">
        <v>84804</v>
      </c>
      <c r="DF29" s="104">
        <v>0</v>
      </c>
      <c r="DG29" s="103">
        <v>712828</v>
      </c>
      <c r="DH29" s="106">
        <v>788332</v>
      </c>
      <c r="DI29" s="100">
        <v>0</v>
      </c>
      <c r="DJ29" s="104">
        <v>0</v>
      </c>
      <c r="DK29" s="102">
        <v>0</v>
      </c>
      <c r="DL29" s="101">
        <v>0</v>
      </c>
      <c r="DM29" s="104">
        <v>0</v>
      </c>
      <c r="DN29" s="104">
        <v>152412</v>
      </c>
      <c r="DO29" s="104">
        <v>41022</v>
      </c>
      <c r="DP29" s="104">
        <v>0</v>
      </c>
      <c r="DQ29" s="104">
        <v>298107</v>
      </c>
      <c r="DR29" s="103">
        <v>491541</v>
      </c>
      <c r="DS29" s="106">
        <v>491541</v>
      </c>
      <c r="DT29" s="100">
        <v>0</v>
      </c>
      <c r="DU29" s="104">
        <v>0</v>
      </c>
      <c r="DV29" s="103">
        <v>0</v>
      </c>
      <c r="DW29" s="100">
        <v>0</v>
      </c>
      <c r="DX29" s="104">
        <v>0</v>
      </c>
      <c r="DY29" s="104">
        <v>152412</v>
      </c>
      <c r="DZ29" s="104">
        <v>41022</v>
      </c>
      <c r="EA29" s="104">
        <v>0</v>
      </c>
      <c r="EB29" s="104">
        <v>298107</v>
      </c>
      <c r="EC29" s="103">
        <v>491541</v>
      </c>
      <c r="ED29" s="106">
        <v>491541</v>
      </c>
      <c r="EE29" s="100">
        <v>0</v>
      </c>
      <c r="EF29" s="102">
        <v>0</v>
      </c>
      <c r="EG29" s="103">
        <v>0</v>
      </c>
      <c r="EH29" s="100">
        <v>0</v>
      </c>
      <c r="EI29" s="104">
        <v>0</v>
      </c>
      <c r="EJ29" s="104">
        <v>0</v>
      </c>
      <c r="EK29" s="104">
        <v>0</v>
      </c>
      <c r="EL29" s="104">
        <v>0</v>
      </c>
      <c r="EM29" s="104">
        <v>0</v>
      </c>
      <c r="EN29" s="102">
        <v>0</v>
      </c>
      <c r="EO29" s="106">
        <v>0</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153946</v>
      </c>
      <c r="FM29" s="104">
        <v>21760</v>
      </c>
      <c r="FN29" s="103">
        <v>175706</v>
      </c>
      <c r="FO29" s="100">
        <v>0</v>
      </c>
      <c r="FP29" s="104">
        <v>109824</v>
      </c>
      <c r="FQ29" s="104">
        <v>218864</v>
      </c>
      <c r="FR29" s="104">
        <v>83040</v>
      </c>
      <c r="FS29" s="104">
        <v>54616</v>
      </c>
      <c r="FT29" s="104">
        <v>70480</v>
      </c>
      <c r="FU29" s="103">
        <v>536824</v>
      </c>
      <c r="FV29" s="106">
        <v>712530</v>
      </c>
      <c r="FW29" s="105">
        <v>49720</v>
      </c>
      <c r="FX29" s="104">
        <v>21760</v>
      </c>
      <c r="FY29" s="102">
        <v>71480</v>
      </c>
      <c r="FZ29" s="101">
        <v>0</v>
      </c>
      <c r="GA29" s="104">
        <v>78144</v>
      </c>
      <c r="GB29" s="104">
        <v>197264</v>
      </c>
      <c r="GC29" s="104">
        <v>83040</v>
      </c>
      <c r="GD29" s="104">
        <v>54616</v>
      </c>
      <c r="GE29" s="104">
        <v>70480</v>
      </c>
      <c r="GF29" s="103">
        <v>483544</v>
      </c>
      <c r="GG29" s="296">
        <v>555024</v>
      </c>
      <c r="GH29" s="105">
        <v>10626</v>
      </c>
      <c r="GI29" s="104">
        <v>0</v>
      </c>
      <c r="GJ29" s="102">
        <v>10626</v>
      </c>
      <c r="GK29" s="101">
        <v>0</v>
      </c>
      <c r="GL29" s="104">
        <v>31680</v>
      </c>
      <c r="GM29" s="104">
        <v>0</v>
      </c>
      <c r="GN29" s="104">
        <v>0</v>
      </c>
      <c r="GO29" s="104">
        <v>0</v>
      </c>
      <c r="GP29" s="104">
        <v>0</v>
      </c>
      <c r="GQ29" s="103">
        <v>31680</v>
      </c>
      <c r="GR29" s="106">
        <v>42306</v>
      </c>
      <c r="GS29" s="100">
        <v>93600</v>
      </c>
      <c r="GT29" s="104">
        <v>0</v>
      </c>
      <c r="GU29" s="103">
        <v>93600</v>
      </c>
      <c r="GV29" s="100">
        <v>0</v>
      </c>
      <c r="GW29" s="104">
        <v>0</v>
      </c>
      <c r="GX29" s="104">
        <v>21600</v>
      </c>
      <c r="GY29" s="104">
        <v>0</v>
      </c>
      <c r="GZ29" s="104">
        <v>0</v>
      </c>
      <c r="HA29" s="104">
        <v>0</v>
      </c>
      <c r="HB29" s="102">
        <v>21600</v>
      </c>
      <c r="HC29" s="106">
        <v>115200</v>
      </c>
      <c r="HD29" s="100">
        <v>157220</v>
      </c>
      <c r="HE29" s="104">
        <v>97285</v>
      </c>
      <c r="HF29" s="102">
        <v>254505</v>
      </c>
      <c r="HG29" s="101">
        <v>0</v>
      </c>
      <c r="HH29" s="104">
        <v>502307</v>
      </c>
      <c r="HI29" s="104">
        <v>496234</v>
      </c>
      <c r="HJ29" s="104">
        <v>780163</v>
      </c>
      <c r="HK29" s="104">
        <v>843077</v>
      </c>
      <c r="HL29" s="104">
        <v>227056</v>
      </c>
      <c r="HM29" s="103">
        <v>2848837</v>
      </c>
      <c r="HN29" s="99">
        <v>3103342</v>
      </c>
      <c r="HO29" s="306"/>
      <c r="HP29" s="307"/>
      <c r="HQ29" s="308"/>
      <c r="HR29" s="309"/>
      <c r="HS29" s="307"/>
      <c r="HT29" s="307"/>
      <c r="HU29" s="307"/>
      <c r="HV29" s="307"/>
      <c r="HW29" s="307"/>
      <c r="HX29" s="310"/>
      <c r="HY29" s="311"/>
      <c r="HZ29" s="118">
        <v>0</v>
      </c>
      <c r="IA29" s="119">
        <v>0</v>
      </c>
      <c r="IB29" s="120">
        <v>0</v>
      </c>
      <c r="IC29" s="133">
        <v>0</v>
      </c>
      <c r="ID29" s="119">
        <v>10261</v>
      </c>
      <c r="IE29" s="134">
        <v>399335</v>
      </c>
      <c r="IF29" s="120">
        <v>822395</v>
      </c>
      <c r="IG29" s="119">
        <v>198338</v>
      </c>
      <c r="IH29" s="120">
        <v>243538</v>
      </c>
      <c r="II29" s="135">
        <v>1673867</v>
      </c>
      <c r="IJ29" s="126">
        <v>1673867</v>
      </c>
      <c r="IK29" s="219">
        <v>0</v>
      </c>
      <c r="IL29" s="223">
        <v>0</v>
      </c>
      <c r="IM29" s="224">
        <v>0</v>
      </c>
      <c r="IN29" s="127"/>
      <c r="IO29" s="109">
        <v>0</v>
      </c>
      <c r="IP29" s="109">
        <v>0</v>
      </c>
      <c r="IQ29" s="109">
        <v>127181</v>
      </c>
      <c r="IR29" s="109">
        <v>198338</v>
      </c>
      <c r="IS29" s="109">
        <v>0</v>
      </c>
      <c r="IT29" s="128">
        <v>325519</v>
      </c>
      <c r="IU29" s="298">
        <v>325519</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10261</v>
      </c>
      <c r="JL29" s="109">
        <v>172903</v>
      </c>
      <c r="JM29" s="109">
        <v>88978</v>
      </c>
      <c r="JN29" s="109">
        <v>0</v>
      </c>
      <c r="JO29" s="109">
        <v>0</v>
      </c>
      <c r="JP29" s="110">
        <v>272142</v>
      </c>
      <c r="JQ29" s="298">
        <v>272142</v>
      </c>
      <c r="JR29" s="129">
        <v>0</v>
      </c>
      <c r="JS29" s="109">
        <v>0</v>
      </c>
      <c r="JT29" s="128">
        <v>0</v>
      </c>
      <c r="JU29" s="108">
        <v>0</v>
      </c>
      <c r="JV29" s="109">
        <v>0</v>
      </c>
      <c r="JW29" s="109">
        <v>0</v>
      </c>
      <c r="JX29" s="109">
        <v>137992</v>
      </c>
      <c r="JY29" s="109">
        <v>0</v>
      </c>
      <c r="JZ29" s="109">
        <v>0</v>
      </c>
      <c r="KA29" s="110">
        <v>137992</v>
      </c>
      <c r="KB29" s="298">
        <v>137992</v>
      </c>
      <c r="KC29" s="221">
        <v>0</v>
      </c>
      <c r="KD29" s="217">
        <v>0</v>
      </c>
      <c r="KE29" s="110">
        <v>0</v>
      </c>
      <c r="KF29" s="108">
        <v>0</v>
      </c>
      <c r="KG29" s="109">
        <v>0</v>
      </c>
      <c r="KH29" s="109">
        <v>0</v>
      </c>
      <c r="KI29" s="109">
        <v>0</v>
      </c>
      <c r="KJ29" s="109">
        <v>0</v>
      </c>
      <c r="KK29" s="109">
        <v>0</v>
      </c>
      <c r="KL29" s="110">
        <v>0</v>
      </c>
      <c r="KM29" s="130">
        <v>0</v>
      </c>
      <c r="KN29" s="219">
        <v>0</v>
      </c>
      <c r="KO29" s="223">
        <v>0</v>
      </c>
      <c r="KP29" s="224">
        <v>0</v>
      </c>
      <c r="KQ29" s="127"/>
      <c r="KR29" s="109">
        <v>0</v>
      </c>
      <c r="KS29" s="109">
        <v>226432</v>
      </c>
      <c r="KT29" s="109">
        <v>468244</v>
      </c>
      <c r="KU29" s="109">
        <v>0</v>
      </c>
      <c r="KV29" s="109">
        <v>243538</v>
      </c>
      <c r="KW29" s="110">
        <v>938214</v>
      </c>
      <c r="KX29" s="298">
        <v>938214</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0</v>
      </c>
      <c r="MK29" s="109">
        <v>235893</v>
      </c>
      <c r="ML29" s="109">
        <v>600703</v>
      </c>
      <c r="MM29" s="109">
        <v>2149367</v>
      </c>
      <c r="MN29" s="109">
        <v>787607</v>
      </c>
      <c r="MO29" s="110">
        <v>3773570</v>
      </c>
      <c r="MP29" s="130">
        <v>3773570</v>
      </c>
      <c r="MQ29" s="129">
        <v>0</v>
      </c>
      <c r="MR29" s="109">
        <v>0</v>
      </c>
      <c r="MS29" s="110">
        <v>0</v>
      </c>
      <c r="MT29" s="132"/>
      <c r="MU29" s="109">
        <v>0</v>
      </c>
      <c r="MV29" s="109">
        <v>0</v>
      </c>
      <c r="MW29" s="109">
        <v>240342</v>
      </c>
      <c r="MX29" s="109">
        <v>1075393</v>
      </c>
      <c r="MY29" s="109">
        <v>787607</v>
      </c>
      <c r="MZ29" s="110">
        <v>2103342</v>
      </c>
      <c r="NA29" s="130">
        <v>2103342</v>
      </c>
      <c r="NB29" s="129">
        <v>0</v>
      </c>
      <c r="NC29" s="109">
        <v>0</v>
      </c>
      <c r="ND29" s="110">
        <v>0</v>
      </c>
      <c r="NE29" s="132"/>
      <c r="NF29" s="109">
        <v>0</v>
      </c>
      <c r="NG29" s="109">
        <v>235893</v>
      </c>
      <c r="NH29" s="109">
        <v>360361</v>
      </c>
      <c r="NI29" s="109">
        <v>1073974</v>
      </c>
      <c r="NJ29" s="109">
        <v>0</v>
      </c>
      <c r="NK29" s="110">
        <v>1670228</v>
      </c>
      <c r="NL29" s="298">
        <v>1670228</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421232</v>
      </c>
      <c r="OJ29" s="109">
        <v>288784</v>
      </c>
      <c r="OK29" s="128">
        <v>710016</v>
      </c>
      <c r="OL29" s="108">
        <v>0</v>
      </c>
      <c r="OM29" s="109">
        <v>2520657</v>
      </c>
      <c r="ON29" s="109">
        <v>2958929</v>
      </c>
      <c r="OO29" s="109">
        <v>3555835</v>
      </c>
      <c r="OP29" s="109">
        <v>4047863</v>
      </c>
      <c r="OQ29" s="109">
        <v>2860980</v>
      </c>
      <c r="OR29" s="110">
        <v>15944264</v>
      </c>
      <c r="OS29" s="130">
        <v>16654280</v>
      </c>
    </row>
    <row r="30" spans="2:409" ht="21" customHeight="1" x14ac:dyDescent="0.2">
      <c r="B30" s="472" t="s">
        <v>25</v>
      </c>
      <c r="C30" s="100">
        <v>105311</v>
      </c>
      <c r="D30" s="104">
        <v>345858</v>
      </c>
      <c r="E30" s="103">
        <v>451169</v>
      </c>
      <c r="F30" s="99">
        <v>0</v>
      </c>
      <c r="G30" s="104">
        <v>1445049</v>
      </c>
      <c r="H30" s="104">
        <v>1434566</v>
      </c>
      <c r="I30" s="104">
        <v>1198421</v>
      </c>
      <c r="J30" s="104">
        <v>1753536</v>
      </c>
      <c r="K30" s="104">
        <v>857700</v>
      </c>
      <c r="L30" s="160">
        <v>6689272</v>
      </c>
      <c r="M30" s="106">
        <v>7140441</v>
      </c>
      <c r="N30" s="100">
        <v>15408</v>
      </c>
      <c r="O30" s="104">
        <v>120459</v>
      </c>
      <c r="P30" s="103">
        <v>135867</v>
      </c>
      <c r="Q30" s="100">
        <v>0</v>
      </c>
      <c r="R30" s="104">
        <v>294373</v>
      </c>
      <c r="S30" s="104">
        <v>476837</v>
      </c>
      <c r="T30" s="104">
        <v>573501</v>
      </c>
      <c r="U30" s="104">
        <v>673425</v>
      </c>
      <c r="V30" s="104">
        <v>383495</v>
      </c>
      <c r="W30" s="103">
        <v>2401631</v>
      </c>
      <c r="X30" s="106">
        <v>2537498</v>
      </c>
      <c r="Y30" s="100">
        <v>0</v>
      </c>
      <c r="Z30" s="104">
        <v>0</v>
      </c>
      <c r="AA30" s="103">
        <v>0</v>
      </c>
      <c r="AB30" s="100">
        <v>0</v>
      </c>
      <c r="AC30" s="104">
        <v>177067</v>
      </c>
      <c r="AD30" s="104">
        <v>231030</v>
      </c>
      <c r="AE30" s="104">
        <v>287280</v>
      </c>
      <c r="AF30" s="104">
        <v>409277</v>
      </c>
      <c r="AG30" s="104">
        <v>235048</v>
      </c>
      <c r="AH30" s="103">
        <v>1339702</v>
      </c>
      <c r="AI30" s="106">
        <v>1339702</v>
      </c>
      <c r="AJ30" s="100">
        <v>0</v>
      </c>
      <c r="AK30" s="104">
        <v>0</v>
      </c>
      <c r="AL30" s="103">
        <v>0</v>
      </c>
      <c r="AM30" s="100">
        <v>0</v>
      </c>
      <c r="AN30" s="104">
        <v>0</v>
      </c>
      <c r="AO30" s="104">
        <v>0</v>
      </c>
      <c r="AP30" s="104">
        <v>70619</v>
      </c>
      <c r="AQ30" s="104">
        <v>142883</v>
      </c>
      <c r="AR30" s="104">
        <v>58456</v>
      </c>
      <c r="AS30" s="103">
        <v>271958</v>
      </c>
      <c r="AT30" s="106">
        <v>271958</v>
      </c>
      <c r="AU30" s="100">
        <v>15408</v>
      </c>
      <c r="AV30" s="104">
        <v>19379</v>
      </c>
      <c r="AW30" s="103">
        <v>34787</v>
      </c>
      <c r="AX30" s="100">
        <v>0</v>
      </c>
      <c r="AY30" s="104">
        <v>53954</v>
      </c>
      <c r="AZ30" s="104">
        <v>213919</v>
      </c>
      <c r="BA30" s="104">
        <v>126499</v>
      </c>
      <c r="BB30" s="104">
        <v>88953</v>
      </c>
      <c r="BC30" s="104">
        <v>61135</v>
      </c>
      <c r="BD30" s="103">
        <v>544460</v>
      </c>
      <c r="BE30" s="106">
        <v>579247</v>
      </c>
      <c r="BF30" s="100">
        <v>0</v>
      </c>
      <c r="BG30" s="104">
        <v>83048</v>
      </c>
      <c r="BH30" s="102">
        <v>83048</v>
      </c>
      <c r="BI30" s="101">
        <v>0</v>
      </c>
      <c r="BJ30" s="104">
        <v>0</v>
      </c>
      <c r="BK30" s="104">
        <v>0</v>
      </c>
      <c r="BL30" s="104">
        <v>43415</v>
      </c>
      <c r="BM30" s="104">
        <v>0</v>
      </c>
      <c r="BN30" s="104">
        <v>0</v>
      </c>
      <c r="BO30" s="103">
        <v>43415</v>
      </c>
      <c r="BP30" s="106">
        <v>126463</v>
      </c>
      <c r="BQ30" s="100">
        <v>0</v>
      </c>
      <c r="BR30" s="104">
        <v>18032</v>
      </c>
      <c r="BS30" s="103">
        <v>18032</v>
      </c>
      <c r="BT30" s="100">
        <v>0</v>
      </c>
      <c r="BU30" s="104">
        <v>63352</v>
      </c>
      <c r="BV30" s="104">
        <v>31888</v>
      </c>
      <c r="BW30" s="104">
        <v>45688</v>
      </c>
      <c r="BX30" s="104">
        <v>32312</v>
      </c>
      <c r="BY30" s="104">
        <v>28856</v>
      </c>
      <c r="BZ30" s="103">
        <v>202096</v>
      </c>
      <c r="CA30" s="106">
        <v>220128</v>
      </c>
      <c r="CB30" s="100">
        <v>58031</v>
      </c>
      <c r="CC30" s="104">
        <v>71403</v>
      </c>
      <c r="CD30" s="103">
        <v>129434</v>
      </c>
      <c r="CE30" s="100">
        <v>0</v>
      </c>
      <c r="CF30" s="104">
        <v>454731</v>
      </c>
      <c r="CG30" s="104">
        <v>526444</v>
      </c>
      <c r="CH30" s="104">
        <v>327136</v>
      </c>
      <c r="CI30" s="104">
        <v>368033</v>
      </c>
      <c r="CJ30" s="104">
        <v>205100</v>
      </c>
      <c r="CK30" s="103">
        <v>1881444</v>
      </c>
      <c r="CL30" s="106">
        <v>2010878</v>
      </c>
      <c r="CM30" s="100">
        <v>0</v>
      </c>
      <c r="CN30" s="104">
        <v>0</v>
      </c>
      <c r="CO30" s="103">
        <v>0</v>
      </c>
      <c r="CP30" s="101">
        <v>0</v>
      </c>
      <c r="CQ30" s="104">
        <v>309472</v>
      </c>
      <c r="CR30" s="104">
        <v>146490</v>
      </c>
      <c r="CS30" s="104">
        <v>81265</v>
      </c>
      <c r="CT30" s="104">
        <v>223136</v>
      </c>
      <c r="CU30" s="104">
        <v>0</v>
      </c>
      <c r="CV30" s="103">
        <v>760363</v>
      </c>
      <c r="CW30" s="106">
        <v>760363</v>
      </c>
      <c r="CX30" s="100">
        <v>58031</v>
      </c>
      <c r="CY30" s="104">
        <v>71403</v>
      </c>
      <c r="CZ30" s="103">
        <v>129434</v>
      </c>
      <c r="DA30" s="100">
        <v>0</v>
      </c>
      <c r="DB30" s="104">
        <v>145259</v>
      </c>
      <c r="DC30" s="104">
        <v>379954</v>
      </c>
      <c r="DD30" s="104">
        <v>245871</v>
      </c>
      <c r="DE30" s="104">
        <v>144897</v>
      </c>
      <c r="DF30" s="104">
        <v>205100</v>
      </c>
      <c r="DG30" s="103">
        <v>1121081</v>
      </c>
      <c r="DH30" s="106">
        <v>1250515</v>
      </c>
      <c r="DI30" s="100">
        <v>0</v>
      </c>
      <c r="DJ30" s="104">
        <v>0</v>
      </c>
      <c r="DK30" s="102">
        <v>0</v>
      </c>
      <c r="DL30" s="101">
        <v>0</v>
      </c>
      <c r="DM30" s="104">
        <v>61206</v>
      </c>
      <c r="DN30" s="104">
        <v>52453</v>
      </c>
      <c r="DO30" s="104">
        <v>0</v>
      </c>
      <c r="DP30" s="104">
        <v>40444</v>
      </c>
      <c r="DQ30" s="104">
        <v>0</v>
      </c>
      <c r="DR30" s="103">
        <v>154103</v>
      </c>
      <c r="DS30" s="106">
        <v>154103</v>
      </c>
      <c r="DT30" s="100">
        <v>0</v>
      </c>
      <c r="DU30" s="104">
        <v>0</v>
      </c>
      <c r="DV30" s="103">
        <v>0</v>
      </c>
      <c r="DW30" s="100">
        <v>0</v>
      </c>
      <c r="DX30" s="104">
        <v>61206</v>
      </c>
      <c r="DY30" s="104">
        <v>52453</v>
      </c>
      <c r="DZ30" s="104">
        <v>0</v>
      </c>
      <c r="EA30" s="104">
        <v>40444</v>
      </c>
      <c r="EB30" s="104">
        <v>0</v>
      </c>
      <c r="EC30" s="103">
        <v>154103</v>
      </c>
      <c r="ED30" s="106">
        <v>154103</v>
      </c>
      <c r="EE30" s="100">
        <v>0</v>
      </c>
      <c r="EF30" s="102">
        <v>0</v>
      </c>
      <c r="EG30" s="103">
        <v>0</v>
      </c>
      <c r="EH30" s="100">
        <v>0</v>
      </c>
      <c r="EI30" s="104">
        <v>0</v>
      </c>
      <c r="EJ30" s="104">
        <v>0</v>
      </c>
      <c r="EK30" s="104">
        <v>0</v>
      </c>
      <c r="EL30" s="104">
        <v>0</v>
      </c>
      <c r="EM30" s="104">
        <v>0</v>
      </c>
      <c r="EN30" s="102">
        <v>0</v>
      </c>
      <c r="EO30" s="106">
        <v>0</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31872</v>
      </c>
      <c r="FM30" s="104">
        <v>65088</v>
      </c>
      <c r="FN30" s="103">
        <v>96960</v>
      </c>
      <c r="FO30" s="100">
        <v>0</v>
      </c>
      <c r="FP30" s="104">
        <v>169200</v>
      </c>
      <c r="FQ30" s="104">
        <v>199552</v>
      </c>
      <c r="FR30" s="104">
        <v>107912</v>
      </c>
      <c r="FS30" s="104">
        <v>242792</v>
      </c>
      <c r="FT30" s="104">
        <v>42232</v>
      </c>
      <c r="FU30" s="103">
        <v>761688</v>
      </c>
      <c r="FV30" s="106">
        <v>858648</v>
      </c>
      <c r="FW30" s="105">
        <v>31872</v>
      </c>
      <c r="FX30" s="104">
        <v>65088</v>
      </c>
      <c r="FY30" s="102">
        <v>96960</v>
      </c>
      <c r="FZ30" s="101">
        <v>0</v>
      </c>
      <c r="GA30" s="104">
        <v>9200</v>
      </c>
      <c r="GB30" s="104">
        <v>199552</v>
      </c>
      <c r="GC30" s="104">
        <v>107912</v>
      </c>
      <c r="GD30" s="104">
        <v>242792</v>
      </c>
      <c r="GE30" s="104">
        <v>42232</v>
      </c>
      <c r="GF30" s="103">
        <v>601688</v>
      </c>
      <c r="GG30" s="296">
        <v>698648</v>
      </c>
      <c r="GH30" s="105">
        <v>0</v>
      </c>
      <c r="GI30" s="104">
        <v>0</v>
      </c>
      <c r="GJ30" s="102">
        <v>0</v>
      </c>
      <c r="GK30" s="101">
        <v>0</v>
      </c>
      <c r="GL30" s="104">
        <v>0</v>
      </c>
      <c r="GM30" s="104">
        <v>0</v>
      </c>
      <c r="GN30" s="104">
        <v>0</v>
      </c>
      <c r="GO30" s="104">
        <v>0</v>
      </c>
      <c r="GP30" s="104">
        <v>0</v>
      </c>
      <c r="GQ30" s="103">
        <v>0</v>
      </c>
      <c r="GR30" s="106">
        <v>0</v>
      </c>
      <c r="GS30" s="100">
        <v>0</v>
      </c>
      <c r="GT30" s="104">
        <v>0</v>
      </c>
      <c r="GU30" s="103">
        <v>0</v>
      </c>
      <c r="GV30" s="100">
        <v>0</v>
      </c>
      <c r="GW30" s="104">
        <v>160000</v>
      </c>
      <c r="GX30" s="104">
        <v>0</v>
      </c>
      <c r="GY30" s="104">
        <v>0</v>
      </c>
      <c r="GZ30" s="104">
        <v>0</v>
      </c>
      <c r="HA30" s="104">
        <v>0</v>
      </c>
      <c r="HB30" s="102">
        <v>160000</v>
      </c>
      <c r="HC30" s="106">
        <v>160000</v>
      </c>
      <c r="HD30" s="100">
        <v>0</v>
      </c>
      <c r="HE30" s="104">
        <v>88908</v>
      </c>
      <c r="HF30" s="102">
        <v>88908</v>
      </c>
      <c r="HG30" s="101">
        <v>0</v>
      </c>
      <c r="HH30" s="104">
        <v>465539</v>
      </c>
      <c r="HI30" s="104">
        <v>179280</v>
      </c>
      <c r="HJ30" s="104">
        <v>189872</v>
      </c>
      <c r="HK30" s="104">
        <v>428842</v>
      </c>
      <c r="HL30" s="104">
        <v>226873</v>
      </c>
      <c r="HM30" s="103">
        <v>1490406</v>
      </c>
      <c r="HN30" s="99">
        <v>1579314</v>
      </c>
      <c r="HO30" s="306"/>
      <c r="HP30" s="307"/>
      <c r="HQ30" s="308"/>
      <c r="HR30" s="309"/>
      <c r="HS30" s="307"/>
      <c r="HT30" s="307"/>
      <c r="HU30" s="307"/>
      <c r="HV30" s="307"/>
      <c r="HW30" s="307"/>
      <c r="HX30" s="310"/>
      <c r="HY30" s="311"/>
      <c r="HZ30" s="137">
        <v>41280</v>
      </c>
      <c r="IA30" s="122">
        <v>0</v>
      </c>
      <c r="IB30" s="137">
        <v>41280</v>
      </c>
      <c r="IC30" s="121">
        <v>0</v>
      </c>
      <c r="ID30" s="122">
        <v>178265</v>
      </c>
      <c r="IE30" s="123">
        <v>67589</v>
      </c>
      <c r="IF30" s="124">
        <v>43664</v>
      </c>
      <c r="IG30" s="122">
        <v>0</v>
      </c>
      <c r="IH30" s="124">
        <v>0</v>
      </c>
      <c r="II30" s="125">
        <v>289518</v>
      </c>
      <c r="IJ30" s="137">
        <v>330798</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178265</v>
      </c>
      <c r="JL30" s="109">
        <v>67589</v>
      </c>
      <c r="JM30" s="109">
        <v>43664</v>
      </c>
      <c r="JN30" s="109">
        <v>0</v>
      </c>
      <c r="JO30" s="109">
        <v>0</v>
      </c>
      <c r="JP30" s="110">
        <v>289518</v>
      </c>
      <c r="JQ30" s="298">
        <v>289518</v>
      </c>
      <c r="JR30" s="129">
        <v>0</v>
      </c>
      <c r="JS30" s="109">
        <v>0</v>
      </c>
      <c r="JT30" s="128">
        <v>0</v>
      </c>
      <c r="JU30" s="108">
        <v>0</v>
      </c>
      <c r="JV30" s="109">
        <v>0</v>
      </c>
      <c r="JW30" s="109">
        <v>0</v>
      </c>
      <c r="JX30" s="109">
        <v>0</v>
      </c>
      <c r="JY30" s="109">
        <v>0</v>
      </c>
      <c r="JZ30" s="109">
        <v>0</v>
      </c>
      <c r="KA30" s="110">
        <v>0</v>
      </c>
      <c r="KB30" s="298">
        <v>0</v>
      </c>
      <c r="KC30" s="221">
        <v>41280</v>
      </c>
      <c r="KD30" s="217">
        <v>0</v>
      </c>
      <c r="KE30" s="110">
        <v>41280</v>
      </c>
      <c r="KF30" s="108">
        <v>0</v>
      </c>
      <c r="KG30" s="109">
        <v>0</v>
      </c>
      <c r="KH30" s="109">
        <v>0</v>
      </c>
      <c r="KI30" s="109">
        <v>0</v>
      </c>
      <c r="KJ30" s="109">
        <v>0</v>
      </c>
      <c r="KK30" s="109">
        <v>0</v>
      </c>
      <c r="KL30" s="110">
        <v>0</v>
      </c>
      <c r="KM30" s="130">
        <v>41280</v>
      </c>
      <c r="KN30" s="219">
        <v>0</v>
      </c>
      <c r="KO30" s="223">
        <v>0</v>
      </c>
      <c r="KP30" s="224">
        <v>0</v>
      </c>
      <c r="KQ30" s="127"/>
      <c r="KR30" s="109">
        <v>0</v>
      </c>
      <c r="KS30" s="109">
        <v>0</v>
      </c>
      <c r="KT30" s="109">
        <v>0</v>
      </c>
      <c r="KU30" s="109">
        <v>0</v>
      </c>
      <c r="KV30" s="109">
        <v>0</v>
      </c>
      <c r="KW30" s="110">
        <v>0</v>
      </c>
      <c r="KX30" s="298">
        <v>0</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281497</v>
      </c>
      <c r="MK30" s="109">
        <v>201826</v>
      </c>
      <c r="ML30" s="109">
        <v>1061515</v>
      </c>
      <c r="MM30" s="109">
        <v>881969</v>
      </c>
      <c r="MN30" s="109">
        <v>1006925</v>
      </c>
      <c r="MO30" s="110">
        <v>3433732</v>
      </c>
      <c r="MP30" s="130">
        <v>3433732</v>
      </c>
      <c r="MQ30" s="129">
        <v>0</v>
      </c>
      <c r="MR30" s="109">
        <v>0</v>
      </c>
      <c r="MS30" s="110">
        <v>0</v>
      </c>
      <c r="MT30" s="132"/>
      <c r="MU30" s="109">
        <v>0</v>
      </c>
      <c r="MV30" s="109">
        <v>201826</v>
      </c>
      <c r="MW30" s="109">
        <v>698667</v>
      </c>
      <c r="MX30" s="109">
        <v>524446</v>
      </c>
      <c r="MY30" s="109">
        <v>437987</v>
      </c>
      <c r="MZ30" s="110">
        <v>1862926</v>
      </c>
      <c r="NA30" s="130">
        <v>1862926</v>
      </c>
      <c r="NB30" s="129">
        <v>0</v>
      </c>
      <c r="NC30" s="109">
        <v>0</v>
      </c>
      <c r="ND30" s="110">
        <v>0</v>
      </c>
      <c r="NE30" s="132"/>
      <c r="NF30" s="109">
        <v>281497</v>
      </c>
      <c r="NG30" s="109">
        <v>0</v>
      </c>
      <c r="NH30" s="109">
        <v>362848</v>
      </c>
      <c r="NI30" s="109">
        <v>357523</v>
      </c>
      <c r="NJ30" s="109">
        <v>568938</v>
      </c>
      <c r="NK30" s="110">
        <v>1570806</v>
      </c>
      <c r="NL30" s="298">
        <v>1570806</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0</v>
      </c>
      <c r="OG30" s="110">
        <v>0</v>
      </c>
      <c r="OH30" s="111">
        <v>0</v>
      </c>
      <c r="OI30" s="129">
        <v>146591</v>
      </c>
      <c r="OJ30" s="109">
        <v>345858</v>
      </c>
      <c r="OK30" s="128">
        <v>492449</v>
      </c>
      <c r="OL30" s="108">
        <v>0</v>
      </c>
      <c r="OM30" s="109">
        <v>1904811</v>
      </c>
      <c r="ON30" s="109">
        <v>1703981</v>
      </c>
      <c r="OO30" s="109">
        <v>2303600</v>
      </c>
      <c r="OP30" s="109">
        <v>2635505</v>
      </c>
      <c r="OQ30" s="109">
        <v>1864625</v>
      </c>
      <c r="OR30" s="110">
        <v>10412522</v>
      </c>
      <c r="OS30" s="130">
        <v>10904971</v>
      </c>
    </row>
    <row r="31" spans="2:409" ht="21" customHeight="1" x14ac:dyDescent="0.2">
      <c r="B31" s="472" t="s">
        <v>26</v>
      </c>
      <c r="C31" s="100">
        <v>89779</v>
      </c>
      <c r="D31" s="104">
        <v>65293</v>
      </c>
      <c r="E31" s="103">
        <v>155072</v>
      </c>
      <c r="F31" s="99">
        <v>0</v>
      </c>
      <c r="G31" s="104">
        <v>1151743</v>
      </c>
      <c r="H31" s="104">
        <v>1262168</v>
      </c>
      <c r="I31" s="104">
        <v>1218500</v>
      </c>
      <c r="J31" s="104">
        <v>455955</v>
      </c>
      <c r="K31" s="104">
        <v>457822</v>
      </c>
      <c r="L31" s="160">
        <v>4546188</v>
      </c>
      <c r="M31" s="106">
        <v>4701260</v>
      </c>
      <c r="N31" s="100">
        <v>14128</v>
      </c>
      <c r="O31" s="104">
        <v>9469</v>
      </c>
      <c r="P31" s="103">
        <v>23597</v>
      </c>
      <c r="Q31" s="100">
        <v>0</v>
      </c>
      <c r="R31" s="104">
        <v>375056</v>
      </c>
      <c r="S31" s="104">
        <v>553920</v>
      </c>
      <c r="T31" s="104">
        <v>535887</v>
      </c>
      <c r="U31" s="104">
        <v>272080</v>
      </c>
      <c r="V31" s="104">
        <v>384415</v>
      </c>
      <c r="W31" s="103">
        <v>2121358</v>
      </c>
      <c r="X31" s="106">
        <v>2144955</v>
      </c>
      <c r="Y31" s="100">
        <v>0</v>
      </c>
      <c r="Z31" s="104">
        <v>0</v>
      </c>
      <c r="AA31" s="103">
        <v>0</v>
      </c>
      <c r="AB31" s="100">
        <v>0</v>
      </c>
      <c r="AC31" s="104">
        <v>275706</v>
      </c>
      <c r="AD31" s="104">
        <v>376673</v>
      </c>
      <c r="AE31" s="104">
        <v>318175</v>
      </c>
      <c r="AF31" s="104">
        <v>65909</v>
      </c>
      <c r="AG31" s="104">
        <v>252426</v>
      </c>
      <c r="AH31" s="103">
        <v>1288889</v>
      </c>
      <c r="AI31" s="106">
        <v>1288889</v>
      </c>
      <c r="AJ31" s="100">
        <v>0</v>
      </c>
      <c r="AK31" s="104">
        <v>0</v>
      </c>
      <c r="AL31" s="103">
        <v>0</v>
      </c>
      <c r="AM31" s="100">
        <v>0</v>
      </c>
      <c r="AN31" s="104">
        <v>0</v>
      </c>
      <c r="AO31" s="104">
        <v>0</v>
      </c>
      <c r="AP31" s="104">
        <v>0</v>
      </c>
      <c r="AQ31" s="104">
        <v>105228</v>
      </c>
      <c r="AR31" s="104">
        <v>0</v>
      </c>
      <c r="AS31" s="103">
        <v>105228</v>
      </c>
      <c r="AT31" s="106">
        <v>105228</v>
      </c>
      <c r="AU31" s="100">
        <v>0</v>
      </c>
      <c r="AV31" s="104">
        <v>9469</v>
      </c>
      <c r="AW31" s="103">
        <v>9469</v>
      </c>
      <c r="AX31" s="100">
        <v>0</v>
      </c>
      <c r="AY31" s="104">
        <v>86742</v>
      </c>
      <c r="AZ31" s="104">
        <v>101529</v>
      </c>
      <c r="BA31" s="104">
        <v>145616</v>
      </c>
      <c r="BB31" s="104">
        <v>23607</v>
      </c>
      <c r="BC31" s="104">
        <v>117189</v>
      </c>
      <c r="BD31" s="103">
        <v>474683</v>
      </c>
      <c r="BE31" s="106">
        <v>484152</v>
      </c>
      <c r="BF31" s="100">
        <v>0</v>
      </c>
      <c r="BG31" s="104">
        <v>0</v>
      </c>
      <c r="BH31" s="102">
        <v>0</v>
      </c>
      <c r="BI31" s="101">
        <v>0</v>
      </c>
      <c r="BJ31" s="104">
        <v>0</v>
      </c>
      <c r="BK31" s="104">
        <v>55302</v>
      </c>
      <c r="BL31" s="104">
        <v>0</v>
      </c>
      <c r="BM31" s="104">
        <v>0</v>
      </c>
      <c r="BN31" s="104">
        <v>0</v>
      </c>
      <c r="BO31" s="103">
        <v>55302</v>
      </c>
      <c r="BP31" s="106">
        <v>55302</v>
      </c>
      <c r="BQ31" s="100">
        <v>14128</v>
      </c>
      <c r="BR31" s="104">
        <v>0</v>
      </c>
      <c r="BS31" s="103">
        <v>14128</v>
      </c>
      <c r="BT31" s="100">
        <v>0</v>
      </c>
      <c r="BU31" s="104">
        <v>12608</v>
      </c>
      <c r="BV31" s="104">
        <v>20416</v>
      </c>
      <c r="BW31" s="104">
        <v>72096</v>
      </c>
      <c r="BX31" s="104">
        <v>77336</v>
      </c>
      <c r="BY31" s="104">
        <v>14800</v>
      </c>
      <c r="BZ31" s="103">
        <v>197256</v>
      </c>
      <c r="CA31" s="106">
        <v>211384</v>
      </c>
      <c r="CB31" s="100">
        <v>0</v>
      </c>
      <c r="CC31" s="104">
        <v>0</v>
      </c>
      <c r="CD31" s="103">
        <v>0</v>
      </c>
      <c r="CE31" s="100">
        <v>0</v>
      </c>
      <c r="CF31" s="104">
        <v>457390</v>
      </c>
      <c r="CG31" s="104">
        <v>448994</v>
      </c>
      <c r="CH31" s="104">
        <v>230171</v>
      </c>
      <c r="CI31" s="104">
        <v>122531</v>
      </c>
      <c r="CJ31" s="104">
        <v>0</v>
      </c>
      <c r="CK31" s="103">
        <v>1259086</v>
      </c>
      <c r="CL31" s="106">
        <v>1259086</v>
      </c>
      <c r="CM31" s="100">
        <v>0</v>
      </c>
      <c r="CN31" s="104">
        <v>0</v>
      </c>
      <c r="CO31" s="103">
        <v>0</v>
      </c>
      <c r="CP31" s="101">
        <v>0</v>
      </c>
      <c r="CQ31" s="104">
        <v>318904</v>
      </c>
      <c r="CR31" s="104">
        <v>278765</v>
      </c>
      <c r="CS31" s="104">
        <v>230171</v>
      </c>
      <c r="CT31" s="104">
        <v>0</v>
      </c>
      <c r="CU31" s="104">
        <v>0</v>
      </c>
      <c r="CV31" s="103">
        <v>827840</v>
      </c>
      <c r="CW31" s="106">
        <v>827840</v>
      </c>
      <c r="CX31" s="100">
        <v>0</v>
      </c>
      <c r="CY31" s="104">
        <v>0</v>
      </c>
      <c r="CZ31" s="103">
        <v>0</v>
      </c>
      <c r="DA31" s="100">
        <v>0</v>
      </c>
      <c r="DB31" s="104">
        <v>138486</v>
      </c>
      <c r="DC31" s="104">
        <v>170229</v>
      </c>
      <c r="DD31" s="104">
        <v>0</v>
      </c>
      <c r="DE31" s="104">
        <v>122531</v>
      </c>
      <c r="DF31" s="104">
        <v>0</v>
      </c>
      <c r="DG31" s="103">
        <v>431246</v>
      </c>
      <c r="DH31" s="106">
        <v>431246</v>
      </c>
      <c r="DI31" s="100">
        <v>0</v>
      </c>
      <c r="DJ31" s="104">
        <v>0</v>
      </c>
      <c r="DK31" s="102">
        <v>0</v>
      </c>
      <c r="DL31" s="101">
        <v>0</v>
      </c>
      <c r="DM31" s="104">
        <v>78297</v>
      </c>
      <c r="DN31" s="104">
        <v>158966</v>
      </c>
      <c r="DO31" s="104">
        <v>58703</v>
      </c>
      <c r="DP31" s="104">
        <v>0</v>
      </c>
      <c r="DQ31" s="104">
        <v>22543</v>
      </c>
      <c r="DR31" s="103">
        <v>318509</v>
      </c>
      <c r="DS31" s="106">
        <v>318509</v>
      </c>
      <c r="DT31" s="100">
        <v>0</v>
      </c>
      <c r="DU31" s="104">
        <v>0</v>
      </c>
      <c r="DV31" s="103">
        <v>0</v>
      </c>
      <c r="DW31" s="100">
        <v>0</v>
      </c>
      <c r="DX31" s="104">
        <v>78297</v>
      </c>
      <c r="DY31" s="104">
        <v>158966</v>
      </c>
      <c r="DZ31" s="104">
        <v>0</v>
      </c>
      <c r="EA31" s="104">
        <v>0</v>
      </c>
      <c r="EB31" s="104">
        <v>22543</v>
      </c>
      <c r="EC31" s="103">
        <v>259806</v>
      </c>
      <c r="ED31" s="106">
        <v>259806</v>
      </c>
      <c r="EE31" s="100">
        <v>0</v>
      </c>
      <c r="EF31" s="102">
        <v>0</v>
      </c>
      <c r="EG31" s="103">
        <v>0</v>
      </c>
      <c r="EH31" s="100">
        <v>0</v>
      </c>
      <c r="EI31" s="104">
        <v>0</v>
      </c>
      <c r="EJ31" s="104">
        <v>0</v>
      </c>
      <c r="EK31" s="104">
        <v>58703</v>
      </c>
      <c r="EL31" s="104">
        <v>0</v>
      </c>
      <c r="EM31" s="104">
        <v>0</v>
      </c>
      <c r="EN31" s="102">
        <v>58703</v>
      </c>
      <c r="EO31" s="106">
        <v>58703</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23360</v>
      </c>
      <c r="FM31" s="104">
        <v>55824</v>
      </c>
      <c r="FN31" s="103">
        <v>79184</v>
      </c>
      <c r="FO31" s="100">
        <v>0</v>
      </c>
      <c r="FP31" s="104">
        <v>88840</v>
      </c>
      <c r="FQ31" s="104">
        <v>100288</v>
      </c>
      <c r="FR31" s="104">
        <v>121674</v>
      </c>
      <c r="FS31" s="104">
        <v>61344</v>
      </c>
      <c r="FT31" s="104">
        <v>50864</v>
      </c>
      <c r="FU31" s="103">
        <v>423010</v>
      </c>
      <c r="FV31" s="106">
        <v>502194</v>
      </c>
      <c r="FW31" s="105">
        <v>23360</v>
      </c>
      <c r="FX31" s="104">
        <v>34000</v>
      </c>
      <c r="FY31" s="102">
        <v>57360</v>
      </c>
      <c r="FZ31" s="101">
        <v>0</v>
      </c>
      <c r="GA31" s="104">
        <v>88840</v>
      </c>
      <c r="GB31" s="104">
        <v>100288</v>
      </c>
      <c r="GC31" s="104">
        <v>94848</v>
      </c>
      <c r="GD31" s="104">
        <v>61344</v>
      </c>
      <c r="GE31" s="104">
        <v>50864</v>
      </c>
      <c r="GF31" s="103">
        <v>396184</v>
      </c>
      <c r="GG31" s="296">
        <v>453544</v>
      </c>
      <c r="GH31" s="105">
        <v>0</v>
      </c>
      <c r="GI31" s="104">
        <v>21824</v>
      </c>
      <c r="GJ31" s="102">
        <v>21824</v>
      </c>
      <c r="GK31" s="101">
        <v>0</v>
      </c>
      <c r="GL31" s="104">
        <v>0</v>
      </c>
      <c r="GM31" s="104">
        <v>0</v>
      </c>
      <c r="GN31" s="104">
        <v>0</v>
      </c>
      <c r="GO31" s="104">
        <v>0</v>
      </c>
      <c r="GP31" s="104">
        <v>0</v>
      </c>
      <c r="GQ31" s="103">
        <v>0</v>
      </c>
      <c r="GR31" s="106">
        <v>21824</v>
      </c>
      <c r="GS31" s="100">
        <v>0</v>
      </c>
      <c r="GT31" s="104">
        <v>0</v>
      </c>
      <c r="GU31" s="103">
        <v>0</v>
      </c>
      <c r="GV31" s="100">
        <v>0</v>
      </c>
      <c r="GW31" s="104">
        <v>0</v>
      </c>
      <c r="GX31" s="104">
        <v>0</v>
      </c>
      <c r="GY31" s="104">
        <v>26826</v>
      </c>
      <c r="GZ31" s="104">
        <v>0</v>
      </c>
      <c r="HA31" s="104">
        <v>0</v>
      </c>
      <c r="HB31" s="102">
        <v>26826</v>
      </c>
      <c r="HC31" s="106">
        <v>26826</v>
      </c>
      <c r="HD31" s="100">
        <v>52291</v>
      </c>
      <c r="HE31" s="104">
        <v>0</v>
      </c>
      <c r="HF31" s="102">
        <v>52291</v>
      </c>
      <c r="HG31" s="101">
        <v>0</v>
      </c>
      <c r="HH31" s="104">
        <v>152160</v>
      </c>
      <c r="HI31" s="104">
        <v>0</v>
      </c>
      <c r="HJ31" s="104">
        <v>272065</v>
      </c>
      <c r="HK31" s="104">
        <v>0</v>
      </c>
      <c r="HL31" s="104">
        <v>0</v>
      </c>
      <c r="HM31" s="103">
        <v>424225</v>
      </c>
      <c r="HN31" s="99">
        <v>476516</v>
      </c>
      <c r="HO31" s="306"/>
      <c r="HP31" s="307"/>
      <c r="HQ31" s="308"/>
      <c r="HR31" s="309"/>
      <c r="HS31" s="307"/>
      <c r="HT31" s="307"/>
      <c r="HU31" s="307"/>
      <c r="HV31" s="307"/>
      <c r="HW31" s="307"/>
      <c r="HX31" s="310"/>
      <c r="HY31" s="311"/>
      <c r="HZ31" s="118">
        <v>0</v>
      </c>
      <c r="IA31" s="119">
        <v>0</v>
      </c>
      <c r="IB31" s="120">
        <v>0</v>
      </c>
      <c r="IC31" s="133">
        <v>0</v>
      </c>
      <c r="ID31" s="119">
        <v>189516</v>
      </c>
      <c r="IE31" s="134">
        <v>380569</v>
      </c>
      <c r="IF31" s="120">
        <v>175188</v>
      </c>
      <c r="IG31" s="119">
        <v>540142</v>
      </c>
      <c r="IH31" s="120">
        <v>44300</v>
      </c>
      <c r="II31" s="135">
        <v>1329715</v>
      </c>
      <c r="IJ31" s="126">
        <v>1329715</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189516</v>
      </c>
      <c r="JL31" s="109">
        <v>107726</v>
      </c>
      <c r="JM31" s="109">
        <v>46510</v>
      </c>
      <c r="JN31" s="109">
        <v>38968</v>
      </c>
      <c r="JO31" s="109">
        <v>44300</v>
      </c>
      <c r="JP31" s="110">
        <v>427020</v>
      </c>
      <c r="JQ31" s="298">
        <v>427020</v>
      </c>
      <c r="JR31" s="129">
        <v>0</v>
      </c>
      <c r="JS31" s="109">
        <v>0</v>
      </c>
      <c r="JT31" s="128">
        <v>0</v>
      </c>
      <c r="JU31" s="108">
        <v>0</v>
      </c>
      <c r="JV31" s="109">
        <v>0</v>
      </c>
      <c r="JW31" s="109">
        <v>39452</v>
      </c>
      <c r="JX31" s="109">
        <v>128678</v>
      </c>
      <c r="JY31" s="109">
        <v>0</v>
      </c>
      <c r="JZ31" s="109">
        <v>0</v>
      </c>
      <c r="KA31" s="110">
        <v>168130</v>
      </c>
      <c r="KB31" s="298">
        <v>168130</v>
      </c>
      <c r="KC31" s="221">
        <v>0</v>
      </c>
      <c r="KD31" s="217">
        <v>0</v>
      </c>
      <c r="KE31" s="110">
        <v>0</v>
      </c>
      <c r="KF31" s="108">
        <v>0</v>
      </c>
      <c r="KG31" s="109">
        <v>0</v>
      </c>
      <c r="KH31" s="109">
        <v>0</v>
      </c>
      <c r="KI31" s="109">
        <v>0</v>
      </c>
      <c r="KJ31" s="109">
        <v>0</v>
      </c>
      <c r="KK31" s="109">
        <v>0</v>
      </c>
      <c r="KL31" s="110">
        <v>0</v>
      </c>
      <c r="KM31" s="130">
        <v>0</v>
      </c>
      <c r="KN31" s="219">
        <v>0</v>
      </c>
      <c r="KO31" s="223">
        <v>0</v>
      </c>
      <c r="KP31" s="224">
        <v>0</v>
      </c>
      <c r="KQ31" s="127"/>
      <c r="KR31" s="109">
        <v>0</v>
      </c>
      <c r="KS31" s="109">
        <v>233391</v>
      </c>
      <c r="KT31" s="109">
        <v>0</v>
      </c>
      <c r="KU31" s="109">
        <v>501174</v>
      </c>
      <c r="KV31" s="109">
        <v>0</v>
      </c>
      <c r="KW31" s="110">
        <v>734565</v>
      </c>
      <c r="KX31" s="298">
        <v>734565</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0</v>
      </c>
      <c r="MK31" s="109">
        <v>231124</v>
      </c>
      <c r="ML31" s="109">
        <v>943357</v>
      </c>
      <c r="MM31" s="109">
        <v>998398</v>
      </c>
      <c r="MN31" s="109">
        <v>266625</v>
      </c>
      <c r="MO31" s="110">
        <v>2439504</v>
      </c>
      <c r="MP31" s="130">
        <v>2439504</v>
      </c>
      <c r="MQ31" s="129">
        <v>0</v>
      </c>
      <c r="MR31" s="109">
        <v>0</v>
      </c>
      <c r="MS31" s="110">
        <v>0</v>
      </c>
      <c r="MT31" s="132"/>
      <c r="MU31" s="109">
        <v>0</v>
      </c>
      <c r="MV31" s="109">
        <v>0</v>
      </c>
      <c r="MW31" s="109">
        <v>695909</v>
      </c>
      <c r="MX31" s="109">
        <v>998398</v>
      </c>
      <c r="MY31" s="109">
        <v>266625</v>
      </c>
      <c r="MZ31" s="110">
        <v>1960932</v>
      </c>
      <c r="NA31" s="130">
        <v>1960932</v>
      </c>
      <c r="NB31" s="129">
        <v>0</v>
      </c>
      <c r="NC31" s="109">
        <v>0</v>
      </c>
      <c r="ND31" s="110">
        <v>0</v>
      </c>
      <c r="NE31" s="132"/>
      <c r="NF31" s="109">
        <v>0</v>
      </c>
      <c r="NG31" s="109">
        <v>231124</v>
      </c>
      <c r="NH31" s="109">
        <v>247448</v>
      </c>
      <c r="NI31" s="109">
        <v>0</v>
      </c>
      <c r="NJ31" s="109">
        <v>0</v>
      </c>
      <c r="NK31" s="110">
        <v>478572</v>
      </c>
      <c r="NL31" s="298">
        <v>478572</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89779</v>
      </c>
      <c r="OJ31" s="109">
        <v>65293</v>
      </c>
      <c r="OK31" s="128">
        <v>155072</v>
      </c>
      <c r="OL31" s="108">
        <v>0</v>
      </c>
      <c r="OM31" s="109">
        <v>1341259</v>
      </c>
      <c r="ON31" s="109">
        <v>1873861</v>
      </c>
      <c r="OO31" s="109">
        <v>2337045</v>
      </c>
      <c r="OP31" s="109">
        <v>1994495</v>
      </c>
      <c r="OQ31" s="109">
        <v>768747</v>
      </c>
      <c r="OR31" s="110">
        <v>8315407</v>
      </c>
      <c r="OS31" s="130">
        <v>8470479</v>
      </c>
    </row>
    <row r="32" spans="2:409" ht="21" customHeight="1" x14ac:dyDescent="0.2">
      <c r="B32" s="472" t="s">
        <v>27</v>
      </c>
      <c r="C32" s="100">
        <v>96518</v>
      </c>
      <c r="D32" s="104">
        <v>323810</v>
      </c>
      <c r="E32" s="103">
        <v>420328</v>
      </c>
      <c r="F32" s="99">
        <v>0</v>
      </c>
      <c r="G32" s="104">
        <v>1359186</v>
      </c>
      <c r="H32" s="104">
        <v>1318989</v>
      </c>
      <c r="I32" s="104">
        <v>1145558</v>
      </c>
      <c r="J32" s="104">
        <v>1423392</v>
      </c>
      <c r="K32" s="104">
        <v>923067</v>
      </c>
      <c r="L32" s="160">
        <v>6170192</v>
      </c>
      <c r="M32" s="106">
        <v>6590520</v>
      </c>
      <c r="N32" s="100">
        <v>15056</v>
      </c>
      <c r="O32" s="104">
        <v>132720</v>
      </c>
      <c r="P32" s="103">
        <v>147776</v>
      </c>
      <c r="Q32" s="100">
        <v>0</v>
      </c>
      <c r="R32" s="104">
        <v>452340</v>
      </c>
      <c r="S32" s="104">
        <v>510058</v>
      </c>
      <c r="T32" s="104">
        <v>581866</v>
      </c>
      <c r="U32" s="104">
        <v>470968</v>
      </c>
      <c r="V32" s="104">
        <v>890182</v>
      </c>
      <c r="W32" s="103">
        <v>2905414</v>
      </c>
      <c r="X32" s="106">
        <v>3053190</v>
      </c>
      <c r="Y32" s="100">
        <v>0</v>
      </c>
      <c r="Z32" s="104">
        <v>0</v>
      </c>
      <c r="AA32" s="103">
        <v>0</v>
      </c>
      <c r="AB32" s="100">
        <v>0</v>
      </c>
      <c r="AC32" s="104">
        <v>195277</v>
      </c>
      <c r="AD32" s="104">
        <v>180297</v>
      </c>
      <c r="AE32" s="104">
        <v>401309</v>
      </c>
      <c r="AF32" s="104">
        <v>190736</v>
      </c>
      <c r="AG32" s="104">
        <v>553508</v>
      </c>
      <c r="AH32" s="103">
        <v>1521127</v>
      </c>
      <c r="AI32" s="106">
        <v>1521127</v>
      </c>
      <c r="AJ32" s="100">
        <v>0</v>
      </c>
      <c r="AK32" s="104">
        <v>0</v>
      </c>
      <c r="AL32" s="103">
        <v>0</v>
      </c>
      <c r="AM32" s="100">
        <v>0</v>
      </c>
      <c r="AN32" s="104">
        <v>0</v>
      </c>
      <c r="AO32" s="104">
        <v>45539</v>
      </c>
      <c r="AP32" s="104">
        <v>45539</v>
      </c>
      <c r="AQ32" s="104">
        <v>34160</v>
      </c>
      <c r="AR32" s="104">
        <v>58734</v>
      </c>
      <c r="AS32" s="103">
        <v>183972</v>
      </c>
      <c r="AT32" s="106">
        <v>183972</v>
      </c>
      <c r="AU32" s="100">
        <v>0</v>
      </c>
      <c r="AV32" s="104">
        <v>119424</v>
      </c>
      <c r="AW32" s="103">
        <v>119424</v>
      </c>
      <c r="AX32" s="100">
        <v>0</v>
      </c>
      <c r="AY32" s="104">
        <v>184055</v>
      </c>
      <c r="AZ32" s="104">
        <v>206790</v>
      </c>
      <c r="BA32" s="104">
        <v>106514</v>
      </c>
      <c r="BB32" s="104">
        <v>181440</v>
      </c>
      <c r="BC32" s="104">
        <v>244004</v>
      </c>
      <c r="BD32" s="103">
        <v>922803</v>
      </c>
      <c r="BE32" s="106">
        <v>1042227</v>
      </c>
      <c r="BF32" s="100">
        <v>0</v>
      </c>
      <c r="BG32" s="104">
        <v>0</v>
      </c>
      <c r="BH32" s="102">
        <v>0</v>
      </c>
      <c r="BI32" s="101">
        <v>0</v>
      </c>
      <c r="BJ32" s="104">
        <v>0</v>
      </c>
      <c r="BK32" s="104">
        <v>31600</v>
      </c>
      <c r="BL32" s="104">
        <v>0</v>
      </c>
      <c r="BM32" s="104">
        <v>0</v>
      </c>
      <c r="BN32" s="104">
        <v>0</v>
      </c>
      <c r="BO32" s="103">
        <v>31600</v>
      </c>
      <c r="BP32" s="106">
        <v>31600</v>
      </c>
      <c r="BQ32" s="100">
        <v>15056</v>
      </c>
      <c r="BR32" s="104">
        <v>13296</v>
      </c>
      <c r="BS32" s="103">
        <v>28352</v>
      </c>
      <c r="BT32" s="100">
        <v>0</v>
      </c>
      <c r="BU32" s="104">
        <v>73008</v>
      </c>
      <c r="BV32" s="104">
        <v>45832</v>
      </c>
      <c r="BW32" s="104">
        <v>28504</v>
      </c>
      <c r="BX32" s="104">
        <v>64632</v>
      </c>
      <c r="BY32" s="104">
        <v>33936</v>
      </c>
      <c r="BZ32" s="103">
        <v>245912</v>
      </c>
      <c r="CA32" s="106">
        <v>274264</v>
      </c>
      <c r="CB32" s="100">
        <v>0</v>
      </c>
      <c r="CC32" s="104">
        <v>79762</v>
      </c>
      <c r="CD32" s="103">
        <v>79762</v>
      </c>
      <c r="CE32" s="100">
        <v>0</v>
      </c>
      <c r="CF32" s="104">
        <v>588519</v>
      </c>
      <c r="CG32" s="104">
        <v>604121</v>
      </c>
      <c r="CH32" s="104">
        <v>416452</v>
      </c>
      <c r="CI32" s="104">
        <v>84599</v>
      </c>
      <c r="CJ32" s="104">
        <v>10877</v>
      </c>
      <c r="CK32" s="103">
        <v>1704568</v>
      </c>
      <c r="CL32" s="106">
        <v>1784330</v>
      </c>
      <c r="CM32" s="100">
        <v>0</v>
      </c>
      <c r="CN32" s="104">
        <v>0</v>
      </c>
      <c r="CO32" s="103">
        <v>0</v>
      </c>
      <c r="CP32" s="101">
        <v>0</v>
      </c>
      <c r="CQ32" s="104">
        <v>497239</v>
      </c>
      <c r="CR32" s="104">
        <v>539011</v>
      </c>
      <c r="CS32" s="104">
        <v>277403</v>
      </c>
      <c r="CT32" s="104">
        <v>84599</v>
      </c>
      <c r="CU32" s="104">
        <v>10877</v>
      </c>
      <c r="CV32" s="103">
        <v>1409129</v>
      </c>
      <c r="CW32" s="106">
        <v>1409129</v>
      </c>
      <c r="CX32" s="100">
        <v>0</v>
      </c>
      <c r="CY32" s="104">
        <v>79762</v>
      </c>
      <c r="CZ32" s="103">
        <v>79762</v>
      </c>
      <c r="DA32" s="100">
        <v>0</v>
      </c>
      <c r="DB32" s="104">
        <v>91280</v>
      </c>
      <c r="DC32" s="104">
        <v>65110</v>
      </c>
      <c r="DD32" s="104">
        <v>139049</v>
      </c>
      <c r="DE32" s="104">
        <v>0</v>
      </c>
      <c r="DF32" s="104">
        <v>0</v>
      </c>
      <c r="DG32" s="103">
        <v>295439</v>
      </c>
      <c r="DH32" s="106">
        <v>375201</v>
      </c>
      <c r="DI32" s="100">
        <v>0</v>
      </c>
      <c r="DJ32" s="104">
        <v>0</v>
      </c>
      <c r="DK32" s="102">
        <v>0</v>
      </c>
      <c r="DL32" s="101">
        <v>0</v>
      </c>
      <c r="DM32" s="104">
        <v>0</v>
      </c>
      <c r="DN32" s="104">
        <v>8498</v>
      </c>
      <c r="DO32" s="104">
        <v>17304</v>
      </c>
      <c r="DP32" s="104">
        <v>0</v>
      </c>
      <c r="DQ32" s="104">
        <v>0</v>
      </c>
      <c r="DR32" s="103">
        <v>25802</v>
      </c>
      <c r="DS32" s="106">
        <v>25802</v>
      </c>
      <c r="DT32" s="100">
        <v>0</v>
      </c>
      <c r="DU32" s="104">
        <v>0</v>
      </c>
      <c r="DV32" s="103">
        <v>0</v>
      </c>
      <c r="DW32" s="100">
        <v>0</v>
      </c>
      <c r="DX32" s="104">
        <v>0</v>
      </c>
      <c r="DY32" s="104">
        <v>8498</v>
      </c>
      <c r="DZ32" s="104">
        <v>17304</v>
      </c>
      <c r="EA32" s="104">
        <v>0</v>
      </c>
      <c r="EB32" s="104">
        <v>0</v>
      </c>
      <c r="EC32" s="103">
        <v>25802</v>
      </c>
      <c r="ED32" s="106">
        <v>25802</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30704</v>
      </c>
      <c r="FM32" s="104">
        <v>111328</v>
      </c>
      <c r="FN32" s="103">
        <v>142032</v>
      </c>
      <c r="FO32" s="100">
        <v>0</v>
      </c>
      <c r="FP32" s="104">
        <v>9600</v>
      </c>
      <c r="FQ32" s="104">
        <v>196312</v>
      </c>
      <c r="FR32" s="104">
        <v>129936</v>
      </c>
      <c r="FS32" s="104">
        <v>35384</v>
      </c>
      <c r="FT32" s="104">
        <v>22008</v>
      </c>
      <c r="FU32" s="103">
        <v>393240</v>
      </c>
      <c r="FV32" s="106">
        <v>535272</v>
      </c>
      <c r="FW32" s="105">
        <v>12400</v>
      </c>
      <c r="FX32" s="104">
        <v>65920</v>
      </c>
      <c r="FY32" s="102">
        <v>78320</v>
      </c>
      <c r="FZ32" s="101">
        <v>0</v>
      </c>
      <c r="GA32" s="104">
        <v>9600</v>
      </c>
      <c r="GB32" s="104">
        <v>196312</v>
      </c>
      <c r="GC32" s="104">
        <v>129936</v>
      </c>
      <c r="GD32" s="104">
        <v>35384</v>
      </c>
      <c r="GE32" s="104">
        <v>22008</v>
      </c>
      <c r="GF32" s="103">
        <v>393240</v>
      </c>
      <c r="GG32" s="296">
        <v>471560</v>
      </c>
      <c r="GH32" s="105">
        <v>18304</v>
      </c>
      <c r="GI32" s="104">
        <v>45408</v>
      </c>
      <c r="GJ32" s="102">
        <v>63712</v>
      </c>
      <c r="GK32" s="101">
        <v>0</v>
      </c>
      <c r="GL32" s="104">
        <v>0</v>
      </c>
      <c r="GM32" s="104">
        <v>0</v>
      </c>
      <c r="GN32" s="104">
        <v>0</v>
      </c>
      <c r="GO32" s="104">
        <v>0</v>
      </c>
      <c r="GP32" s="104">
        <v>0</v>
      </c>
      <c r="GQ32" s="103">
        <v>0</v>
      </c>
      <c r="GR32" s="106">
        <v>63712</v>
      </c>
      <c r="GS32" s="100">
        <v>0</v>
      </c>
      <c r="GT32" s="104">
        <v>0</v>
      </c>
      <c r="GU32" s="103">
        <v>0</v>
      </c>
      <c r="GV32" s="100">
        <v>0</v>
      </c>
      <c r="GW32" s="104">
        <v>0</v>
      </c>
      <c r="GX32" s="104">
        <v>0</v>
      </c>
      <c r="GY32" s="104">
        <v>0</v>
      </c>
      <c r="GZ32" s="104">
        <v>0</v>
      </c>
      <c r="HA32" s="104">
        <v>0</v>
      </c>
      <c r="HB32" s="102">
        <v>0</v>
      </c>
      <c r="HC32" s="106">
        <v>0</v>
      </c>
      <c r="HD32" s="100">
        <v>50758</v>
      </c>
      <c r="HE32" s="104">
        <v>0</v>
      </c>
      <c r="HF32" s="102">
        <v>50758</v>
      </c>
      <c r="HG32" s="101">
        <v>0</v>
      </c>
      <c r="HH32" s="104">
        <v>308727</v>
      </c>
      <c r="HI32" s="104">
        <v>0</v>
      </c>
      <c r="HJ32" s="104">
        <v>0</v>
      </c>
      <c r="HK32" s="104">
        <v>832441</v>
      </c>
      <c r="HL32" s="104">
        <v>0</v>
      </c>
      <c r="HM32" s="103">
        <v>1141168</v>
      </c>
      <c r="HN32" s="99">
        <v>1191926</v>
      </c>
      <c r="HO32" s="306"/>
      <c r="HP32" s="307"/>
      <c r="HQ32" s="308"/>
      <c r="HR32" s="309"/>
      <c r="HS32" s="307"/>
      <c r="HT32" s="307"/>
      <c r="HU32" s="307"/>
      <c r="HV32" s="307"/>
      <c r="HW32" s="307"/>
      <c r="HX32" s="310"/>
      <c r="HY32" s="311"/>
      <c r="HZ32" s="137">
        <v>0</v>
      </c>
      <c r="IA32" s="122">
        <v>0</v>
      </c>
      <c r="IB32" s="137">
        <v>0</v>
      </c>
      <c r="IC32" s="121">
        <v>0</v>
      </c>
      <c r="ID32" s="122">
        <v>227287</v>
      </c>
      <c r="IE32" s="123">
        <v>30070</v>
      </c>
      <c r="IF32" s="124">
        <v>606957</v>
      </c>
      <c r="IG32" s="122">
        <v>241000</v>
      </c>
      <c r="IH32" s="124">
        <v>0</v>
      </c>
      <c r="II32" s="125">
        <v>1105314</v>
      </c>
      <c r="IJ32" s="137">
        <v>1105314</v>
      </c>
      <c r="IK32" s="219">
        <v>0</v>
      </c>
      <c r="IL32" s="223">
        <v>0</v>
      </c>
      <c r="IM32" s="224">
        <v>0</v>
      </c>
      <c r="IN32" s="127"/>
      <c r="IO32" s="109">
        <v>0</v>
      </c>
      <c r="IP32" s="109">
        <v>0</v>
      </c>
      <c r="IQ32" s="109">
        <v>175496</v>
      </c>
      <c r="IR32" s="109">
        <v>0</v>
      </c>
      <c r="IS32" s="109">
        <v>0</v>
      </c>
      <c r="IT32" s="128">
        <v>175496</v>
      </c>
      <c r="IU32" s="298">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0</v>
      </c>
      <c r="JL32" s="109">
        <v>30070</v>
      </c>
      <c r="JM32" s="109">
        <v>0</v>
      </c>
      <c r="JN32" s="109">
        <v>0</v>
      </c>
      <c r="JO32" s="109">
        <v>0</v>
      </c>
      <c r="JP32" s="110">
        <v>30070</v>
      </c>
      <c r="JQ32" s="298">
        <v>30070</v>
      </c>
      <c r="JR32" s="129">
        <v>0</v>
      </c>
      <c r="JS32" s="109">
        <v>0</v>
      </c>
      <c r="JT32" s="128">
        <v>0</v>
      </c>
      <c r="JU32" s="108">
        <v>0</v>
      </c>
      <c r="JV32" s="109">
        <v>0</v>
      </c>
      <c r="JW32" s="109">
        <v>0</v>
      </c>
      <c r="JX32" s="109">
        <v>0</v>
      </c>
      <c r="JY32" s="109">
        <v>241000</v>
      </c>
      <c r="JZ32" s="109">
        <v>0</v>
      </c>
      <c r="KA32" s="110">
        <v>241000</v>
      </c>
      <c r="KB32" s="298">
        <v>241000</v>
      </c>
      <c r="KC32" s="221">
        <v>0</v>
      </c>
      <c r="KD32" s="217">
        <v>0</v>
      </c>
      <c r="KE32" s="110">
        <v>0</v>
      </c>
      <c r="KF32" s="108">
        <v>0</v>
      </c>
      <c r="KG32" s="109">
        <v>0</v>
      </c>
      <c r="KH32" s="109">
        <v>0</v>
      </c>
      <c r="KI32" s="109">
        <v>141528</v>
      </c>
      <c r="KJ32" s="109">
        <v>0</v>
      </c>
      <c r="KK32" s="109">
        <v>0</v>
      </c>
      <c r="KL32" s="110">
        <v>141528</v>
      </c>
      <c r="KM32" s="130">
        <v>141528</v>
      </c>
      <c r="KN32" s="219">
        <v>0</v>
      </c>
      <c r="KO32" s="223">
        <v>0</v>
      </c>
      <c r="KP32" s="224">
        <v>0</v>
      </c>
      <c r="KQ32" s="127"/>
      <c r="KR32" s="109">
        <v>227287</v>
      </c>
      <c r="KS32" s="109">
        <v>0</v>
      </c>
      <c r="KT32" s="109">
        <v>67379</v>
      </c>
      <c r="KU32" s="109">
        <v>0</v>
      </c>
      <c r="KV32" s="109">
        <v>0</v>
      </c>
      <c r="KW32" s="110">
        <v>294666</v>
      </c>
      <c r="KX32" s="298">
        <v>294666</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222554</v>
      </c>
      <c r="LQ32" s="109">
        <v>0</v>
      </c>
      <c r="LR32" s="109">
        <v>0</v>
      </c>
      <c r="LS32" s="110">
        <v>222554</v>
      </c>
      <c r="LT32" s="298">
        <v>222554</v>
      </c>
      <c r="LU32" s="129">
        <v>0</v>
      </c>
      <c r="LV32" s="109">
        <v>0</v>
      </c>
      <c r="LW32" s="110">
        <v>0</v>
      </c>
      <c r="LX32" s="132"/>
      <c r="LY32" s="109">
        <v>0</v>
      </c>
      <c r="LZ32" s="109">
        <v>0</v>
      </c>
      <c r="MA32" s="109">
        <v>0</v>
      </c>
      <c r="MB32" s="109">
        <v>0</v>
      </c>
      <c r="MC32" s="109">
        <v>0</v>
      </c>
      <c r="MD32" s="110">
        <v>0</v>
      </c>
      <c r="ME32" s="111">
        <v>0</v>
      </c>
      <c r="MF32" s="129">
        <v>0</v>
      </c>
      <c r="MG32" s="109">
        <v>0</v>
      </c>
      <c r="MH32" s="110">
        <v>0</v>
      </c>
      <c r="MI32" s="132"/>
      <c r="MJ32" s="109">
        <v>0</v>
      </c>
      <c r="MK32" s="109">
        <v>829574</v>
      </c>
      <c r="ML32" s="109">
        <v>720379</v>
      </c>
      <c r="MM32" s="109">
        <v>780858</v>
      </c>
      <c r="MN32" s="109">
        <v>275018</v>
      </c>
      <c r="MO32" s="110">
        <v>2605829</v>
      </c>
      <c r="MP32" s="130">
        <v>2605829</v>
      </c>
      <c r="MQ32" s="129">
        <v>0</v>
      </c>
      <c r="MR32" s="109">
        <v>0</v>
      </c>
      <c r="MS32" s="110">
        <v>0</v>
      </c>
      <c r="MT32" s="132"/>
      <c r="MU32" s="109">
        <v>0</v>
      </c>
      <c r="MV32" s="109">
        <v>227048</v>
      </c>
      <c r="MW32" s="109">
        <v>205008</v>
      </c>
      <c r="MX32" s="109">
        <v>0</v>
      </c>
      <c r="MY32" s="109">
        <v>275018</v>
      </c>
      <c r="MZ32" s="110">
        <v>707074</v>
      </c>
      <c r="NA32" s="130">
        <v>707074</v>
      </c>
      <c r="NB32" s="129">
        <v>0</v>
      </c>
      <c r="NC32" s="109">
        <v>0</v>
      </c>
      <c r="ND32" s="110">
        <v>0</v>
      </c>
      <c r="NE32" s="132"/>
      <c r="NF32" s="109">
        <v>0</v>
      </c>
      <c r="NG32" s="109">
        <v>602526</v>
      </c>
      <c r="NH32" s="109">
        <v>515371</v>
      </c>
      <c r="NI32" s="109">
        <v>780858</v>
      </c>
      <c r="NJ32" s="109">
        <v>0</v>
      </c>
      <c r="NK32" s="110">
        <v>1898755</v>
      </c>
      <c r="NL32" s="298">
        <v>1898755</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0</v>
      </c>
      <c r="OF32" s="109">
        <v>0</v>
      </c>
      <c r="OG32" s="110">
        <v>0</v>
      </c>
      <c r="OH32" s="111">
        <v>0</v>
      </c>
      <c r="OI32" s="129">
        <v>96518</v>
      </c>
      <c r="OJ32" s="109">
        <v>323810</v>
      </c>
      <c r="OK32" s="128">
        <v>420328</v>
      </c>
      <c r="OL32" s="108">
        <v>0</v>
      </c>
      <c r="OM32" s="109">
        <v>1586473</v>
      </c>
      <c r="ON32" s="109">
        <v>2178633</v>
      </c>
      <c r="OO32" s="109">
        <v>2472894</v>
      </c>
      <c r="OP32" s="109">
        <v>2445250</v>
      </c>
      <c r="OQ32" s="109">
        <v>1198085</v>
      </c>
      <c r="OR32" s="110">
        <v>9881335</v>
      </c>
      <c r="OS32" s="130">
        <v>10301663</v>
      </c>
    </row>
    <row r="33" spans="2:409" ht="21" customHeight="1" x14ac:dyDescent="0.2">
      <c r="B33" s="472" t="s">
        <v>28</v>
      </c>
      <c r="C33" s="100">
        <v>0</v>
      </c>
      <c r="D33" s="104">
        <v>0</v>
      </c>
      <c r="E33" s="103">
        <v>0</v>
      </c>
      <c r="F33" s="99">
        <v>0</v>
      </c>
      <c r="G33" s="104">
        <v>558402</v>
      </c>
      <c r="H33" s="104">
        <v>366465</v>
      </c>
      <c r="I33" s="104">
        <v>394285</v>
      </c>
      <c r="J33" s="104">
        <v>-77416</v>
      </c>
      <c r="K33" s="104">
        <v>10032</v>
      </c>
      <c r="L33" s="160">
        <v>1251768</v>
      </c>
      <c r="M33" s="106">
        <v>1251768</v>
      </c>
      <c r="N33" s="100">
        <v>0</v>
      </c>
      <c r="O33" s="104">
        <v>0</v>
      </c>
      <c r="P33" s="103">
        <v>0</v>
      </c>
      <c r="Q33" s="100">
        <v>0</v>
      </c>
      <c r="R33" s="104">
        <v>34256</v>
      </c>
      <c r="S33" s="104">
        <v>64840</v>
      </c>
      <c r="T33" s="104">
        <v>165014</v>
      </c>
      <c r="U33" s="104">
        <v>-77416</v>
      </c>
      <c r="V33" s="104">
        <v>10032</v>
      </c>
      <c r="W33" s="103">
        <v>196726</v>
      </c>
      <c r="X33" s="106">
        <v>196726</v>
      </c>
      <c r="Y33" s="100">
        <v>0</v>
      </c>
      <c r="Z33" s="104">
        <v>0</v>
      </c>
      <c r="AA33" s="103">
        <v>0</v>
      </c>
      <c r="AB33" s="100">
        <v>0</v>
      </c>
      <c r="AC33" s="104">
        <v>0</v>
      </c>
      <c r="AD33" s="104">
        <v>0</v>
      </c>
      <c r="AE33" s="104">
        <v>94376</v>
      </c>
      <c r="AF33" s="104">
        <v>0</v>
      </c>
      <c r="AG33" s="104">
        <v>0</v>
      </c>
      <c r="AH33" s="103">
        <v>94376</v>
      </c>
      <c r="AI33" s="106">
        <v>94376</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47664</v>
      </c>
      <c r="BA33" s="104">
        <v>63678</v>
      </c>
      <c r="BB33" s="104">
        <v>-77416</v>
      </c>
      <c r="BC33" s="104">
        <v>0</v>
      </c>
      <c r="BD33" s="103">
        <v>33926</v>
      </c>
      <c r="BE33" s="106">
        <v>33926</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34256</v>
      </c>
      <c r="BV33" s="104">
        <v>17176</v>
      </c>
      <c r="BW33" s="104">
        <v>6960</v>
      </c>
      <c r="BX33" s="104">
        <v>0</v>
      </c>
      <c r="BY33" s="104">
        <v>10032</v>
      </c>
      <c r="BZ33" s="103">
        <v>68424</v>
      </c>
      <c r="CA33" s="106">
        <v>68424</v>
      </c>
      <c r="CB33" s="100">
        <v>0</v>
      </c>
      <c r="CC33" s="104">
        <v>0</v>
      </c>
      <c r="CD33" s="103">
        <v>0</v>
      </c>
      <c r="CE33" s="100">
        <v>0</v>
      </c>
      <c r="CF33" s="104">
        <v>54364</v>
      </c>
      <c r="CG33" s="104">
        <v>197553</v>
      </c>
      <c r="CH33" s="104">
        <v>86019</v>
      </c>
      <c r="CI33" s="104">
        <v>0</v>
      </c>
      <c r="CJ33" s="104">
        <v>0</v>
      </c>
      <c r="CK33" s="103">
        <v>337936</v>
      </c>
      <c r="CL33" s="106">
        <v>337936</v>
      </c>
      <c r="CM33" s="100">
        <v>0</v>
      </c>
      <c r="CN33" s="104">
        <v>0</v>
      </c>
      <c r="CO33" s="103">
        <v>0</v>
      </c>
      <c r="CP33" s="101">
        <v>0</v>
      </c>
      <c r="CQ33" s="104">
        <v>54364</v>
      </c>
      <c r="CR33" s="104">
        <v>197553</v>
      </c>
      <c r="CS33" s="104">
        <v>0</v>
      </c>
      <c r="CT33" s="104">
        <v>0</v>
      </c>
      <c r="CU33" s="104">
        <v>0</v>
      </c>
      <c r="CV33" s="103">
        <v>251917</v>
      </c>
      <c r="CW33" s="106">
        <v>251917</v>
      </c>
      <c r="CX33" s="100">
        <v>0</v>
      </c>
      <c r="CY33" s="104">
        <v>0</v>
      </c>
      <c r="CZ33" s="103">
        <v>0</v>
      </c>
      <c r="DA33" s="100">
        <v>0</v>
      </c>
      <c r="DB33" s="104">
        <v>0</v>
      </c>
      <c r="DC33" s="104">
        <v>0</v>
      </c>
      <c r="DD33" s="104">
        <v>86019</v>
      </c>
      <c r="DE33" s="104">
        <v>0</v>
      </c>
      <c r="DF33" s="104">
        <v>0</v>
      </c>
      <c r="DG33" s="103">
        <v>86019</v>
      </c>
      <c r="DH33" s="106">
        <v>86019</v>
      </c>
      <c r="DI33" s="100">
        <v>0</v>
      </c>
      <c r="DJ33" s="104">
        <v>0</v>
      </c>
      <c r="DK33" s="102">
        <v>0</v>
      </c>
      <c r="DL33" s="101">
        <v>0</v>
      </c>
      <c r="DM33" s="104">
        <v>0</v>
      </c>
      <c r="DN33" s="104">
        <v>24056</v>
      </c>
      <c r="DO33" s="104">
        <v>86900</v>
      </c>
      <c r="DP33" s="104">
        <v>0</v>
      </c>
      <c r="DQ33" s="104">
        <v>0</v>
      </c>
      <c r="DR33" s="103">
        <v>110956</v>
      </c>
      <c r="DS33" s="106">
        <v>110956</v>
      </c>
      <c r="DT33" s="100">
        <v>0</v>
      </c>
      <c r="DU33" s="104">
        <v>0</v>
      </c>
      <c r="DV33" s="103">
        <v>0</v>
      </c>
      <c r="DW33" s="100">
        <v>0</v>
      </c>
      <c r="DX33" s="104">
        <v>0</v>
      </c>
      <c r="DY33" s="104">
        <v>24056</v>
      </c>
      <c r="DZ33" s="104">
        <v>0</v>
      </c>
      <c r="EA33" s="104">
        <v>0</v>
      </c>
      <c r="EB33" s="104">
        <v>0</v>
      </c>
      <c r="EC33" s="103">
        <v>24056</v>
      </c>
      <c r="ED33" s="106">
        <v>24056</v>
      </c>
      <c r="EE33" s="100">
        <v>0</v>
      </c>
      <c r="EF33" s="102">
        <v>0</v>
      </c>
      <c r="EG33" s="103">
        <v>0</v>
      </c>
      <c r="EH33" s="100">
        <v>0</v>
      </c>
      <c r="EI33" s="104">
        <v>0</v>
      </c>
      <c r="EJ33" s="104">
        <v>0</v>
      </c>
      <c r="EK33" s="104">
        <v>86900</v>
      </c>
      <c r="EL33" s="104">
        <v>0</v>
      </c>
      <c r="EM33" s="104">
        <v>0</v>
      </c>
      <c r="EN33" s="102">
        <v>86900</v>
      </c>
      <c r="EO33" s="106">
        <v>86900</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0</v>
      </c>
      <c r="FM33" s="104">
        <v>0</v>
      </c>
      <c r="FN33" s="103">
        <v>0</v>
      </c>
      <c r="FO33" s="100">
        <v>0</v>
      </c>
      <c r="FP33" s="104">
        <v>12400</v>
      </c>
      <c r="FQ33" s="104">
        <v>80016</v>
      </c>
      <c r="FR33" s="104">
        <v>6000</v>
      </c>
      <c r="FS33" s="104">
        <v>0</v>
      </c>
      <c r="FT33" s="104">
        <v>0</v>
      </c>
      <c r="FU33" s="103">
        <v>98416</v>
      </c>
      <c r="FV33" s="106">
        <v>98416</v>
      </c>
      <c r="FW33" s="105">
        <v>0</v>
      </c>
      <c r="FX33" s="104">
        <v>0</v>
      </c>
      <c r="FY33" s="102">
        <v>0</v>
      </c>
      <c r="FZ33" s="101">
        <v>0</v>
      </c>
      <c r="GA33" s="104">
        <v>12400</v>
      </c>
      <c r="GB33" s="104">
        <v>80016</v>
      </c>
      <c r="GC33" s="104">
        <v>6000</v>
      </c>
      <c r="GD33" s="104">
        <v>0</v>
      </c>
      <c r="GE33" s="104">
        <v>0</v>
      </c>
      <c r="GF33" s="103">
        <v>98416</v>
      </c>
      <c r="GG33" s="296">
        <v>98416</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457382</v>
      </c>
      <c r="HI33" s="104">
        <v>0</v>
      </c>
      <c r="HJ33" s="104">
        <v>50352</v>
      </c>
      <c r="HK33" s="104">
        <v>0</v>
      </c>
      <c r="HL33" s="104">
        <v>0</v>
      </c>
      <c r="HM33" s="103">
        <v>507734</v>
      </c>
      <c r="HN33" s="99">
        <v>507734</v>
      </c>
      <c r="HO33" s="306"/>
      <c r="HP33" s="307"/>
      <c r="HQ33" s="308"/>
      <c r="HR33" s="309"/>
      <c r="HS33" s="307"/>
      <c r="HT33" s="307"/>
      <c r="HU33" s="307"/>
      <c r="HV33" s="307"/>
      <c r="HW33" s="307"/>
      <c r="HX33" s="310"/>
      <c r="HY33" s="311"/>
      <c r="HZ33" s="118">
        <v>0</v>
      </c>
      <c r="IA33" s="119">
        <v>0</v>
      </c>
      <c r="IB33" s="120">
        <v>0</v>
      </c>
      <c r="IC33" s="133">
        <v>0</v>
      </c>
      <c r="ID33" s="119">
        <v>68152</v>
      </c>
      <c r="IE33" s="134">
        <v>41632</v>
      </c>
      <c r="IF33" s="120">
        <v>0</v>
      </c>
      <c r="IG33" s="119">
        <v>0</v>
      </c>
      <c r="IH33" s="120">
        <v>253040</v>
      </c>
      <c r="II33" s="135">
        <v>362824</v>
      </c>
      <c r="IJ33" s="126">
        <v>362824</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68152</v>
      </c>
      <c r="JL33" s="109">
        <v>41632</v>
      </c>
      <c r="JM33" s="109">
        <v>0</v>
      </c>
      <c r="JN33" s="109">
        <v>0</v>
      </c>
      <c r="JO33" s="109">
        <v>0</v>
      </c>
      <c r="JP33" s="110">
        <v>109784</v>
      </c>
      <c r="JQ33" s="298">
        <v>109784</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0</v>
      </c>
      <c r="KT33" s="109">
        <v>0</v>
      </c>
      <c r="KU33" s="109">
        <v>0</v>
      </c>
      <c r="KV33" s="109">
        <v>253040</v>
      </c>
      <c r="KW33" s="110">
        <v>253040</v>
      </c>
      <c r="KX33" s="298">
        <v>253040</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8">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0</v>
      </c>
      <c r="MK33" s="109">
        <v>210496</v>
      </c>
      <c r="ML33" s="109">
        <v>0</v>
      </c>
      <c r="MM33" s="109">
        <v>223320</v>
      </c>
      <c r="MN33" s="109">
        <v>537832</v>
      </c>
      <c r="MO33" s="110">
        <v>971648</v>
      </c>
      <c r="MP33" s="130">
        <v>971648</v>
      </c>
      <c r="MQ33" s="129">
        <v>0</v>
      </c>
      <c r="MR33" s="109">
        <v>0</v>
      </c>
      <c r="MS33" s="110">
        <v>0</v>
      </c>
      <c r="MT33" s="132"/>
      <c r="MU33" s="109">
        <v>0</v>
      </c>
      <c r="MV33" s="109">
        <v>0</v>
      </c>
      <c r="MW33" s="109">
        <v>0</v>
      </c>
      <c r="MX33" s="109">
        <v>223320</v>
      </c>
      <c r="MY33" s="109">
        <v>241360</v>
      </c>
      <c r="MZ33" s="110">
        <v>464680</v>
      </c>
      <c r="NA33" s="130">
        <v>464680</v>
      </c>
      <c r="NB33" s="129">
        <v>0</v>
      </c>
      <c r="NC33" s="109">
        <v>0</v>
      </c>
      <c r="ND33" s="110">
        <v>0</v>
      </c>
      <c r="NE33" s="132"/>
      <c r="NF33" s="109">
        <v>0</v>
      </c>
      <c r="NG33" s="109">
        <v>210496</v>
      </c>
      <c r="NH33" s="109">
        <v>0</v>
      </c>
      <c r="NI33" s="109">
        <v>0</v>
      </c>
      <c r="NJ33" s="109">
        <v>296472</v>
      </c>
      <c r="NK33" s="110">
        <v>506968</v>
      </c>
      <c r="NL33" s="298">
        <v>506968</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0</v>
      </c>
      <c r="OK33" s="128">
        <v>0</v>
      </c>
      <c r="OL33" s="108">
        <v>0</v>
      </c>
      <c r="OM33" s="109">
        <v>626554</v>
      </c>
      <c r="ON33" s="109">
        <v>618593</v>
      </c>
      <c r="OO33" s="109">
        <v>394285</v>
      </c>
      <c r="OP33" s="109">
        <v>145904</v>
      </c>
      <c r="OQ33" s="109">
        <v>800904</v>
      </c>
      <c r="OR33" s="110">
        <v>2586240</v>
      </c>
      <c r="OS33" s="130">
        <v>2586240</v>
      </c>
    </row>
    <row r="34" spans="2:409" ht="21" customHeight="1" x14ac:dyDescent="0.2">
      <c r="B34" s="472" t="s">
        <v>29</v>
      </c>
      <c r="C34" s="100">
        <v>38624</v>
      </c>
      <c r="D34" s="104">
        <v>13888</v>
      </c>
      <c r="E34" s="103">
        <v>52512</v>
      </c>
      <c r="F34" s="99">
        <v>0</v>
      </c>
      <c r="G34" s="104">
        <v>88704</v>
      </c>
      <c r="H34" s="104">
        <v>1280614</v>
      </c>
      <c r="I34" s="104">
        <v>345992</v>
      </c>
      <c r="J34" s="104">
        <v>243668</v>
      </c>
      <c r="K34" s="104">
        <v>207601</v>
      </c>
      <c r="L34" s="160">
        <v>2166579</v>
      </c>
      <c r="M34" s="106">
        <v>2219091</v>
      </c>
      <c r="N34" s="100">
        <v>0</v>
      </c>
      <c r="O34" s="104">
        <v>13888</v>
      </c>
      <c r="P34" s="103">
        <v>13888</v>
      </c>
      <c r="Q34" s="100">
        <v>0</v>
      </c>
      <c r="R34" s="104">
        <v>33056</v>
      </c>
      <c r="S34" s="104">
        <v>259306</v>
      </c>
      <c r="T34" s="104">
        <v>14032</v>
      </c>
      <c r="U34" s="104">
        <v>211668</v>
      </c>
      <c r="V34" s="104">
        <v>38880</v>
      </c>
      <c r="W34" s="103">
        <v>556942</v>
      </c>
      <c r="X34" s="106">
        <v>570830</v>
      </c>
      <c r="Y34" s="100">
        <v>0</v>
      </c>
      <c r="Z34" s="104">
        <v>0</v>
      </c>
      <c r="AA34" s="103">
        <v>0</v>
      </c>
      <c r="AB34" s="100">
        <v>0</v>
      </c>
      <c r="AC34" s="104">
        <v>0</v>
      </c>
      <c r="AD34" s="104">
        <v>145866</v>
      </c>
      <c r="AE34" s="104">
        <v>0</v>
      </c>
      <c r="AF34" s="104">
        <v>197160</v>
      </c>
      <c r="AG34" s="104">
        <v>0</v>
      </c>
      <c r="AH34" s="103">
        <v>343026</v>
      </c>
      <c r="AI34" s="106">
        <v>343026</v>
      </c>
      <c r="AJ34" s="100">
        <v>0</v>
      </c>
      <c r="AK34" s="104">
        <v>0</v>
      </c>
      <c r="AL34" s="103">
        <v>0</v>
      </c>
      <c r="AM34" s="100">
        <v>0</v>
      </c>
      <c r="AN34" s="104">
        <v>0</v>
      </c>
      <c r="AO34" s="104">
        <v>0</v>
      </c>
      <c r="AP34" s="104">
        <v>0</v>
      </c>
      <c r="AQ34" s="104">
        <v>0</v>
      </c>
      <c r="AR34" s="104">
        <v>34112</v>
      </c>
      <c r="AS34" s="103">
        <v>34112</v>
      </c>
      <c r="AT34" s="106">
        <v>34112</v>
      </c>
      <c r="AU34" s="100">
        <v>0</v>
      </c>
      <c r="AV34" s="104">
        <v>13888</v>
      </c>
      <c r="AW34" s="103">
        <v>13888</v>
      </c>
      <c r="AX34" s="100">
        <v>0</v>
      </c>
      <c r="AY34" s="104">
        <v>33056</v>
      </c>
      <c r="AZ34" s="104">
        <v>50096</v>
      </c>
      <c r="BA34" s="104">
        <v>0</v>
      </c>
      <c r="BB34" s="104">
        <v>14508</v>
      </c>
      <c r="BC34" s="104">
        <v>0</v>
      </c>
      <c r="BD34" s="103">
        <v>97660</v>
      </c>
      <c r="BE34" s="106">
        <v>111548</v>
      </c>
      <c r="BF34" s="100">
        <v>0</v>
      </c>
      <c r="BG34" s="104">
        <v>0</v>
      </c>
      <c r="BH34" s="102">
        <v>0</v>
      </c>
      <c r="BI34" s="101">
        <v>0</v>
      </c>
      <c r="BJ34" s="104">
        <v>0</v>
      </c>
      <c r="BK34" s="104">
        <v>30592</v>
      </c>
      <c r="BL34" s="104">
        <v>0</v>
      </c>
      <c r="BM34" s="104">
        <v>0</v>
      </c>
      <c r="BN34" s="104">
        <v>0</v>
      </c>
      <c r="BO34" s="103">
        <v>30592</v>
      </c>
      <c r="BP34" s="106">
        <v>30592</v>
      </c>
      <c r="BQ34" s="100">
        <v>0</v>
      </c>
      <c r="BR34" s="104">
        <v>0</v>
      </c>
      <c r="BS34" s="103">
        <v>0</v>
      </c>
      <c r="BT34" s="100">
        <v>0</v>
      </c>
      <c r="BU34" s="104">
        <v>0</v>
      </c>
      <c r="BV34" s="104">
        <v>32752</v>
      </c>
      <c r="BW34" s="104">
        <v>14032</v>
      </c>
      <c r="BX34" s="104">
        <v>0</v>
      </c>
      <c r="BY34" s="104">
        <v>4768</v>
      </c>
      <c r="BZ34" s="103">
        <v>51552</v>
      </c>
      <c r="CA34" s="106">
        <v>51552</v>
      </c>
      <c r="CB34" s="100">
        <v>18544</v>
      </c>
      <c r="CC34" s="104">
        <v>0</v>
      </c>
      <c r="CD34" s="103">
        <v>18544</v>
      </c>
      <c r="CE34" s="100">
        <v>0</v>
      </c>
      <c r="CF34" s="104">
        <v>54048</v>
      </c>
      <c r="CG34" s="104">
        <v>147424</v>
      </c>
      <c r="CH34" s="104">
        <v>93672</v>
      </c>
      <c r="CI34" s="104">
        <v>0</v>
      </c>
      <c r="CJ34" s="104">
        <v>0</v>
      </c>
      <c r="CK34" s="103">
        <v>295144</v>
      </c>
      <c r="CL34" s="106">
        <v>313688</v>
      </c>
      <c r="CM34" s="100">
        <v>0</v>
      </c>
      <c r="CN34" s="104">
        <v>0</v>
      </c>
      <c r="CO34" s="103">
        <v>0</v>
      </c>
      <c r="CP34" s="101">
        <v>0</v>
      </c>
      <c r="CQ34" s="104">
        <v>54048</v>
      </c>
      <c r="CR34" s="104">
        <v>147424</v>
      </c>
      <c r="CS34" s="104">
        <v>93672</v>
      </c>
      <c r="CT34" s="104">
        <v>0</v>
      </c>
      <c r="CU34" s="104">
        <v>0</v>
      </c>
      <c r="CV34" s="103">
        <v>295144</v>
      </c>
      <c r="CW34" s="106">
        <v>295144</v>
      </c>
      <c r="CX34" s="100">
        <v>18544</v>
      </c>
      <c r="CY34" s="104">
        <v>0</v>
      </c>
      <c r="CZ34" s="103">
        <v>18544</v>
      </c>
      <c r="DA34" s="100">
        <v>0</v>
      </c>
      <c r="DB34" s="104">
        <v>0</v>
      </c>
      <c r="DC34" s="104">
        <v>0</v>
      </c>
      <c r="DD34" s="104">
        <v>0</v>
      </c>
      <c r="DE34" s="104">
        <v>0</v>
      </c>
      <c r="DF34" s="104">
        <v>0</v>
      </c>
      <c r="DG34" s="103">
        <v>0</v>
      </c>
      <c r="DH34" s="106">
        <v>18544</v>
      </c>
      <c r="DI34" s="100">
        <v>0</v>
      </c>
      <c r="DJ34" s="104">
        <v>0</v>
      </c>
      <c r="DK34" s="102">
        <v>0</v>
      </c>
      <c r="DL34" s="101">
        <v>0</v>
      </c>
      <c r="DM34" s="104">
        <v>0</v>
      </c>
      <c r="DN34" s="104">
        <v>0</v>
      </c>
      <c r="DO34" s="104">
        <v>198096</v>
      </c>
      <c r="DP34" s="104">
        <v>0</v>
      </c>
      <c r="DQ34" s="104">
        <v>116201</v>
      </c>
      <c r="DR34" s="103">
        <v>314297</v>
      </c>
      <c r="DS34" s="106">
        <v>314297</v>
      </c>
      <c r="DT34" s="100">
        <v>0</v>
      </c>
      <c r="DU34" s="104">
        <v>0</v>
      </c>
      <c r="DV34" s="103">
        <v>0</v>
      </c>
      <c r="DW34" s="100">
        <v>0</v>
      </c>
      <c r="DX34" s="104">
        <v>0</v>
      </c>
      <c r="DY34" s="104">
        <v>0</v>
      </c>
      <c r="DZ34" s="104">
        <v>198096</v>
      </c>
      <c r="EA34" s="104">
        <v>0</v>
      </c>
      <c r="EB34" s="104">
        <v>73487</v>
      </c>
      <c r="EC34" s="103">
        <v>271583</v>
      </c>
      <c r="ED34" s="106">
        <v>271583</v>
      </c>
      <c r="EE34" s="100">
        <v>0</v>
      </c>
      <c r="EF34" s="102">
        <v>0</v>
      </c>
      <c r="EG34" s="103">
        <v>0</v>
      </c>
      <c r="EH34" s="100">
        <v>0</v>
      </c>
      <c r="EI34" s="104">
        <v>0</v>
      </c>
      <c r="EJ34" s="104">
        <v>0</v>
      </c>
      <c r="EK34" s="104">
        <v>0</v>
      </c>
      <c r="EL34" s="104">
        <v>0</v>
      </c>
      <c r="EM34" s="104">
        <v>42714</v>
      </c>
      <c r="EN34" s="102">
        <v>42714</v>
      </c>
      <c r="EO34" s="106">
        <v>42714</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20080</v>
      </c>
      <c r="FM34" s="104">
        <v>0</v>
      </c>
      <c r="FN34" s="103">
        <v>20080</v>
      </c>
      <c r="FO34" s="100">
        <v>0</v>
      </c>
      <c r="FP34" s="104">
        <v>1600</v>
      </c>
      <c r="FQ34" s="104">
        <v>51984</v>
      </c>
      <c r="FR34" s="104">
        <v>40192</v>
      </c>
      <c r="FS34" s="104">
        <v>32000</v>
      </c>
      <c r="FT34" s="104">
        <v>52520</v>
      </c>
      <c r="FU34" s="103">
        <v>178296</v>
      </c>
      <c r="FV34" s="106">
        <v>198376</v>
      </c>
      <c r="FW34" s="105">
        <v>20080</v>
      </c>
      <c r="FX34" s="104">
        <v>0</v>
      </c>
      <c r="FY34" s="102">
        <v>20080</v>
      </c>
      <c r="FZ34" s="101">
        <v>0</v>
      </c>
      <c r="GA34" s="104">
        <v>1600</v>
      </c>
      <c r="GB34" s="104">
        <v>51984</v>
      </c>
      <c r="GC34" s="104">
        <v>40192</v>
      </c>
      <c r="GD34" s="104">
        <v>32000</v>
      </c>
      <c r="GE34" s="104">
        <v>52520</v>
      </c>
      <c r="GF34" s="103">
        <v>178296</v>
      </c>
      <c r="GG34" s="296">
        <v>198376</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0</v>
      </c>
      <c r="HE34" s="104">
        <v>0</v>
      </c>
      <c r="HF34" s="102">
        <v>0</v>
      </c>
      <c r="HG34" s="101">
        <v>0</v>
      </c>
      <c r="HH34" s="104">
        <v>0</v>
      </c>
      <c r="HI34" s="104">
        <v>821900</v>
      </c>
      <c r="HJ34" s="104">
        <v>0</v>
      </c>
      <c r="HK34" s="104">
        <v>0</v>
      </c>
      <c r="HL34" s="104">
        <v>0</v>
      </c>
      <c r="HM34" s="103">
        <v>821900</v>
      </c>
      <c r="HN34" s="99">
        <v>821900</v>
      </c>
      <c r="HO34" s="306"/>
      <c r="HP34" s="307"/>
      <c r="HQ34" s="308"/>
      <c r="HR34" s="309"/>
      <c r="HS34" s="307"/>
      <c r="HT34" s="307"/>
      <c r="HU34" s="307"/>
      <c r="HV34" s="307"/>
      <c r="HW34" s="307"/>
      <c r="HX34" s="310"/>
      <c r="HY34" s="311"/>
      <c r="HZ34" s="137">
        <v>0</v>
      </c>
      <c r="IA34" s="122">
        <v>0</v>
      </c>
      <c r="IB34" s="137">
        <v>0</v>
      </c>
      <c r="IC34" s="121">
        <v>0</v>
      </c>
      <c r="ID34" s="122">
        <v>36552</v>
      </c>
      <c r="IE34" s="123">
        <v>76432</v>
      </c>
      <c r="IF34" s="124">
        <v>121088</v>
      </c>
      <c r="IG34" s="122">
        <v>251416</v>
      </c>
      <c r="IH34" s="124">
        <v>0</v>
      </c>
      <c r="II34" s="125">
        <v>485488</v>
      </c>
      <c r="IJ34" s="137">
        <v>485488</v>
      </c>
      <c r="IK34" s="219">
        <v>0</v>
      </c>
      <c r="IL34" s="223">
        <v>0</v>
      </c>
      <c r="IM34" s="224">
        <v>0</v>
      </c>
      <c r="IN34" s="127"/>
      <c r="IO34" s="109">
        <v>0</v>
      </c>
      <c r="IP34" s="109">
        <v>0</v>
      </c>
      <c r="IQ34" s="109">
        <v>0</v>
      </c>
      <c r="IR34" s="109">
        <v>0</v>
      </c>
      <c r="IS34" s="109">
        <v>0</v>
      </c>
      <c r="IT34" s="128">
        <v>0</v>
      </c>
      <c r="IU34" s="298">
        <v>0</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36552</v>
      </c>
      <c r="JL34" s="109">
        <v>76432</v>
      </c>
      <c r="JM34" s="109">
        <v>81104</v>
      </c>
      <c r="JN34" s="109">
        <v>0</v>
      </c>
      <c r="JO34" s="109">
        <v>0</v>
      </c>
      <c r="JP34" s="110">
        <v>194088</v>
      </c>
      <c r="JQ34" s="298">
        <v>194088</v>
      </c>
      <c r="JR34" s="129">
        <v>0</v>
      </c>
      <c r="JS34" s="109">
        <v>0</v>
      </c>
      <c r="JT34" s="128">
        <v>0</v>
      </c>
      <c r="JU34" s="108">
        <v>0</v>
      </c>
      <c r="JV34" s="109">
        <v>0</v>
      </c>
      <c r="JW34" s="109">
        <v>0</v>
      </c>
      <c r="JX34" s="109">
        <v>0</v>
      </c>
      <c r="JY34" s="109">
        <v>0</v>
      </c>
      <c r="JZ34" s="109">
        <v>0</v>
      </c>
      <c r="KA34" s="110">
        <v>0</v>
      </c>
      <c r="KB34" s="298">
        <v>0</v>
      </c>
      <c r="KC34" s="221">
        <v>0</v>
      </c>
      <c r="KD34" s="217">
        <v>0</v>
      </c>
      <c r="KE34" s="110">
        <v>0</v>
      </c>
      <c r="KF34" s="108">
        <v>0</v>
      </c>
      <c r="KG34" s="109">
        <v>0</v>
      </c>
      <c r="KH34" s="109">
        <v>0</v>
      </c>
      <c r="KI34" s="109">
        <v>0</v>
      </c>
      <c r="KJ34" s="109">
        <v>0</v>
      </c>
      <c r="KK34" s="109">
        <v>0</v>
      </c>
      <c r="KL34" s="110">
        <v>0</v>
      </c>
      <c r="KM34" s="130">
        <v>0</v>
      </c>
      <c r="KN34" s="219">
        <v>0</v>
      </c>
      <c r="KO34" s="223">
        <v>0</v>
      </c>
      <c r="KP34" s="224">
        <v>0</v>
      </c>
      <c r="KQ34" s="127"/>
      <c r="KR34" s="109">
        <v>0</v>
      </c>
      <c r="KS34" s="109">
        <v>0</v>
      </c>
      <c r="KT34" s="109">
        <v>0</v>
      </c>
      <c r="KU34" s="109">
        <v>0</v>
      </c>
      <c r="KV34" s="109">
        <v>0</v>
      </c>
      <c r="KW34" s="110">
        <v>0</v>
      </c>
      <c r="KX34" s="298">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39984</v>
      </c>
      <c r="LQ34" s="109">
        <v>251416</v>
      </c>
      <c r="LR34" s="109">
        <v>0</v>
      </c>
      <c r="LS34" s="110">
        <v>291400</v>
      </c>
      <c r="LT34" s="298">
        <v>291400</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0</v>
      </c>
      <c r="MK34" s="109">
        <v>0</v>
      </c>
      <c r="ML34" s="109">
        <v>0</v>
      </c>
      <c r="MM34" s="109">
        <v>558140</v>
      </c>
      <c r="MN34" s="109">
        <v>0</v>
      </c>
      <c r="MO34" s="110">
        <v>558140</v>
      </c>
      <c r="MP34" s="130">
        <v>558140</v>
      </c>
      <c r="MQ34" s="129">
        <v>0</v>
      </c>
      <c r="MR34" s="109">
        <v>0</v>
      </c>
      <c r="MS34" s="110">
        <v>0</v>
      </c>
      <c r="MT34" s="132"/>
      <c r="MU34" s="109">
        <v>0</v>
      </c>
      <c r="MV34" s="109">
        <v>0</v>
      </c>
      <c r="MW34" s="109">
        <v>0</v>
      </c>
      <c r="MX34" s="109">
        <v>241940</v>
      </c>
      <c r="MY34" s="109">
        <v>0</v>
      </c>
      <c r="MZ34" s="110">
        <v>241940</v>
      </c>
      <c r="NA34" s="130">
        <v>241940</v>
      </c>
      <c r="NB34" s="129">
        <v>0</v>
      </c>
      <c r="NC34" s="109">
        <v>0</v>
      </c>
      <c r="ND34" s="110">
        <v>0</v>
      </c>
      <c r="NE34" s="132"/>
      <c r="NF34" s="109">
        <v>0</v>
      </c>
      <c r="NG34" s="109">
        <v>0</v>
      </c>
      <c r="NH34" s="109">
        <v>0</v>
      </c>
      <c r="NI34" s="109">
        <v>316200</v>
      </c>
      <c r="NJ34" s="109">
        <v>0</v>
      </c>
      <c r="NK34" s="110">
        <v>316200</v>
      </c>
      <c r="NL34" s="298">
        <v>316200</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38624</v>
      </c>
      <c r="OJ34" s="109">
        <v>13888</v>
      </c>
      <c r="OK34" s="128">
        <v>52512</v>
      </c>
      <c r="OL34" s="108">
        <v>0</v>
      </c>
      <c r="OM34" s="109">
        <v>125256</v>
      </c>
      <c r="ON34" s="109">
        <v>1357046</v>
      </c>
      <c r="OO34" s="109">
        <v>467080</v>
      </c>
      <c r="OP34" s="109">
        <v>1053224</v>
      </c>
      <c r="OQ34" s="109">
        <v>207601</v>
      </c>
      <c r="OR34" s="110">
        <v>3210207</v>
      </c>
      <c r="OS34" s="130">
        <v>3262719</v>
      </c>
    </row>
    <row r="35" spans="2:409" ht="21" customHeight="1" x14ac:dyDescent="0.2">
      <c r="B35" s="472" t="s">
        <v>30</v>
      </c>
      <c r="C35" s="100">
        <v>49504</v>
      </c>
      <c r="D35" s="104">
        <v>54928</v>
      </c>
      <c r="E35" s="161">
        <v>104432</v>
      </c>
      <c r="F35" s="162">
        <v>0</v>
      </c>
      <c r="G35" s="163">
        <v>350593</v>
      </c>
      <c r="H35" s="163">
        <v>75144</v>
      </c>
      <c r="I35" s="163">
        <v>46096</v>
      </c>
      <c r="J35" s="163">
        <v>294840</v>
      </c>
      <c r="K35" s="163">
        <v>0</v>
      </c>
      <c r="L35" s="164">
        <v>766673</v>
      </c>
      <c r="M35" s="106">
        <v>871105</v>
      </c>
      <c r="N35" s="100">
        <v>12768</v>
      </c>
      <c r="O35" s="104">
        <v>54928</v>
      </c>
      <c r="P35" s="103">
        <v>67696</v>
      </c>
      <c r="Q35" s="100">
        <v>0</v>
      </c>
      <c r="R35" s="104">
        <v>162850</v>
      </c>
      <c r="S35" s="104">
        <v>75144</v>
      </c>
      <c r="T35" s="104">
        <v>3176</v>
      </c>
      <c r="U35" s="104">
        <v>89680</v>
      </c>
      <c r="V35" s="104">
        <v>0</v>
      </c>
      <c r="W35" s="103">
        <v>330850</v>
      </c>
      <c r="X35" s="106">
        <v>398546</v>
      </c>
      <c r="Y35" s="100">
        <v>0</v>
      </c>
      <c r="Z35" s="104">
        <v>0</v>
      </c>
      <c r="AA35" s="103">
        <v>0</v>
      </c>
      <c r="AB35" s="100">
        <v>0</v>
      </c>
      <c r="AC35" s="104">
        <v>100386</v>
      </c>
      <c r="AD35" s="104">
        <v>75144</v>
      </c>
      <c r="AE35" s="104">
        <v>3176</v>
      </c>
      <c r="AF35" s="104">
        <v>31280</v>
      </c>
      <c r="AG35" s="104">
        <v>0</v>
      </c>
      <c r="AH35" s="103">
        <v>209986</v>
      </c>
      <c r="AI35" s="106">
        <v>209986</v>
      </c>
      <c r="AJ35" s="100">
        <v>0</v>
      </c>
      <c r="AK35" s="104">
        <v>0</v>
      </c>
      <c r="AL35" s="103">
        <v>0</v>
      </c>
      <c r="AM35" s="100">
        <v>0</v>
      </c>
      <c r="AN35" s="104">
        <v>0</v>
      </c>
      <c r="AO35" s="104">
        <v>0</v>
      </c>
      <c r="AP35" s="104">
        <v>0</v>
      </c>
      <c r="AQ35" s="104">
        <v>0</v>
      </c>
      <c r="AR35" s="104">
        <v>0</v>
      </c>
      <c r="AS35" s="103">
        <v>0</v>
      </c>
      <c r="AT35" s="106">
        <v>0</v>
      </c>
      <c r="AU35" s="100">
        <v>12768</v>
      </c>
      <c r="AV35" s="104">
        <v>54928</v>
      </c>
      <c r="AW35" s="103">
        <v>67696</v>
      </c>
      <c r="AX35" s="100">
        <v>0</v>
      </c>
      <c r="AY35" s="104">
        <v>47664</v>
      </c>
      <c r="AZ35" s="104">
        <v>0</v>
      </c>
      <c r="BA35" s="104">
        <v>0</v>
      </c>
      <c r="BB35" s="104">
        <v>35456</v>
      </c>
      <c r="BC35" s="104">
        <v>0</v>
      </c>
      <c r="BD35" s="103">
        <v>83120</v>
      </c>
      <c r="BE35" s="106">
        <v>150816</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14800</v>
      </c>
      <c r="BV35" s="104">
        <v>0</v>
      </c>
      <c r="BW35" s="104">
        <v>0</v>
      </c>
      <c r="BX35" s="104">
        <v>22944</v>
      </c>
      <c r="BY35" s="104">
        <v>0</v>
      </c>
      <c r="BZ35" s="103">
        <v>37744</v>
      </c>
      <c r="CA35" s="106">
        <v>37744</v>
      </c>
      <c r="CB35" s="100">
        <v>21056</v>
      </c>
      <c r="CC35" s="104">
        <v>0</v>
      </c>
      <c r="CD35" s="103">
        <v>21056</v>
      </c>
      <c r="CE35" s="100">
        <v>0</v>
      </c>
      <c r="CF35" s="104">
        <v>30024</v>
      </c>
      <c r="CG35" s="104">
        <v>0</v>
      </c>
      <c r="CH35" s="104">
        <v>0</v>
      </c>
      <c r="CI35" s="104">
        <v>116000</v>
      </c>
      <c r="CJ35" s="104">
        <v>0</v>
      </c>
      <c r="CK35" s="103">
        <v>146024</v>
      </c>
      <c r="CL35" s="106">
        <v>167080</v>
      </c>
      <c r="CM35" s="100">
        <v>0</v>
      </c>
      <c r="CN35" s="104">
        <v>0</v>
      </c>
      <c r="CO35" s="103">
        <v>0</v>
      </c>
      <c r="CP35" s="101">
        <v>0</v>
      </c>
      <c r="CQ35" s="104">
        <v>30024</v>
      </c>
      <c r="CR35" s="104">
        <v>0</v>
      </c>
      <c r="CS35" s="104">
        <v>0</v>
      </c>
      <c r="CT35" s="104">
        <v>116000</v>
      </c>
      <c r="CU35" s="104">
        <v>0</v>
      </c>
      <c r="CV35" s="103">
        <v>146024</v>
      </c>
      <c r="CW35" s="106">
        <v>146024</v>
      </c>
      <c r="CX35" s="100">
        <v>21056</v>
      </c>
      <c r="CY35" s="104">
        <v>0</v>
      </c>
      <c r="CZ35" s="103">
        <v>21056</v>
      </c>
      <c r="DA35" s="100">
        <v>0</v>
      </c>
      <c r="DB35" s="104">
        <v>0</v>
      </c>
      <c r="DC35" s="104">
        <v>0</v>
      </c>
      <c r="DD35" s="104">
        <v>0</v>
      </c>
      <c r="DE35" s="104">
        <v>0</v>
      </c>
      <c r="DF35" s="104">
        <v>0</v>
      </c>
      <c r="DG35" s="103">
        <v>0</v>
      </c>
      <c r="DH35" s="106">
        <v>21056</v>
      </c>
      <c r="DI35" s="100">
        <v>0</v>
      </c>
      <c r="DJ35" s="104">
        <v>0</v>
      </c>
      <c r="DK35" s="102">
        <v>0</v>
      </c>
      <c r="DL35" s="101">
        <v>0</v>
      </c>
      <c r="DM35" s="104">
        <v>0</v>
      </c>
      <c r="DN35" s="104">
        <v>0</v>
      </c>
      <c r="DO35" s="104">
        <v>27160</v>
      </c>
      <c r="DP35" s="104">
        <v>66952</v>
      </c>
      <c r="DQ35" s="104">
        <v>0</v>
      </c>
      <c r="DR35" s="103">
        <v>94112</v>
      </c>
      <c r="DS35" s="106">
        <v>94112</v>
      </c>
      <c r="DT35" s="100">
        <v>0</v>
      </c>
      <c r="DU35" s="104">
        <v>0</v>
      </c>
      <c r="DV35" s="103">
        <v>0</v>
      </c>
      <c r="DW35" s="100">
        <v>0</v>
      </c>
      <c r="DX35" s="104">
        <v>0</v>
      </c>
      <c r="DY35" s="104">
        <v>0</v>
      </c>
      <c r="DZ35" s="104">
        <v>27160</v>
      </c>
      <c r="EA35" s="104">
        <v>66952</v>
      </c>
      <c r="EB35" s="104">
        <v>0</v>
      </c>
      <c r="EC35" s="103">
        <v>94112</v>
      </c>
      <c r="ED35" s="106">
        <v>94112</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15680</v>
      </c>
      <c r="FM35" s="104">
        <v>0</v>
      </c>
      <c r="FN35" s="103">
        <v>15680</v>
      </c>
      <c r="FO35" s="100">
        <v>0</v>
      </c>
      <c r="FP35" s="104">
        <v>2240</v>
      </c>
      <c r="FQ35" s="104">
        <v>0</v>
      </c>
      <c r="FR35" s="104">
        <v>15760</v>
      </c>
      <c r="FS35" s="104">
        <v>22208</v>
      </c>
      <c r="FT35" s="104">
        <v>0</v>
      </c>
      <c r="FU35" s="103">
        <v>40208</v>
      </c>
      <c r="FV35" s="106">
        <v>55888</v>
      </c>
      <c r="FW35" s="105">
        <v>15680</v>
      </c>
      <c r="FX35" s="104">
        <v>0</v>
      </c>
      <c r="FY35" s="102">
        <v>15680</v>
      </c>
      <c r="FZ35" s="101">
        <v>0</v>
      </c>
      <c r="GA35" s="104">
        <v>2240</v>
      </c>
      <c r="GB35" s="104">
        <v>0</v>
      </c>
      <c r="GC35" s="104">
        <v>15760</v>
      </c>
      <c r="GD35" s="104">
        <v>22208</v>
      </c>
      <c r="GE35" s="104">
        <v>0</v>
      </c>
      <c r="GF35" s="103">
        <v>40208</v>
      </c>
      <c r="GG35" s="296">
        <v>55888</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55479</v>
      </c>
      <c r="HI35" s="104">
        <v>0</v>
      </c>
      <c r="HJ35" s="104">
        <v>0</v>
      </c>
      <c r="HK35" s="104">
        <v>0</v>
      </c>
      <c r="HL35" s="104">
        <v>0</v>
      </c>
      <c r="HM35" s="103">
        <v>155479</v>
      </c>
      <c r="HN35" s="99">
        <v>155479</v>
      </c>
      <c r="HO35" s="306"/>
      <c r="HP35" s="307"/>
      <c r="HQ35" s="308"/>
      <c r="HR35" s="309"/>
      <c r="HS35" s="307"/>
      <c r="HT35" s="307"/>
      <c r="HU35" s="307"/>
      <c r="HV35" s="307"/>
      <c r="HW35" s="307"/>
      <c r="HX35" s="310"/>
      <c r="HY35" s="311"/>
      <c r="HZ35" s="118">
        <v>0</v>
      </c>
      <c r="IA35" s="119">
        <v>0</v>
      </c>
      <c r="IB35" s="120">
        <v>0</v>
      </c>
      <c r="IC35" s="133">
        <v>0</v>
      </c>
      <c r="ID35" s="119">
        <v>71038</v>
      </c>
      <c r="IE35" s="134">
        <v>57712</v>
      </c>
      <c r="IF35" s="120">
        <v>141640</v>
      </c>
      <c r="IG35" s="119">
        <v>246304</v>
      </c>
      <c r="IH35" s="120">
        <v>0</v>
      </c>
      <c r="II35" s="135">
        <v>516694</v>
      </c>
      <c r="IJ35" s="126">
        <v>516694</v>
      </c>
      <c r="IK35" s="219">
        <v>0</v>
      </c>
      <c r="IL35" s="223">
        <v>0</v>
      </c>
      <c r="IM35" s="224">
        <v>0</v>
      </c>
      <c r="IN35" s="127"/>
      <c r="IO35" s="109">
        <v>0</v>
      </c>
      <c r="IP35" s="109">
        <v>0</v>
      </c>
      <c r="IQ35" s="109">
        <v>0</v>
      </c>
      <c r="IR35" s="109">
        <v>0</v>
      </c>
      <c r="IS35" s="109">
        <v>0</v>
      </c>
      <c r="IT35" s="128">
        <v>0</v>
      </c>
      <c r="IU35" s="298">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71038</v>
      </c>
      <c r="JL35" s="109">
        <v>0</v>
      </c>
      <c r="JM35" s="109">
        <v>141640</v>
      </c>
      <c r="JN35" s="109">
        <v>0</v>
      </c>
      <c r="JO35" s="109">
        <v>0</v>
      </c>
      <c r="JP35" s="110">
        <v>212678</v>
      </c>
      <c r="JQ35" s="298">
        <v>212678</v>
      </c>
      <c r="JR35" s="129">
        <v>0</v>
      </c>
      <c r="JS35" s="109">
        <v>0</v>
      </c>
      <c r="JT35" s="128">
        <v>0</v>
      </c>
      <c r="JU35" s="108">
        <v>0</v>
      </c>
      <c r="JV35" s="109">
        <v>0</v>
      </c>
      <c r="JW35" s="109">
        <v>57712</v>
      </c>
      <c r="JX35" s="109">
        <v>0</v>
      </c>
      <c r="JY35" s="109">
        <v>0</v>
      </c>
      <c r="JZ35" s="109">
        <v>0</v>
      </c>
      <c r="KA35" s="110">
        <v>57712</v>
      </c>
      <c r="KB35" s="298">
        <v>57712</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246304</v>
      </c>
      <c r="KV35" s="109">
        <v>0</v>
      </c>
      <c r="KW35" s="110">
        <v>246304</v>
      </c>
      <c r="KX35" s="298">
        <v>246304</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199008</v>
      </c>
      <c r="MK35" s="109">
        <v>245832</v>
      </c>
      <c r="ML35" s="109">
        <v>304011</v>
      </c>
      <c r="MM35" s="109">
        <v>1920200</v>
      </c>
      <c r="MN35" s="109">
        <v>254480</v>
      </c>
      <c r="MO35" s="110">
        <v>2923531</v>
      </c>
      <c r="MP35" s="130">
        <v>2923531</v>
      </c>
      <c r="MQ35" s="129">
        <v>0</v>
      </c>
      <c r="MR35" s="109">
        <v>0</v>
      </c>
      <c r="MS35" s="110">
        <v>0</v>
      </c>
      <c r="MT35" s="132"/>
      <c r="MU35" s="109">
        <v>0</v>
      </c>
      <c r="MV35" s="109">
        <v>0</v>
      </c>
      <c r="MW35" s="109">
        <v>0</v>
      </c>
      <c r="MX35" s="109">
        <v>470712</v>
      </c>
      <c r="MY35" s="109">
        <v>254480</v>
      </c>
      <c r="MZ35" s="110">
        <v>725192</v>
      </c>
      <c r="NA35" s="130">
        <v>725192</v>
      </c>
      <c r="NB35" s="129">
        <v>0</v>
      </c>
      <c r="NC35" s="109">
        <v>0</v>
      </c>
      <c r="ND35" s="110">
        <v>0</v>
      </c>
      <c r="NE35" s="132"/>
      <c r="NF35" s="109">
        <v>199008</v>
      </c>
      <c r="NG35" s="109">
        <v>245832</v>
      </c>
      <c r="NH35" s="109">
        <v>304011</v>
      </c>
      <c r="NI35" s="109">
        <v>1072885</v>
      </c>
      <c r="NJ35" s="109">
        <v>0</v>
      </c>
      <c r="NK35" s="110">
        <v>1821736</v>
      </c>
      <c r="NL35" s="298">
        <v>1821736</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376603</v>
      </c>
      <c r="OF35" s="109">
        <v>0</v>
      </c>
      <c r="OG35" s="110">
        <v>376603</v>
      </c>
      <c r="OH35" s="111">
        <v>376603</v>
      </c>
      <c r="OI35" s="129">
        <v>49504</v>
      </c>
      <c r="OJ35" s="109">
        <v>54928</v>
      </c>
      <c r="OK35" s="128">
        <v>104432</v>
      </c>
      <c r="OL35" s="108">
        <v>0</v>
      </c>
      <c r="OM35" s="109">
        <v>620639</v>
      </c>
      <c r="ON35" s="109">
        <v>378688</v>
      </c>
      <c r="OO35" s="109">
        <v>491747</v>
      </c>
      <c r="OP35" s="109">
        <v>2461344</v>
      </c>
      <c r="OQ35" s="109">
        <v>254480</v>
      </c>
      <c r="OR35" s="110">
        <v>4206898</v>
      </c>
      <c r="OS35" s="130">
        <v>4311330</v>
      </c>
    </row>
    <row r="36" spans="2:409" ht="21" customHeight="1" x14ac:dyDescent="0.2">
      <c r="B36" s="472" t="s">
        <v>31</v>
      </c>
      <c r="C36" s="100">
        <v>5200</v>
      </c>
      <c r="D36" s="104">
        <v>0</v>
      </c>
      <c r="E36" s="103">
        <v>5200</v>
      </c>
      <c r="F36" s="99">
        <v>0</v>
      </c>
      <c r="G36" s="104">
        <v>110560</v>
      </c>
      <c r="H36" s="104">
        <v>204343</v>
      </c>
      <c r="I36" s="104">
        <v>701685</v>
      </c>
      <c r="J36" s="104">
        <v>38520</v>
      </c>
      <c r="K36" s="104">
        <v>16672</v>
      </c>
      <c r="L36" s="160">
        <v>1071780</v>
      </c>
      <c r="M36" s="106">
        <v>1076980</v>
      </c>
      <c r="N36" s="100">
        <v>0</v>
      </c>
      <c r="O36" s="104">
        <v>0</v>
      </c>
      <c r="P36" s="103">
        <v>0</v>
      </c>
      <c r="Q36" s="100">
        <v>0</v>
      </c>
      <c r="R36" s="104">
        <v>0</v>
      </c>
      <c r="S36" s="104">
        <v>52504</v>
      </c>
      <c r="T36" s="104">
        <v>359856</v>
      </c>
      <c r="U36" s="104">
        <v>27920</v>
      </c>
      <c r="V36" s="104">
        <v>16672</v>
      </c>
      <c r="W36" s="103">
        <v>456952</v>
      </c>
      <c r="X36" s="106">
        <v>456952</v>
      </c>
      <c r="Y36" s="100">
        <v>0</v>
      </c>
      <c r="Z36" s="104">
        <v>0</v>
      </c>
      <c r="AA36" s="103">
        <v>0</v>
      </c>
      <c r="AB36" s="100">
        <v>0</v>
      </c>
      <c r="AC36" s="104">
        <v>0</v>
      </c>
      <c r="AD36" s="104">
        <v>0</v>
      </c>
      <c r="AE36" s="104">
        <v>167000</v>
      </c>
      <c r="AF36" s="104">
        <v>0</v>
      </c>
      <c r="AG36" s="104">
        <v>0</v>
      </c>
      <c r="AH36" s="103">
        <v>167000</v>
      </c>
      <c r="AI36" s="106">
        <v>167000</v>
      </c>
      <c r="AJ36" s="100">
        <v>0</v>
      </c>
      <c r="AK36" s="104">
        <v>0</v>
      </c>
      <c r="AL36" s="103">
        <v>0</v>
      </c>
      <c r="AM36" s="100">
        <v>0</v>
      </c>
      <c r="AN36" s="104">
        <v>0</v>
      </c>
      <c r="AO36" s="104">
        <v>45488</v>
      </c>
      <c r="AP36" s="104">
        <v>102336</v>
      </c>
      <c r="AQ36" s="104">
        <v>0</v>
      </c>
      <c r="AR36" s="104">
        <v>0</v>
      </c>
      <c r="AS36" s="103">
        <v>147824</v>
      </c>
      <c r="AT36" s="106">
        <v>147824</v>
      </c>
      <c r="AU36" s="100">
        <v>0</v>
      </c>
      <c r="AV36" s="104">
        <v>0</v>
      </c>
      <c r="AW36" s="103">
        <v>0</v>
      </c>
      <c r="AX36" s="100">
        <v>0</v>
      </c>
      <c r="AY36" s="104">
        <v>0</v>
      </c>
      <c r="AZ36" s="104">
        <v>0</v>
      </c>
      <c r="BA36" s="104">
        <v>90520</v>
      </c>
      <c r="BB36" s="104">
        <v>0</v>
      </c>
      <c r="BC36" s="104">
        <v>0</v>
      </c>
      <c r="BD36" s="103">
        <v>90520</v>
      </c>
      <c r="BE36" s="106">
        <v>90520</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7016</v>
      </c>
      <c r="BW36" s="104">
        <v>0</v>
      </c>
      <c r="BX36" s="104">
        <v>27920</v>
      </c>
      <c r="BY36" s="104">
        <v>16672</v>
      </c>
      <c r="BZ36" s="103">
        <v>51608</v>
      </c>
      <c r="CA36" s="106">
        <v>51608</v>
      </c>
      <c r="CB36" s="100">
        <v>0</v>
      </c>
      <c r="CC36" s="104">
        <v>0</v>
      </c>
      <c r="CD36" s="103">
        <v>0</v>
      </c>
      <c r="CE36" s="100">
        <v>0</v>
      </c>
      <c r="CF36" s="104">
        <v>70240</v>
      </c>
      <c r="CG36" s="104">
        <v>104599</v>
      </c>
      <c r="CH36" s="104">
        <v>261444</v>
      </c>
      <c r="CI36" s="104">
        <v>0</v>
      </c>
      <c r="CJ36" s="104">
        <v>0</v>
      </c>
      <c r="CK36" s="103">
        <v>436283</v>
      </c>
      <c r="CL36" s="106">
        <v>436283</v>
      </c>
      <c r="CM36" s="100">
        <v>0</v>
      </c>
      <c r="CN36" s="104">
        <v>0</v>
      </c>
      <c r="CO36" s="103">
        <v>0</v>
      </c>
      <c r="CP36" s="101">
        <v>0</v>
      </c>
      <c r="CQ36" s="104">
        <v>29308</v>
      </c>
      <c r="CR36" s="104">
        <v>64579</v>
      </c>
      <c r="CS36" s="104">
        <v>169588</v>
      </c>
      <c r="CT36" s="104">
        <v>0</v>
      </c>
      <c r="CU36" s="104">
        <v>0</v>
      </c>
      <c r="CV36" s="103">
        <v>263475</v>
      </c>
      <c r="CW36" s="106">
        <v>263475</v>
      </c>
      <c r="CX36" s="100">
        <v>0</v>
      </c>
      <c r="CY36" s="104">
        <v>0</v>
      </c>
      <c r="CZ36" s="103">
        <v>0</v>
      </c>
      <c r="DA36" s="100">
        <v>0</v>
      </c>
      <c r="DB36" s="104">
        <v>40932</v>
      </c>
      <c r="DC36" s="104">
        <v>40020</v>
      </c>
      <c r="DD36" s="104">
        <v>91856</v>
      </c>
      <c r="DE36" s="104">
        <v>0</v>
      </c>
      <c r="DF36" s="104">
        <v>0</v>
      </c>
      <c r="DG36" s="103">
        <v>172808</v>
      </c>
      <c r="DH36" s="106">
        <v>172808</v>
      </c>
      <c r="DI36" s="100">
        <v>0</v>
      </c>
      <c r="DJ36" s="104">
        <v>0</v>
      </c>
      <c r="DK36" s="102">
        <v>0</v>
      </c>
      <c r="DL36" s="101">
        <v>0</v>
      </c>
      <c r="DM36" s="104">
        <v>0</v>
      </c>
      <c r="DN36" s="104">
        <v>0</v>
      </c>
      <c r="DO36" s="104">
        <v>8778</v>
      </c>
      <c r="DP36" s="104">
        <v>0</v>
      </c>
      <c r="DQ36" s="104">
        <v>0</v>
      </c>
      <c r="DR36" s="103">
        <v>8778</v>
      </c>
      <c r="DS36" s="106">
        <v>8778</v>
      </c>
      <c r="DT36" s="100">
        <v>0</v>
      </c>
      <c r="DU36" s="104">
        <v>0</v>
      </c>
      <c r="DV36" s="103">
        <v>0</v>
      </c>
      <c r="DW36" s="100">
        <v>0</v>
      </c>
      <c r="DX36" s="104">
        <v>0</v>
      </c>
      <c r="DY36" s="104">
        <v>0</v>
      </c>
      <c r="DZ36" s="104">
        <v>8778</v>
      </c>
      <c r="EA36" s="104">
        <v>0</v>
      </c>
      <c r="EB36" s="104">
        <v>0</v>
      </c>
      <c r="EC36" s="103">
        <v>8778</v>
      </c>
      <c r="ED36" s="106">
        <v>8778</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5200</v>
      </c>
      <c r="FM36" s="104">
        <v>0</v>
      </c>
      <c r="FN36" s="103">
        <v>5200</v>
      </c>
      <c r="FO36" s="100">
        <v>0</v>
      </c>
      <c r="FP36" s="104">
        <v>40320</v>
      </c>
      <c r="FQ36" s="104">
        <v>47240</v>
      </c>
      <c r="FR36" s="104">
        <v>70880</v>
      </c>
      <c r="FS36" s="104">
        <v>10600</v>
      </c>
      <c r="FT36" s="104">
        <v>0</v>
      </c>
      <c r="FU36" s="103">
        <v>169040</v>
      </c>
      <c r="FV36" s="106">
        <v>174240</v>
      </c>
      <c r="FW36" s="105">
        <v>5200</v>
      </c>
      <c r="FX36" s="104">
        <v>0</v>
      </c>
      <c r="FY36" s="102">
        <v>5200</v>
      </c>
      <c r="FZ36" s="101">
        <v>0</v>
      </c>
      <c r="GA36" s="104">
        <v>15520</v>
      </c>
      <c r="GB36" s="104">
        <v>47240</v>
      </c>
      <c r="GC36" s="104">
        <v>70880</v>
      </c>
      <c r="GD36" s="104">
        <v>10600</v>
      </c>
      <c r="GE36" s="104">
        <v>0</v>
      </c>
      <c r="GF36" s="103">
        <v>144240</v>
      </c>
      <c r="GG36" s="296">
        <v>149440</v>
      </c>
      <c r="GH36" s="105">
        <v>0</v>
      </c>
      <c r="GI36" s="104">
        <v>0</v>
      </c>
      <c r="GJ36" s="102">
        <v>0</v>
      </c>
      <c r="GK36" s="101">
        <v>0</v>
      </c>
      <c r="GL36" s="104">
        <v>24800</v>
      </c>
      <c r="GM36" s="104">
        <v>0</v>
      </c>
      <c r="GN36" s="104">
        <v>0</v>
      </c>
      <c r="GO36" s="104">
        <v>0</v>
      </c>
      <c r="GP36" s="104">
        <v>0</v>
      </c>
      <c r="GQ36" s="103">
        <v>24800</v>
      </c>
      <c r="GR36" s="106">
        <v>2480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727</v>
      </c>
      <c r="HK36" s="104">
        <v>0</v>
      </c>
      <c r="HL36" s="104">
        <v>0</v>
      </c>
      <c r="HM36" s="103">
        <v>727</v>
      </c>
      <c r="HN36" s="99">
        <v>727</v>
      </c>
      <c r="HO36" s="306"/>
      <c r="HP36" s="307"/>
      <c r="HQ36" s="308"/>
      <c r="HR36" s="309"/>
      <c r="HS36" s="307"/>
      <c r="HT36" s="307"/>
      <c r="HU36" s="307"/>
      <c r="HV36" s="307"/>
      <c r="HW36" s="307"/>
      <c r="HX36" s="310"/>
      <c r="HY36" s="311"/>
      <c r="HZ36" s="137">
        <v>0</v>
      </c>
      <c r="IA36" s="122">
        <v>0</v>
      </c>
      <c r="IB36" s="137">
        <v>0</v>
      </c>
      <c r="IC36" s="121">
        <v>0</v>
      </c>
      <c r="ID36" s="122">
        <v>152761</v>
      </c>
      <c r="IE36" s="123">
        <v>433774</v>
      </c>
      <c r="IF36" s="124">
        <v>0</v>
      </c>
      <c r="IG36" s="122">
        <v>439328</v>
      </c>
      <c r="IH36" s="124">
        <v>245560</v>
      </c>
      <c r="II36" s="125">
        <v>1271423</v>
      </c>
      <c r="IJ36" s="137">
        <v>1271423</v>
      </c>
      <c r="IK36" s="219">
        <v>0</v>
      </c>
      <c r="IL36" s="223">
        <v>0</v>
      </c>
      <c r="IM36" s="224">
        <v>0</v>
      </c>
      <c r="IN36" s="127"/>
      <c r="IO36" s="109">
        <v>0</v>
      </c>
      <c r="IP36" s="109">
        <v>0</v>
      </c>
      <c r="IQ36" s="109">
        <v>0</v>
      </c>
      <c r="IR36" s="109">
        <v>0</v>
      </c>
      <c r="IS36" s="109">
        <v>0</v>
      </c>
      <c r="IT36" s="128">
        <v>0</v>
      </c>
      <c r="IU36" s="298">
        <v>0</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16183</v>
      </c>
      <c r="JL36" s="109">
        <v>18284</v>
      </c>
      <c r="JM36" s="109">
        <v>0</v>
      </c>
      <c r="JN36" s="109">
        <v>0</v>
      </c>
      <c r="JO36" s="109">
        <v>0</v>
      </c>
      <c r="JP36" s="110">
        <v>34467</v>
      </c>
      <c r="JQ36" s="298">
        <v>34467</v>
      </c>
      <c r="JR36" s="129">
        <v>0</v>
      </c>
      <c r="JS36" s="109">
        <v>0</v>
      </c>
      <c r="JT36" s="128">
        <v>0</v>
      </c>
      <c r="JU36" s="108">
        <v>0</v>
      </c>
      <c r="JV36" s="109">
        <v>0</v>
      </c>
      <c r="JW36" s="109">
        <v>0</v>
      </c>
      <c r="JX36" s="109">
        <v>0</v>
      </c>
      <c r="JY36" s="109">
        <v>209312</v>
      </c>
      <c r="JZ36" s="109">
        <v>0</v>
      </c>
      <c r="KA36" s="110">
        <v>209312</v>
      </c>
      <c r="KB36" s="298">
        <v>209312</v>
      </c>
      <c r="KC36" s="221">
        <v>0</v>
      </c>
      <c r="KD36" s="217">
        <v>0</v>
      </c>
      <c r="KE36" s="110">
        <v>0</v>
      </c>
      <c r="KF36" s="108">
        <v>0</v>
      </c>
      <c r="KG36" s="109">
        <v>136578</v>
      </c>
      <c r="KH36" s="109">
        <v>0</v>
      </c>
      <c r="KI36" s="109">
        <v>0</v>
      </c>
      <c r="KJ36" s="109">
        <v>0</v>
      </c>
      <c r="KK36" s="109">
        <v>0</v>
      </c>
      <c r="KL36" s="110">
        <v>136578</v>
      </c>
      <c r="KM36" s="130">
        <v>136578</v>
      </c>
      <c r="KN36" s="219">
        <v>0</v>
      </c>
      <c r="KO36" s="223">
        <v>0</v>
      </c>
      <c r="KP36" s="224">
        <v>0</v>
      </c>
      <c r="KQ36" s="127"/>
      <c r="KR36" s="109">
        <v>0</v>
      </c>
      <c r="KS36" s="109">
        <v>234266</v>
      </c>
      <c r="KT36" s="109">
        <v>0</v>
      </c>
      <c r="KU36" s="109">
        <v>230016</v>
      </c>
      <c r="KV36" s="109">
        <v>245560</v>
      </c>
      <c r="KW36" s="110">
        <v>709842</v>
      </c>
      <c r="KX36" s="298">
        <v>709842</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181224</v>
      </c>
      <c r="LP36" s="109">
        <v>0</v>
      </c>
      <c r="LQ36" s="109">
        <v>0</v>
      </c>
      <c r="LR36" s="109">
        <v>0</v>
      </c>
      <c r="LS36" s="110">
        <v>181224</v>
      </c>
      <c r="LT36" s="298">
        <v>181224</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0</v>
      </c>
      <c r="MK36" s="109">
        <v>0</v>
      </c>
      <c r="ML36" s="109">
        <v>413338</v>
      </c>
      <c r="MM36" s="109">
        <v>268654</v>
      </c>
      <c r="MN36" s="109">
        <v>0</v>
      </c>
      <c r="MO36" s="110">
        <v>681992</v>
      </c>
      <c r="MP36" s="130">
        <v>681992</v>
      </c>
      <c r="MQ36" s="129">
        <v>0</v>
      </c>
      <c r="MR36" s="109">
        <v>0</v>
      </c>
      <c r="MS36" s="110">
        <v>0</v>
      </c>
      <c r="MT36" s="132"/>
      <c r="MU36" s="109">
        <v>0</v>
      </c>
      <c r="MV36" s="109">
        <v>0</v>
      </c>
      <c r="MW36" s="109">
        <v>413338</v>
      </c>
      <c r="MX36" s="109">
        <v>268654</v>
      </c>
      <c r="MY36" s="109">
        <v>0</v>
      </c>
      <c r="MZ36" s="110">
        <v>681992</v>
      </c>
      <c r="NA36" s="130">
        <v>681992</v>
      </c>
      <c r="NB36" s="129">
        <v>0</v>
      </c>
      <c r="NC36" s="109">
        <v>0</v>
      </c>
      <c r="ND36" s="110">
        <v>0</v>
      </c>
      <c r="NE36" s="132"/>
      <c r="NF36" s="109">
        <v>0</v>
      </c>
      <c r="NG36" s="109">
        <v>0</v>
      </c>
      <c r="NH36" s="109">
        <v>0</v>
      </c>
      <c r="NI36" s="109">
        <v>0</v>
      </c>
      <c r="NJ36" s="109">
        <v>0</v>
      </c>
      <c r="NK36" s="110">
        <v>0</v>
      </c>
      <c r="NL36" s="298">
        <v>0</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5200</v>
      </c>
      <c r="OJ36" s="109">
        <v>0</v>
      </c>
      <c r="OK36" s="128">
        <v>5200</v>
      </c>
      <c r="OL36" s="108">
        <v>0</v>
      </c>
      <c r="OM36" s="109">
        <v>263321</v>
      </c>
      <c r="ON36" s="109">
        <v>638117</v>
      </c>
      <c r="OO36" s="109">
        <v>1115023</v>
      </c>
      <c r="OP36" s="109">
        <v>746502</v>
      </c>
      <c r="OQ36" s="109">
        <v>262232</v>
      </c>
      <c r="OR36" s="110">
        <v>3025195</v>
      </c>
      <c r="OS36" s="130">
        <v>3030395</v>
      </c>
    </row>
    <row r="37" spans="2:409" ht="21" customHeight="1" x14ac:dyDescent="0.2">
      <c r="B37" s="472" t="s">
        <v>32</v>
      </c>
      <c r="C37" s="100">
        <v>0</v>
      </c>
      <c r="D37" s="104">
        <v>12000</v>
      </c>
      <c r="E37" s="161">
        <v>12000</v>
      </c>
      <c r="F37" s="162">
        <v>0</v>
      </c>
      <c r="G37" s="163">
        <v>449361</v>
      </c>
      <c r="H37" s="163">
        <v>1064228</v>
      </c>
      <c r="I37" s="163">
        <v>323872</v>
      </c>
      <c r="J37" s="163">
        <v>223882</v>
      </c>
      <c r="K37" s="163">
        <v>717464</v>
      </c>
      <c r="L37" s="164">
        <v>2778807</v>
      </c>
      <c r="M37" s="106">
        <v>2790807</v>
      </c>
      <c r="N37" s="100">
        <v>0</v>
      </c>
      <c r="O37" s="104">
        <v>0</v>
      </c>
      <c r="P37" s="103">
        <v>0</v>
      </c>
      <c r="Q37" s="100">
        <v>0</v>
      </c>
      <c r="R37" s="104">
        <v>183399</v>
      </c>
      <c r="S37" s="104">
        <v>255337</v>
      </c>
      <c r="T37" s="104">
        <v>14176</v>
      </c>
      <c r="U37" s="104">
        <v>10912</v>
      </c>
      <c r="V37" s="104">
        <v>256840</v>
      </c>
      <c r="W37" s="103">
        <v>720664</v>
      </c>
      <c r="X37" s="106">
        <v>720664</v>
      </c>
      <c r="Y37" s="100">
        <v>0</v>
      </c>
      <c r="Z37" s="104">
        <v>0</v>
      </c>
      <c r="AA37" s="103">
        <v>0</v>
      </c>
      <c r="AB37" s="100">
        <v>0</v>
      </c>
      <c r="AC37" s="104">
        <v>100544</v>
      </c>
      <c r="AD37" s="104">
        <v>74072</v>
      </c>
      <c r="AE37" s="104">
        <v>0</v>
      </c>
      <c r="AF37" s="104">
        <v>0</v>
      </c>
      <c r="AG37" s="104">
        <v>168304</v>
      </c>
      <c r="AH37" s="103">
        <v>342920</v>
      </c>
      <c r="AI37" s="106">
        <v>342920</v>
      </c>
      <c r="AJ37" s="100">
        <v>0</v>
      </c>
      <c r="AK37" s="104">
        <v>0</v>
      </c>
      <c r="AL37" s="103">
        <v>0</v>
      </c>
      <c r="AM37" s="100">
        <v>0</v>
      </c>
      <c r="AN37" s="104">
        <v>0</v>
      </c>
      <c r="AO37" s="104">
        <v>0</v>
      </c>
      <c r="AP37" s="104">
        <v>0</v>
      </c>
      <c r="AQ37" s="104">
        <v>0</v>
      </c>
      <c r="AR37" s="104">
        <v>46112</v>
      </c>
      <c r="AS37" s="103">
        <v>46112</v>
      </c>
      <c r="AT37" s="106">
        <v>46112</v>
      </c>
      <c r="AU37" s="100">
        <v>0</v>
      </c>
      <c r="AV37" s="104">
        <v>0</v>
      </c>
      <c r="AW37" s="103">
        <v>0</v>
      </c>
      <c r="AX37" s="100">
        <v>0</v>
      </c>
      <c r="AY37" s="104">
        <v>74583</v>
      </c>
      <c r="AZ37" s="104">
        <v>107401</v>
      </c>
      <c r="BA37" s="104">
        <v>0</v>
      </c>
      <c r="BB37" s="104">
        <v>0</v>
      </c>
      <c r="BC37" s="104">
        <v>0</v>
      </c>
      <c r="BD37" s="103">
        <v>181984</v>
      </c>
      <c r="BE37" s="106">
        <v>181984</v>
      </c>
      <c r="BF37" s="100">
        <v>0</v>
      </c>
      <c r="BG37" s="104">
        <v>0</v>
      </c>
      <c r="BH37" s="102">
        <v>0</v>
      </c>
      <c r="BI37" s="101">
        <v>0</v>
      </c>
      <c r="BJ37" s="104">
        <v>0</v>
      </c>
      <c r="BK37" s="104">
        <v>30592</v>
      </c>
      <c r="BL37" s="104">
        <v>0</v>
      </c>
      <c r="BM37" s="104">
        <v>0</v>
      </c>
      <c r="BN37" s="104">
        <v>0</v>
      </c>
      <c r="BO37" s="103">
        <v>30592</v>
      </c>
      <c r="BP37" s="106">
        <v>30592</v>
      </c>
      <c r="BQ37" s="100">
        <v>0</v>
      </c>
      <c r="BR37" s="104">
        <v>0</v>
      </c>
      <c r="BS37" s="103">
        <v>0</v>
      </c>
      <c r="BT37" s="100">
        <v>0</v>
      </c>
      <c r="BU37" s="104">
        <v>8272</v>
      </c>
      <c r="BV37" s="104">
        <v>43272</v>
      </c>
      <c r="BW37" s="104">
        <v>14176</v>
      </c>
      <c r="BX37" s="104">
        <v>10912</v>
      </c>
      <c r="BY37" s="104">
        <v>42424</v>
      </c>
      <c r="BZ37" s="103">
        <v>119056</v>
      </c>
      <c r="CA37" s="106">
        <v>119056</v>
      </c>
      <c r="CB37" s="100">
        <v>0</v>
      </c>
      <c r="CC37" s="104">
        <v>0</v>
      </c>
      <c r="CD37" s="103">
        <v>0</v>
      </c>
      <c r="CE37" s="100">
        <v>0</v>
      </c>
      <c r="CF37" s="104">
        <v>61528</v>
      </c>
      <c r="CG37" s="104">
        <v>342558</v>
      </c>
      <c r="CH37" s="104">
        <v>33168</v>
      </c>
      <c r="CI37" s="104">
        <v>0</v>
      </c>
      <c r="CJ37" s="104">
        <v>0</v>
      </c>
      <c r="CK37" s="103">
        <v>437254</v>
      </c>
      <c r="CL37" s="106">
        <v>437254</v>
      </c>
      <c r="CM37" s="100">
        <v>0</v>
      </c>
      <c r="CN37" s="104">
        <v>0</v>
      </c>
      <c r="CO37" s="103">
        <v>0</v>
      </c>
      <c r="CP37" s="101">
        <v>0</v>
      </c>
      <c r="CQ37" s="104">
        <v>61528</v>
      </c>
      <c r="CR37" s="104">
        <v>188512</v>
      </c>
      <c r="CS37" s="104">
        <v>33168</v>
      </c>
      <c r="CT37" s="104">
        <v>0</v>
      </c>
      <c r="CU37" s="104">
        <v>0</v>
      </c>
      <c r="CV37" s="103">
        <v>283208</v>
      </c>
      <c r="CW37" s="106">
        <v>283208</v>
      </c>
      <c r="CX37" s="100">
        <v>0</v>
      </c>
      <c r="CY37" s="104">
        <v>0</v>
      </c>
      <c r="CZ37" s="103">
        <v>0</v>
      </c>
      <c r="DA37" s="100">
        <v>0</v>
      </c>
      <c r="DB37" s="104">
        <v>0</v>
      </c>
      <c r="DC37" s="104">
        <v>154046</v>
      </c>
      <c r="DD37" s="104">
        <v>0</v>
      </c>
      <c r="DE37" s="104">
        <v>0</v>
      </c>
      <c r="DF37" s="104">
        <v>0</v>
      </c>
      <c r="DG37" s="103">
        <v>154046</v>
      </c>
      <c r="DH37" s="106">
        <v>154046</v>
      </c>
      <c r="DI37" s="100">
        <v>0</v>
      </c>
      <c r="DJ37" s="104">
        <v>0</v>
      </c>
      <c r="DK37" s="102">
        <v>0</v>
      </c>
      <c r="DL37" s="101">
        <v>0</v>
      </c>
      <c r="DM37" s="104">
        <v>15394</v>
      </c>
      <c r="DN37" s="104">
        <v>0</v>
      </c>
      <c r="DO37" s="104">
        <v>69248</v>
      </c>
      <c r="DP37" s="104">
        <v>0</v>
      </c>
      <c r="DQ37" s="104">
        <v>0</v>
      </c>
      <c r="DR37" s="103">
        <v>84642</v>
      </c>
      <c r="DS37" s="106">
        <v>84642</v>
      </c>
      <c r="DT37" s="100">
        <v>0</v>
      </c>
      <c r="DU37" s="104">
        <v>0</v>
      </c>
      <c r="DV37" s="103">
        <v>0</v>
      </c>
      <c r="DW37" s="100">
        <v>0</v>
      </c>
      <c r="DX37" s="104">
        <v>15394</v>
      </c>
      <c r="DY37" s="104">
        <v>0</v>
      </c>
      <c r="DZ37" s="104">
        <v>0</v>
      </c>
      <c r="EA37" s="104">
        <v>0</v>
      </c>
      <c r="EB37" s="104">
        <v>0</v>
      </c>
      <c r="EC37" s="103">
        <v>15394</v>
      </c>
      <c r="ED37" s="106">
        <v>15394</v>
      </c>
      <c r="EE37" s="100">
        <v>0</v>
      </c>
      <c r="EF37" s="102">
        <v>0</v>
      </c>
      <c r="EG37" s="103">
        <v>0</v>
      </c>
      <c r="EH37" s="100">
        <v>0</v>
      </c>
      <c r="EI37" s="104">
        <v>0</v>
      </c>
      <c r="EJ37" s="104">
        <v>0</v>
      </c>
      <c r="EK37" s="104">
        <v>69248</v>
      </c>
      <c r="EL37" s="104">
        <v>0</v>
      </c>
      <c r="EM37" s="104">
        <v>0</v>
      </c>
      <c r="EN37" s="102">
        <v>69248</v>
      </c>
      <c r="EO37" s="106">
        <v>69248</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0</v>
      </c>
      <c r="FM37" s="104">
        <v>12000</v>
      </c>
      <c r="FN37" s="103">
        <v>12000</v>
      </c>
      <c r="FO37" s="100">
        <v>0</v>
      </c>
      <c r="FP37" s="104">
        <v>40520</v>
      </c>
      <c r="FQ37" s="104">
        <v>127136</v>
      </c>
      <c r="FR37" s="104">
        <v>35872</v>
      </c>
      <c r="FS37" s="104">
        <v>0</v>
      </c>
      <c r="FT37" s="104">
        <v>22080</v>
      </c>
      <c r="FU37" s="103">
        <v>225608</v>
      </c>
      <c r="FV37" s="106">
        <v>237608</v>
      </c>
      <c r="FW37" s="105">
        <v>0</v>
      </c>
      <c r="FX37" s="104">
        <v>12000</v>
      </c>
      <c r="FY37" s="102">
        <v>12000</v>
      </c>
      <c r="FZ37" s="101">
        <v>0</v>
      </c>
      <c r="GA37" s="104">
        <v>40520</v>
      </c>
      <c r="GB37" s="104">
        <v>97216</v>
      </c>
      <c r="GC37" s="104">
        <v>35872</v>
      </c>
      <c r="GD37" s="104">
        <v>0</v>
      </c>
      <c r="GE37" s="104">
        <v>22080</v>
      </c>
      <c r="GF37" s="103">
        <v>195688</v>
      </c>
      <c r="GG37" s="296">
        <v>207688</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29920</v>
      </c>
      <c r="GY37" s="104">
        <v>0</v>
      </c>
      <c r="GZ37" s="104">
        <v>0</v>
      </c>
      <c r="HA37" s="104">
        <v>0</v>
      </c>
      <c r="HB37" s="102">
        <v>29920</v>
      </c>
      <c r="HC37" s="106">
        <v>29920</v>
      </c>
      <c r="HD37" s="100">
        <v>0</v>
      </c>
      <c r="HE37" s="104">
        <v>0</v>
      </c>
      <c r="HF37" s="102">
        <v>0</v>
      </c>
      <c r="HG37" s="101">
        <v>0</v>
      </c>
      <c r="HH37" s="104">
        <v>148520</v>
      </c>
      <c r="HI37" s="104">
        <v>339197</v>
      </c>
      <c r="HJ37" s="104">
        <v>171408</v>
      </c>
      <c r="HK37" s="104">
        <v>212970</v>
      </c>
      <c r="HL37" s="104">
        <v>438544</v>
      </c>
      <c r="HM37" s="103">
        <v>1310639</v>
      </c>
      <c r="HN37" s="99">
        <v>1310639</v>
      </c>
      <c r="HO37" s="306"/>
      <c r="HP37" s="307"/>
      <c r="HQ37" s="308"/>
      <c r="HR37" s="309"/>
      <c r="HS37" s="307"/>
      <c r="HT37" s="307"/>
      <c r="HU37" s="307"/>
      <c r="HV37" s="307"/>
      <c r="HW37" s="307"/>
      <c r="HX37" s="310"/>
      <c r="HY37" s="311"/>
      <c r="HZ37" s="118">
        <v>0</v>
      </c>
      <c r="IA37" s="119">
        <v>0</v>
      </c>
      <c r="IB37" s="120">
        <v>0</v>
      </c>
      <c r="IC37" s="133">
        <v>0</v>
      </c>
      <c r="ID37" s="119">
        <v>118740</v>
      </c>
      <c r="IE37" s="134">
        <v>282096</v>
      </c>
      <c r="IF37" s="120">
        <v>414760</v>
      </c>
      <c r="IG37" s="119">
        <v>214888</v>
      </c>
      <c r="IH37" s="120">
        <v>42134</v>
      </c>
      <c r="II37" s="135">
        <v>1072618</v>
      </c>
      <c r="IJ37" s="126">
        <v>1072618</v>
      </c>
      <c r="IK37" s="219">
        <v>0</v>
      </c>
      <c r="IL37" s="223">
        <v>0</v>
      </c>
      <c r="IM37" s="224">
        <v>0</v>
      </c>
      <c r="IN37" s="127"/>
      <c r="IO37" s="109">
        <v>0</v>
      </c>
      <c r="IP37" s="109">
        <v>148536</v>
      </c>
      <c r="IQ37" s="109">
        <v>0</v>
      </c>
      <c r="IR37" s="109">
        <v>0</v>
      </c>
      <c r="IS37" s="109">
        <v>0</v>
      </c>
      <c r="IT37" s="128">
        <v>148536</v>
      </c>
      <c r="IU37" s="298">
        <v>148536</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118740</v>
      </c>
      <c r="JL37" s="109">
        <v>133560</v>
      </c>
      <c r="JM37" s="109">
        <v>19144</v>
      </c>
      <c r="JN37" s="109">
        <v>0</v>
      </c>
      <c r="JO37" s="109">
        <v>42134</v>
      </c>
      <c r="JP37" s="110">
        <v>313578</v>
      </c>
      <c r="JQ37" s="298">
        <v>313578</v>
      </c>
      <c r="JR37" s="129">
        <v>0</v>
      </c>
      <c r="JS37" s="109">
        <v>0</v>
      </c>
      <c r="JT37" s="128">
        <v>0</v>
      </c>
      <c r="JU37" s="108">
        <v>0</v>
      </c>
      <c r="JV37" s="109">
        <v>0</v>
      </c>
      <c r="JW37" s="109">
        <v>0</v>
      </c>
      <c r="JX37" s="109">
        <v>0</v>
      </c>
      <c r="JY37" s="109">
        <v>0</v>
      </c>
      <c r="JZ37" s="109">
        <v>0</v>
      </c>
      <c r="KA37" s="110">
        <v>0</v>
      </c>
      <c r="KB37" s="298">
        <v>0</v>
      </c>
      <c r="KC37" s="221">
        <v>0</v>
      </c>
      <c r="KD37" s="217">
        <v>0</v>
      </c>
      <c r="KE37" s="110">
        <v>0</v>
      </c>
      <c r="KF37" s="108">
        <v>0</v>
      </c>
      <c r="KG37" s="109">
        <v>0</v>
      </c>
      <c r="KH37" s="109">
        <v>0</v>
      </c>
      <c r="KI37" s="109">
        <v>0</v>
      </c>
      <c r="KJ37" s="109">
        <v>0</v>
      </c>
      <c r="KK37" s="109">
        <v>0</v>
      </c>
      <c r="KL37" s="110">
        <v>0</v>
      </c>
      <c r="KM37" s="130">
        <v>0</v>
      </c>
      <c r="KN37" s="219">
        <v>0</v>
      </c>
      <c r="KO37" s="223">
        <v>0</v>
      </c>
      <c r="KP37" s="224">
        <v>0</v>
      </c>
      <c r="KQ37" s="127"/>
      <c r="KR37" s="109">
        <v>0</v>
      </c>
      <c r="KS37" s="109">
        <v>0</v>
      </c>
      <c r="KT37" s="109">
        <v>199584</v>
      </c>
      <c r="KU37" s="109">
        <v>0</v>
      </c>
      <c r="KV37" s="109">
        <v>0</v>
      </c>
      <c r="KW37" s="110">
        <v>199584</v>
      </c>
      <c r="KX37" s="298">
        <v>199584</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196032</v>
      </c>
      <c r="LQ37" s="109">
        <v>214888</v>
      </c>
      <c r="LR37" s="109">
        <v>0</v>
      </c>
      <c r="LS37" s="110">
        <v>410920</v>
      </c>
      <c r="LT37" s="298">
        <v>410920</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308567</v>
      </c>
      <c r="MK37" s="109">
        <v>0</v>
      </c>
      <c r="ML37" s="109">
        <v>210752</v>
      </c>
      <c r="MM37" s="109">
        <v>1043709</v>
      </c>
      <c r="MN37" s="109">
        <v>304646</v>
      </c>
      <c r="MO37" s="110">
        <v>1867674</v>
      </c>
      <c r="MP37" s="130">
        <v>1867674</v>
      </c>
      <c r="MQ37" s="129">
        <v>0</v>
      </c>
      <c r="MR37" s="109">
        <v>0</v>
      </c>
      <c r="MS37" s="110">
        <v>0</v>
      </c>
      <c r="MT37" s="132"/>
      <c r="MU37" s="109">
        <v>0</v>
      </c>
      <c r="MV37" s="109">
        <v>0</v>
      </c>
      <c r="MW37" s="109">
        <v>210752</v>
      </c>
      <c r="MX37" s="109">
        <v>767404</v>
      </c>
      <c r="MY37" s="109">
        <v>0</v>
      </c>
      <c r="MZ37" s="110">
        <v>978156</v>
      </c>
      <c r="NA37" s="130">
        <v>978156</v>
      </c>
      <c r="NB37" s="129">
        <v>0</v>
      </c>
      <c r="NC37" s="109">
        <v>0</v>
      </c>
      <c r="ND37" s="110">
        <v>0</v>
      </c>
      <c r="NE37" s="132"/>
      <c r="NF37" s="109">
        <v>308567</v>
      </c>
      <c r="NG37" s="109">
        <v>0</v>
      </c>
      <c r="NH37" s="109">
        <v>0</v>
      </c>
      <c r="NI37" s="109">
        <v>276305</v>
      </c>
      <c r="NJ37" s="109">
        <v>304646</v>
      </c>
      <c r="NK37" s="110">
        <v>889518</v>
      </c>
      <c r="NL37" s="298">
        <v>889518</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0</v>
      </c>
      <c r="OJ37" s="109">
        <v>12000</v>
      </c>
      <c r="OK37" s="128">
        <v>12000</v>
      </c>
      <c r="OL37" s="108">
        <v>0</v>
      </c>
      <c r="OM37" s="109">
        <v>876668</v>
      </c>
      <c r="ON37" s="109">
        <v>1346324</v>
      </c>
      <c r="OO37" s="109">
        <v>949384</v>
      </c>
      <c r="OP37" s="109">
        <v>1482479</v>
      </c>
      <c r="OQ37" s="109">
        <v>1064244</v>
      </c>
      <c r="OR37" s="110">
        <v>5719099</v>
      </c>
      <c r="OS37" s="130">
        <v>5731099</v>
      </c>
    </row>
    <row r="38" spans="2:409" ht="21" customHeight="1" x14ac:dyDescent="0.2">
      <c r="B38" s="472" t="s">
        <v>33</v>
      </c>
      <c r="C38" s="100">
        <v>123275</v>
      </c>
      <c r="D38" s="104">
        <v>89494</v>
      </c>
      <c r="E38" s="103">
        <v>212769</v>
      </c>
      <c r="F38" s="99">
        <v>0</v>
      </c>
      <c r="G38" s="104">
        <v>106630</v>
      </c>
      <c r="H38" s="104">
        <v>212948</v>
      </c>
      <c r="I38" s="104">
        <v>93724</v>
      </c>
      <c r="J38" s="104">
        <v>0</v>
      </c>
      <c r="K38" s="104">
        <v>0</v>
      </c>
      <c r="L38" s="160">
        <v>413302</v>
      </c>
      <c r="M38" s="106">
        <v>626071</v>
      </c>
      <c r="N38" s="100">
        <v>86475</v>
      </c>
      <c r="O38" s="104">
        <v>39906</v>
      </c>
      <c r="P38" s="103">
        <v>126381</v>
      </c>
      <c r="Q38" s="100">
        <v>0</v>
      </c>
      <c r="R38" s="104">
        <v>54085</v>
      </c>
      <c r="S38" s="104">
        <v>9600</v>
      </c>
      <c r="T38" s="104">
        <v>77644</v>
      </c>
      <c r="U38" s="104">
        <v>0</v>
      </c>
      <c r="V38" s="104">
        <v>0</v>
      </c>
      <c r="W38" s="103">
        <v>141329</v>
      </c>
      <c r="X38" s="106">
        <v>267710</v>
      </c>
      <c r="Y38" s="100">
        <v>0</v>
      </c>
      <c r="Z38" s="104">
        <v>0</v>
      </c>
      <c r="AA38" s="103">
        <v>0</v>
      </c>
      <c r="AB38" s="100">
        <v>0</v>
      </c>
      <c r="AC38" s="104">
        <v>19937</v>
      </c>
      <c r="AD38" s="104">
        <v>0</v>
      </c>
      <c r="AE38" s="104">
        <v>15167</v>
      </c>
      <c r="AF38" s="104">
        <v>0</v>
      </c>
      <c r="AG38" s="104">
        <v>0</v>
      </c>
      <c r="AH38" s="103">
        <v>35104</v>
      </c>
      <c r="AI38" s="106">
        <v>35104</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21108</v>
      </c>
      <c r="AZ38" s="104">
        <v>0</v>
      </c>
      <c r="BA38" s="104">
        <v>19072</v>
      </c>
      <c r="BB38" s="104">
        <v>0</v>
      </c>
      <c r="BC38" s="104">
        <v>0</v>
      </c>
      <c r="BD38" s="103">
        <v>40180</v>
      </c>
      <c r="BE38" s="106">
        <v>40180</v>
      </c>
      <c r="BF38" s="100">
        <v>86475</v>
      </c>
      <c r="BG38" s="104">
        <v>39906</v>
      </c>
      <c r="BH38" s="102">
        <v>126381</v>
      </c>
      <c r="BI38" s="101">
        <v>0</v>
      </c>
      <c r="BJ38" s="104">
        <v>0</v>
      </c>
      <c r="BK38" s="104">
        <v>0</v>
      </c>
      <c r="BL38" s="104">
        <v>30557</v>
      </c>
      <c r="BM38" s="104">
        <v>0</v>
      </c>
      <c r="BN38" s="104">
        <v>0</v>
      </c>
      <c r="BO38" s="103">
        <v>30557</v>
      </c>
      <c r="BP38" s="106">
        <v>156938</v>
      </c>
      <c r="BQ38" s="100">
        <v>0</v>
      </c>
      <c r="BR38" s="104">
        <v>0</v>
      </c>
      <c r="BS38" s="103">
        <v>0</v>
      </c>
      <c r="BT38" s="100">
        <v>0</v>
      </c>
      <c r="BU38" s="104">
        <v>13040</v>
      </c>
      <c r="BV38" s="104">
        <v>9600</v>
      </c>
      <c r="BW38" s="104">
        <v>12848</v>
      </c>
      <c r="BX38" s="104">
        <v>0</v>
      </c>
      <c r="BY38" s="104">
        <v>0</v>
      </c>
      <c r="BZ38" s="103">
        <v>35488</v>
      </c>
      <c r="CA38" s="106">
        <v>35488</v>
      </c>
      <c r="CB38" s="100">
        <v>0</v>
      </c>
      <c r="CC38" s="104">
        <v>36660</v>
      </c>
      <c r="CD38" s="103">
        <v>36660</v>
      </c>
      <c r="CE38" s="100">
        <v>0</v>
      </c>
      <c r="CF38" s="104">
        <v>12545</v>
      </c>
      <c r="CG38" s="104">
        <v>29511</v>
      </c>
      <c r="CH38" s="104">
        <v>0</v>
      </c>
      <c r="CI38" s="104">
        <v>0</v>
      </c>
      <c r="CJ38" s="104">
        <v>0</v>
      </c>
      <c r="CK38" s="103">
        <v>42056</v>
      </c>
      <c r="CL38" s="106">
        <v>78716</v>
      </c>
      <c r="CM38" s="100">
        <v>0</v>
      </c>
      <c r="CN38" s="104">
        <v>0</v>
      </c>
      <c r="CO38" s="103">
        <v>0</v>
      </c>
      <c r="CP38" s="101">
        <v>0</v>
      </c>
      <c r="CQ38" s="104">
        <v>0</v>
      </c>
      <c r="CR38" s="104">
        <v>29511</v>
      </c>
      <c r="CS38" s="104">
        <v>0</v>
      </c>
      <c r="CT38" s="104">
        <v>0</v>
      </c>
      <c r="CU38" s="104">
        <v>0</v>
      </c>
      <c r="CV38" s="103">
        <v>29511</v>
      </c>
      <c r="CW38" s="106">
        <v>29511</v>
      </c>
      <c r="CX38" s="100">
        <v>0</v>
      </c>
      <c r="CY38" s="104">
        <v>36660</v>
      </c>
      <c r="CZ38" s="103">
        <v>36660</v>
      </c>
      <c r="DA38" s="100">
        <v>0</v>
      </c>
      <c r="DB38" s="104">
        <v>12545</v>
      </c>
      <c r="DC38" s="104">
        <v>0</v>
      </c>
      <c r="DD38" s="104">
        <v>0</v>
      </c>
      <c r="DE38" s="104">
        <v>0</v>
      </c>
      <c r="DF38" s="104">
        <v>0</v>
      </c>
      <c r="DG38" s="103">
        <v>12545</v>
      </c>
      <c r="DH38" s="106">
        <v>49205</v>
      </c>
      <c r="DI38" s="100">
        <v>0</v>
      </c>
      <c r="DJ38" s="104">
        <v>0</v>
      </c>
      <c r="DK38" s="102">
        <v>0</v>
      </c>
      <c r="DL38" s="101">
        <v>0</v>
      </c>
      <c r="DM38" s="104">
        <v>0</v>
      </c>
      <c r="DN38" s="104">
        <v>0</v>
      </c>
      <c r="DO38" s="104">
        <v>0</v>
      </c>
      <c r="DP38" s="104">
        <v>0</v>
      </c>
      <c r="DQ38" s="104">
        <v>0</v>
      </c>
      <c r="DR38" s="103">
        <v>0</v>
      </c>
      <c r="DS38" s="106">
        <v>0</v>
      </c>
      <c r="DT38" s="100">
        <v>0</v>
      </c>
      <c r="DU38" s="104">
        <v>0</v>
      </c>
      <c r="DV38" s="103">
        <v>0</v>
      </c>
      <c r="DW38" s="100">
        <v>0</v>
      </c>
      <c r="DX38" s="104">
        <v>0</v>
      </c>
      <c r="DY38" s="104">
        <v>0</v>
      </c>
      <c r="DZ38" s="104">
        <v>0</v>
      </c>
      <c r="EA38" s="104">
        <v>0</v>
      </c>
      <c r="EB38" s="104">
        <v>0</v>
      </c>
      <c r="EC38" s="103">
        <v>0</v>
      </c>
      <c r="ED38" s="106">
        <v>0</v>
      </c>
      <c r="EE38" s="100">
        <v>0</v>
      </c>
      <c r="EF38" s="102">
        <v>0</v>
      </c>
      <c r="EG38" s="103">
        <v>0</v>
      </c>
      <c r="EH38" s="100">
        <v>0</v>
      </c>
      <c r="EI38" s="104">
        <v>0</v>
      </c>
      <c r="EJ38" s="104">
        <v>0</v>
      </c>
      <c r="EK38" s="104">
        <v>0</v>
      </c>
      <c r="EL38" s="104">
        <v>0</v>
      </c>
      <c r="EM38" s="104">
        <v>0</v>
      </c>
      <c r="EN38" s="102">
        <v>0</v>
      </c>
      <c r="EO38" s="106">
        <v>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36800</v>
      </c>
      <c r="FM38" s="104">
        <v>6400</v>
      </c>
      <c r="FN38" s="103">
        <v>43200</v>
      </c>
      <c r="FO38" s="100">
        <v>0</v>
      </c>
      <c r="FP38" s="104">
        <v>40000</v>
      </c>
      <c r="FQ38" s="104">
        <v>0</v>
      </c>
      <c r="FR38" s="104">
        <v>16080</v>
      </c>
      <c r="FS38" s="104">
        <v>0</v>
      </c>
      <c r="FT38" s="104">
        <v>0</v>
      </c>
      <c r="FU38" s="103">
        <v>56080</v>
      </c>
      <c r="FV38" s="106">
        <v>99280</v>
      </c>
      <c r="FW38" s="105">
        <v>7200</v>
      </c>
      <c r="FX38" s="104">
        <v>6400</v>
      </c>
      <c r="FY38" s="102">
        <v>13600</v>
      </c>
      <c r="FZ38" s="101">
        <v>0</v>
      </c>
      <c r="GA38" s="104">
        <v>40000</v>
      </c>
      <c r="GB38" s="104">
        <v>0</v>
      </c>
      <c r="GC38" s="104">
        <v>16080</v>
      </c>
      <c r="GD38" s="104">
        <v>0</v>
      </c>
      <c r="GE38" s="104">
        <v>0</v>
      </c>
      <c r="GF38" s="103">
        <v>56080</v>
      </c>
      <c r="GG38" s="296">
        <v>69680</v>
      </c>
      <c r="GH38" s="105">
        <v>29600</v>
      </c>
      <c r="GI38" s="104">
        <v>0</v>
      </c>
      <c r="GJ38" s="102">
        <v>29600</v>
      </c>
      <c r="GK38" s="101">
        <v>0</v>
      </c>
      <c r="GL38" s="104">
        <v>0</v>
      </c>
      <c r="GM38" s="104">
        <v>0</v>
      </c>
      <c r="GN38" s="104">
        <v>0</v>
      </c>
      <c r="GO38" s="104">
        <v>0</v>
      </c>
      <c r="GP38" s="104">
        <v>0</v>
      </c>
      <c r="GQ38" s="103">
        <v>0</v>
      </c>
      <c r="GR38" s="106">
        <v>29600</v>
      </c>
      <c r="GS38" s="100">
        <v>0</v>
      </c>
      <c r="GT38" s="104">
        <v>0</v>
      </c>
      <c r="GU38" s="103">
        <v>0</v>
      </c>
      <c r="GV38" s="100">
        <v>0</v>
      </c>
      <c r="GW38" s="104">
        <v>0</v>
      </c>
      <c r="GX38" s="104">
        <v>0</v>
      </c>
      <c r="GY38" s="104">
        <v>0</v>
      </c>
      <c r="GZ38" s="104">
        <v>0</v>
      </c>
      <c r="HA38" s="104">
        <v>0</v>
      </c>
      <c r="HB38" s="102">
        <v>0</v>
      </c>
      <c r="HC38" s="106">
        <v>0</v>
      </c>
      <c r="HD38" s="100">
        <v>0</v>
      </c>
      <c r="HE38" s="104">
        <v>6528</v>
      </c>
      <c r="HF38" s="102">
        <v>6528</v>
      </c>
      <c r="HG38" s="101">
        <v>0</v>
      </c>
      <c r="HH38" s="104">
        <v>0</v>
      </c>
      <c r="HI38" s="104">
        <v>173837</v>
      </c>
      <c r="HJ38" s="104">
        <v>0</v>
      </c>
      <c r="HK38" s="104">
        <v>0</v>
      </c>
      <c r="HL38" s="104">
        <v>0</v>
      </c>
      <c r="HM38" s="103">
        <v>173837</v>
      </c>
      <c r="HN38" s="99">
        <v>180365</v>
      </c>
      <c r="HO38" s="306"/>
      <c r="HP38" s="307"/>
      <c r="HQ38" s="308"/>
      <c r="HR38" s="309"/>
      <c r="HS38" s="307"/>
      <c r="HT38" s="307"/>
      <c r="HU38" s="307"/>
      <c r="HV38" s="307"/>
      <c r="HW38" s="307"/>
      <c r="HX38" s="310"/>
      <c r="HY38" s="311"/>
      <c r="HZ38" s="137">
        <v>0</v>
      </c>
      <c r="IA38" s="122">
        <v>0</v>
      </c>
      <c r="IB38" s="137">
        <v>0</v>
      </c>
      <c r="IC38" s="133">
        <v>0</v>
      </c>
      <c r="ID38" s="119">
        <v>184327</v>
      </c>
      <c r="IE38" s="134">
        <v>0</v>
      </c>
      <c r="IF38" s="120">
        <v>231973</v>
      </c>
      <c r="IG38" s="119">
        <v>0</v>
      </c>
      <c r="IH38" s="120">
        <v>0</v>
      </c>
      <c r="II38" s="135">
        <v>416300</v>
      </c>
      <c r="IJ38" s="137">
        <v>416300</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41516</v>
      </c>
      <c r="JL38" s="109">
        <v>0</v>
      </c>
      <c r="JM38" s="109">
        <v>0</v>
      </c>
      <c r="JN38" s="109">
        <v>0</v>
      </c>
      <c r="JO38" s="109">
        <v>0</v>
      </c>
      <c r="JP38" s="110">
        <v>41516</v>
      </c>
      <c r="JQ38" s="298">
        <v>41516</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0</v>
      </c>
      <c r="KU38" s="109">
        <v>0</v>
      </c>
      <c r="KV38" s="109">
        <v>0</v>
      </c>
      <c r="KW38" s="110">
        <v>0</v>
      </c>
      <c r="KX38" s="298">
        <v>0</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142811</v>
      </c>
      <c r="LZ38" s="109">
        <v>0</v>
      </c>
      <c r="MA38" s="109">
        <v>231973</v>
      </c>
      <c r="MB38" s="109">
        <v>0</v>
      </c>
      <c r="MC38" s="109">
        <v>0</v>
      </c>
      <c r="MD38" s="110">
        <v>374784</v>
      </c>
      <c r="ME38" s="111">
        <v>374784</v>
      </c>
      <c r="MF38" s="129">
        <v>0</v>
      </c>
      <c r="MG38" s="109">
        <v>0</v>
      </c>
      <c r="MH38" s="110">
        <v>0</v>
      </c>
      <c r="MI38" s="132"/>
      <c r="MJ38" s="109">
        <v>0</v>
      </c>
      <c r="MK38" s="109">
        <v>218081</v>
      </c>
      <c r="ML38" s="109">
        <v>0</v>
      </c>
      <c r="MM38" s="109">
        <v>0</v>
      </c>
      <c r="MN38" s="109">
        <v>238804</v>
      </c>
      <c r="MO38" s="110">
        <v>456885</v>
      </c>
      <c r="MP38" s="130">
        <v>456885</v>
      </c>
      <c r="MQ38" s="129">
        <v>0</v>
      </c>
      <c r="MR38" s="109">
        <v>0</v>
      </c>
      <c r="MS38" s="110">
        <v>0</v>
      </c>
      <c r="MT38" s="132"/>
      <c r="MU38" s="109">
        <v>0</v>
      </c>
      <c r="MV38" s="109">
        <v>0</v>
      </c>
      <c r="MW38" s="109">
        <v>0</v>
      </c>
      <c r="MX38" s="109">
        <v>0</v>
      </c>
      <c r="MY38" s="109">
        <v>0</v>
      </c>
      <c r="MZ38" s="110">
        <v>0</v>
      </c>
      <c r="NA38" s="130">
        <v>0</v>
      </c>
      <c r="NB38" s="129">
        <v>0</v>
      </c>
      <c r="NC38" s="109">
        <v>0</v>
      </c>
      <c r="ND38" s="110">
        <v>0</v>
      </c>
      <c r="NE38" s="132"/>
      <c r="NF38" s="109">
        <v>0</v>
      </c>
      <c r="NG38" s="109">
        <v>0</v>
      </c>
      <c r="NH38" s="109">
        <v>0</v>
      </c>
      <c r="NI38" s="109">
        <v>0</v>
      </c>
      <c r="NJ38" s="109">
        <v>0</v>
      </c>
      <c r="NK38" s="110">
        <v>0</v>
      </c>
      <c r="NL38" s="298">
        <v>0</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0</v>
      </c>
      <c r="OC38" s="109">
        <v>218081</v>
      </c>
      <c r="OD38" s="109">
        <v>0</v>
      </c>
      <c r="OE38" s="109">
        <v>0</v>
      </c>
      <c r="OF38" s="109">
        <v>238804</v>
      </c>
      <c r="OG38" s="110">
        <v>456885</v>
      </c>
      <c r="OH38" s="111">
        <v>456885</v>
      </c>
      <c r="OI38" s="129">
        <v>123275</v>
      </c>
      <c r="OJ38" s="109">
        <v>89494</v>
      </c>
      <c r="OK38" s="128">
        <v>212769</v>
      </c>
      <c r="OL38" s="108">
        <v>0</v>
      </c>
      <c r="OM38" s="109">
        <v>290957</v>
      </c>
      <c r="ON38" s="109">
        <v>431029</v>
      </c>
      <c r="OO38" s="109">
        <v>325697</v>
      </c>
      <c r="OP38" s="109">
        <v>0</v>
      </c>
      <c r="OQ38" s="109">
        <v>238804</v>
      </c>
      <c r="OR38" s="110">
        <v>1286487</v>
      </c>
      <c r="OS38" s="130">
        <v>1499256</v>
      </c>
    </row>
    <row r="39" spans="2:409" ht="21" customHeight="1" x14ac:dyDescent="0.2">
      <c r="B39" s="472" t="s">
        <v>34</v>
      </c>
      <c r="C39" s="100">
        <v>0</v>
      </c>
      <c r="D39" s="104">
        <v>47680</v>
      </c>
      <c r="E39" s="161">
        <v>47680</v>
      </c>
      <c r="F39" s="162">
        <v>0</v>
      </c>
      <c r="G39" s="163">
        <v>74904</v>
      </c>
      <c r="H39" s="163">
        <v>532396</v>
      </c>
      <c r="I39" s="163">
        <v>7200</v>
      </c>
      <c r="J39" s="163">
        <v>120192</v>
      </c>
      <c r="K39" s="163">
        <v>498336</v>
      </c>
      <c r="L39" s="164">
        <v>1233028</v>
      </c>
      <c r="M39" s="106">
        <v>1280708</v>
      </c>
      <c r="N39" s="100">
        <v>0</v>
      </c>
      <c r="O39" s="104">
        <v>0</v>
      </c>
      <c r="P39" s="103">
        <v>0</v>
      </c>
      <c r="Q39" s="100">
        <v>0</v>
      </c>
      <c r="R39" s="104">
        <v>65704</v>
      </c>
      <c r="S39" s="104">
        <v>126228</v>
      </c>
      <c r="T39" s="104">
        <v>0</v>
      </c>
      <c r="U39" s="104">
        <v>75888</v>
      </c>
      <c r="V39" s="104">
        <v>38664</v>
      </c>
      <c r="W39" s="103">
        <v>306484</v>
      </c>
      <c r="X39" s="106">
        <v>306484</v>
      </c>
      <c r="Y39" s="100">
        <v>0</v>
      </c>
      <c r="Z39" s="104">
        <v>0</v>
      </c>
      <c r="AA39" s="103">
        <v>0</v>
      </c>
      <c r="AB39" s="100">
        <v>0</v>
      </c>
      <c r="AC39" s="104">
        <v>0</v>
      </c>
      <c r="AD39" s="104">
        <v>0</v>
      </c>
      <c r="AE39" s="104">
        <v>0</v>
      </c>
      <c r="AF39" s="104">
        <v>0</v>
      </c>
      <c r="AG39" s="104">
        <v>0</v>
      </c>
      <c r="AH39" s="103">
        <v>0</v>
      </c>
      <c r="AI39" s="106">
        <v>0</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65704</v>
      </c>
      <c r="AZ39" s="104">
        <v>57396</v>
      </c>
      <c r="BA39" s="104">
        <v>0</v>
      </c>
      <c r="BB39" s="104">
        <v>75888</v>
      </c>
      <c r="BC39" s="104">
        <v>0</v>
      </c>
      <c r="BD39" s="103">
        <v>198988</v>
      </c>
      <c r="BE39" s="106">
        <v>198988</v>
      </c>
      <c r="BF39" s="100">
        <v>0</v>
      </c>
      <c r="BG39" s="104">
        <v>0</v>
      </c>
      <c r="BH39" s="102">
        <v>0</v>
      </c>
      <c r="BI39" s="101">
        <v>0</v>
      </c>
      <c r="BJ39" s="104">
        <v>0</v>
      </c>
      <c r="BK39" s="104">
        <v>31488</v>
      </c>
      <c r="BL39" s="104">
        <v>0</v>
      </c>
      <c r="BM39" s="104">
        <v>0</v>
      </c>
      <c r="BN39" s="104">
        <v>0</v>
      </c>
      <c r="BO39" s="103">
        <v>31488</v>
      </c>
      <c r="BP39" s="106">
        <v>31488</v>
      </c>
      <c r="BQ39" s="100">
        <v>0</v>
      </c>
      <c r="BR39" s="104">
        <v>0</v>
      </c>
      <c r="BS39" s="103">
        <v>0</v>
      </c>
      <c r="BT39" s="100">
        <v>0</v>
      </c>
      <c r="BU39" s="104">
        <v>0</v>
      </c>
      <c r="BV39" s="104">
        <v>37344</v>
      </c>
      <c r="BW39" s="104">
        <v>0</v>
      </c>
      <c r="BX39" s="104">
        <v>0</v>
      </c>
      <c r="BY39" s="104">
        <v>38664</v>
      </c>
      <c r="BZ39" s="103">
        <v>76008</v>
      </c>
      <c r="CA39" s="106">
        <v>76008</v>
      </c>
      <c r="CB39" s="100">
        <v>0</v>
      </c>
      <c r="CC39" s="104">
        <v>0</v>
      </c>
      <c r="CD39" s="103">
        <v>0</v>
      </c>
      <c r="CE39" s="100">
        <v>0</v>
      </c>
      <c r="CF39" s="104">
        <v>0</v>
      </c>
      <c r="CG39" s="104">
        <v>15456</v>
      </c>
      <c r="CH39" s="104">
        <v>0</v>
      </c>
      <c r="CI39" s="104">
        <v>26544</v>
      </c>
      <c r="CJ39" s="104">
        <v>0</v>
      </c>
      <c r="CK39" s="103">
        <v>42000</v>
      </c>
      <c r="CL39" s="106">
        <v>42000</v>
      </c>
      <c r="CM39" s="100">
        <v>0</v>
      </c>
      <c r="CN39" s="104">
        <v>0</v>
      </c>
      <c r="CO39" s="103">
        <v>0</v>
      </c>
      <c r="CP39" s="101">
        <v>0</v>
      </c>
      <c r="CQ39" s="104">
        <v>0</v>
      </c>
      <c r="CR39" s="104">
        <v>15456</v>
      </c>
      <c r="CS39" s="104">
        <v>0</v>
      </c>
      <c r="CT39" s="104">
        <v>26544</v>
      </c>
      <c r="CU39" s="104">
        <v>0</v>
      </c>
      <c r="CV39" s="103">
        <v>42000</v>
      </c>
      <c r="CW39" s="106">
        <v>42000</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0</v>
      </c>
      <c r="FM39" s="104">
        <v>47680</v>
      </c>
      <c r="FN39" s="103">
        <v>47680</v>
      </c>
      <c r="FO39" s="100">
        <v>0</v>
      </c>
      <c r="FP39" s="104">
        <v>9200</v>
      </c>
      <c r="FQ39" s="104">
        <v>61696</v>
      </c>
      <c r="FR39" s="104">
        <v>7200</v>
      </c>
      <c r="FS39" s="104">
        <v>17760</v>
      </c>
      <c r="FT39" s="104">
        <v>0</v>
      </c>
      <c r="FU39" s="103">
        <v>95856</v>
      </c>
      <c r="FV39" s="106">
        <v>143536</v>
      </c>
      <c r="FW39" s="105">
        <v>0</v>
      </c>
      <c r="FX39" s="104">
        <v>19520</v>
      </c>
      <c r="FY39" s="102">
        <v>19520</v>
      </c>
      <c r="FZ39" s="101">
        <v>0</v>
      </c>
      <c r="GA39" s="104">
        <v>9200</v>
      </c>
      <c r="GB39" s="104">
        <v>61696</v>
      </c>
      <c r="GC39" s="104">
        <v>7200</v>
      </c>
      <c r="GD39" s="104">
        <v>17760</v>
      </c>
      <c r="GE39" s="104">
        <v>0</v>
      </c>
      <c r="GF39" s="103">
        <v>95856</v>
      </c>
      <c r="GG39" s="296">
        <v>115376</v>
      </c>
      <c r="GH39" s="105">
        <v>0</v>
      </c>
      <c r="GI39" s="104">
        <v>28160</v>
      </c>
      <c r="GJ39" s="102">
        <v>28160</v>
      </c>
      <c r="GK39" s="101">
        <v>0</v>
      </c>
      <c r="GL39" s="104">
        <v>0</v>
      </c>
      <c r="GM39" s="104">
        <v>0</v>
      </c>
      <c r="GN39" s="104">
        <v>0</v>
      </c>
      <c r="GO39" s="104">
        <v>0</v>
      </c>
      <c r="GP39" s="104">
        <v>0</v>
      </c>
      <c r="GQ39" s="103">
        <v>0</v>
      </c>
      <c r="GR39" s="106">
        <v>2816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329016</v>
      </c>
      <c r="HJ39" s="104">
        <v>0</v>
      </c>
      <c r="HK39" s="104">
        <v>0</v>
      </c>
      <c r="HL39" s="104">
        <v>459672</v>
      </c>
      <c r="HM39" s="103">
        <v>788688</v>
      </c>
      <c r="HN39" s="99">
        <v>788688</v>
      </c>
      <c r="HO39" s="306"/>
      <c r="HP39" s="307"/>
      <c r="HQ39" s="308"/>
      <c r="HR39" s="309"/>
      <c r="HS39" s="307"/>
      <c r="HT39" s="307"/>
      <c r="HU39" s="307"/>
      <c r="HV39" s="307"/>
      <c r="HW39" s="307"/>
      <c r="HX39" s="310"/>
      <c r="HY39" s="311"/>
      <c r="HZ39" s="118">
        <v>0</v>
      </c>
      <c r="IA39" s="119">
        <v>0</v>
      </c>
      <c r="IB39" s="120">
        <v>0</v>
      </c>
      <c r="IC39" s="133">
        <v>0</v>
      </c>
      <c r="ID39" s="119">
        <v>83288</v>
      </c>
      <c r="IE39" s="134">
        <v>290304</v>
      </c>
      <c r="IF39" s="120">
        <v>684664</v>
      </c>
      <c r="IG39" s="119">
        <v>0</v>
      </c>
      <c r="IH39" s="120">
        <v>0</v>
      </c>
      <c r="II39" s="135">
        <v>1058256</v>
      </c>
      <c r="IJ39" s="126">
        <v>1058256</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83288</v>
      </c>
      <c r="JL39" s="109">
        <v>126376</v>
      </c>
      <c r="JM39" s="109">
        <v>0</v>
      </c>
      <c r="JN39" s="109">
        <v>0</v>
      </c>
      <c r="JO39" s="109">
        <v>0</v>
      </c>
      <c r="JP39" s="110">
        <v>209664</v>
      </c>
      <c r="JQ39" s="298">
        <v>209664</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0</v>
      </c>
      <c r="KH39" s="109">
        <v>163928</v>
      </c>
      <c r="KI39" s="109">
        <v>439424</v>
      </c>
      <c r="KJ39" s="109">
        <v>0</v>
      </c>
      <c r="KK39" s="109">
        <v>0</v>
      </c>
      <c r="KL39" s="110">
        <v>603352</v>
      </c>
      <c r="KM39" s="130">
        <v>603352</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0</v>
      </c>
      <c r="LZ39" s="109">
        <v>0</v>
      </c>
      <c r="MA39" s="109">
        <v>245240</v>
      </c>
      <c r="MB39" s="109">
        <v>0</v>
      </c>
      <c r="MC39" s="109">
        <v>0</v>
      </c>
      <c r="MD39" s="110">
        <v>245240</v>
      </c>
      <c r="ME39" s="111">
        <v>245240</v>
      </c>
      <c r="MF39" s="129">
        <v>0</v>
      </c>
      <c r="MG39" s="109">
        <v>0</v>
      </c>
      <c r="MH39" s="110">
        <v>0</v>
      </c>
      <c r="MI39" s="132"/>
      <c r="MJ39" s="109">
        <v>0</v>
      </c>
      <c r="MK39" s="109">
        <v>0</v>
      </c>
      <c r="ML39" s="109">
        <v>454032</v>
      </c>
      <c r="MM39" s="109">
        <v>0</v>
      </c>
      <c r="MN39" s="109">
        <v>0</v>
      </c>
      <c r="MO39" s="110">
        <v>454032</v>
      </c>
      <c r="MP39" s="130">
        <v>454032</v>
      </c>
      <c r="MQ39" s="129">
        <v>0</v>
      </c>
      <c r="MR39" s="109">
        <v>0</v>
      </c>
      <c r="MS39" s="110">
        <v>0</v>
      </c>
      <c r="MT39" s="132"/>
      <c r="MU39" s="109">
        <v>0</v>
      </c>
      <c r="MV39" s="109">
        <v>0</v>
      </c>
      <c r="MW39" s="109">
        <v>211696</v>
      </c>
      <c r="MX39" s="109">
        <v>0</v>
      </c>
      <c r="MY39" s="109">
        <v>0</v>
      </c>
      <c r="MZ39" s="110">
        <v>211696</v>
      </c>
      <c r="NA39" s="130">
        <v>211696</v>
      </c>
      <c r="NB39" s="129">
        <v>0</v>
      </c>
      <c r="NC39" s="109">
        <v>0</v>
      </c>
      <c r="ND39" s="110">
        <v>0</v>
      </c>
      <c r="NE39" s="132"/>
      <c r="NF39" s="109">
        <v>0</v>
      </c>
      <c r="NG39" s="109">
        <v>0</v>
      </c>
      <c r="NH39" s="109">
        <v>242336</v>
      </c>
      <c r="NI39" s="109">
        <v>0</v>
      </c>
      <c r="NJ39" s="109">
        <v>0</v>
      </c>
      <c r="NK39" s="110">
        <v>242336</v>
      </c>
      <c r="NL39" s="298">
        <v>242336</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0</v>
      </c>
      <c r="OJ39" s="109">
        <v>47680</v>
      </c>
      <c r="OK39" s="128">
        <v>47680</v>
      </c>
      <c r="OL39" s="108">
        <v>0</v>
      </c>
      <c r="OM39" s="109">
        <v>158192</v>
      </c>
      <c r="ON39" s="109">
        <v>822700</v>
      </c>
      <c r="OO39" s="109">
        <v>1145896</v>
      </c>
      <c r="OP39" s="109">
        <v>120192</v>
      </c>
      <c r="OQ39" s="109">
        <v>498336</v>
      </c>
      <c r="OR39" s="110">
        <v>2745316</v>
      </c>
      <c r="OS39" s="130">
        <v>2792996</v>
      </c>
    </row>
    <row r="40" spans="2:409" ht="21" customHeight="1" x14ac:dyDescent="0.2">
      <c r="B40" s="472" t="s">
        <v>35</v>
      </c>
      <c r="C40" s="100">
        <v>168536</v>
      </c>
      <c r="D40" s="104">
        <v>157015</v>
      </c>
      <c r="E40" s="103">
        <v>325551</v>
      </c>
      <c r="F40" s="99">
        <v>0</v>
      </c>
      <c r="G40" s="104">
        <v>1851987</v>
      </c>
      <c r="H40" s="104">
        <v>319589</v>
      </c>
      <c r="I40" s="104">
        <v>546123</v>
      </c>
      <c r="J40" s="104">
        <v>627304</v>
      </c>
      <c r="K40" s="104">
        <v>596779</v>
      </c>
      <c r="L40" s="160">
        <v>3941782</v>
      </c>
      <c r="M40" s="106">
        <v>4267333</v>
      </c>
      <c r="N40" s="100">
        <v>35952</v>
      </c>
      <c r="O40" s="104">
        <v>29632</v>
      </c>
      <c r="P40" s="103">
        <v>65584</v>
      </c>
      <c r="Q40" s="100">
        <v>0</v>
      </c>
      <c r="R40" s="104">
        <v>381547</v>
      </c>
      <c r="S40" s="104">
        <v>34608</v>
      </c>
      <c r="T40" s="104">
        <v>136673</v>
      </c>
      <c r="U40" s="104">
        <v>280680</v>
      </c>
      <c r="V40" s="104">
        <v>350399</v>
      </c>
      <c r="W40" s="103">
        <v>1183907</v>
      </c>
      <c r="X40" s="106">
        <v>1249491</v>
      </c>
      <c r="Y40" s="100">
        <v>0</v>
      </c>
      <c r="Z40" s="104">
        <v>0</v>
      </c>
      <c r="AA40" s="103">
        <v>0</v>
      </c>
      <c r="AB40" s="100">
        <v>0</v>
      </c>
      <c r="AC40" s="104">
        <v>190203</v>
      </c>
      <c r="AD40" s="104">
        <v>0</v>
      </c>
      <c r="AE40" s="104">
        <v>69761</v>
      </c>
      <c r="AF40" s="104">
        <v>137184</v>
      </c>
      <c r="AG40" s="104">
        <v>211791</v>
      </c>
      <c r="AH40" s="103">
        <v>608939</v>
      </c>
      <c r="AI40" s="106">
        <v>608939</v>
      </c>
      <c r="AJ40" s="100">
        <v>0</v>
      </c>
      <c r="AK40" s="104">
        <v>0</v>
      </c>
      <c r="AL40" s="103">
        <v>0</v>
      </c>
      <c r="AM40" s="100">
        <v>0</v>
      </c>
      <c r="AN40" s="104">
        <v>0</v>
      </c>
      <c r="AO40" s="104">
        <v>0</v>
      </c>
      <c r="AP40" s="104">
        <v>0</v>
      </c>
      <c r="AQ40" s="104">
        <v>98344</v>
      </c>
      <c r="AR40" s="104">
        <v>101240</v>
      </c>
      <c r="AS40" s="103">
        <v>199584</v>
      </c>
      <c r="AT40" s="106">
        <v>199584</v>
      </c>
      <c r="AU40" s="100">
        <v>0</v>
      </c>
      <c r="AV40" s="104">
        <v>0</v>
      </c>
      <c r="AW40" s="103">
        <v>0</v>
      </c>
      <c r="AX40" s="100">
        <v>0</v>
      </c>
      <c r="AY40" s="104">
        <v>26272</v>
      </c>
      <c r="AZ40" s="104">
        <v>0</v>
      </c>
      <c r="BA40" s="104">
        <v>28224</v>
      </c>
      <c r="BB40" s="104">
        <v>0</v>
      </c>
      <c r="BC40" s="104">
        <v>0</v>
      </c>
      <c r="BD40" s="103">
        <v>54496</v>
      </c>
      <c r="BE40" s="106">
        <v>54496</v>
      </c>
      <c r="BF40" s="100">
        <v>25040</v>
      </c>
      <c r="BG40" s="104">
        <v>20032</v>
      </c>
      <c r="BH40" s="102">
        <v>45072</v>
      </c>
      <c r="BI40" s="101">
        <v>0</v>
      </c>
      <c r="BJ40" s="104">
        <v>29760</v>
      </c>
      <c r="BK40" s="104">
        <v>0</v>
      </c>
      <c r="BL40" s="104">
        <v>0</v>
      </c>
      <c r="BM40" s="104">
        <v>0</v>
      </c>
      <c r="BN40" s="104">
        <v>0</v>
      </c>
      <c r="BO40" s="103">
        <v>29760</v>
      </c>
      <c r="BP40" s="106">
        <v>74832</v>
      </c>
      <c r="BQ40" s="100">
        <v>10912</v>
      </c>
      <c r="BR40" s="104">
        <v>9600</v>
      </c>
      <c r="BS40" s="103">
        <v>20512</v>
      </c>
      <c r="BT40" s="100">
        <v>0</v>
      </c>
      <c r="BU40" s="104">
        <v>135312</v>
      </c>
      <c r="BV40" s="104">
        <v>34608</v>
      </c>
      <c r="BW40" s="104">
        <v>38688</v>
      </c>
      <c r="BX40" s="104">
        <v>45152</v>
      </c>
      <c r="BY40" s="104">
        <v>37368</v>
      </c>
      <c r="BZ40" s="103">
        <v>291128</v>
      </c>
      <c r="CA40" s="106">
        <v>311640</v>
      </c>
      <c r="CB40" s="100">
        <v>20728</v>
      </c>
      <c r="CC40" s="104">
        <v>40815</v>
      </c>
      <c r="CD40" s="103">
        <v>61543</v>
      </c>
      <c r="CE40" s="100">
        <v>0</v>
      </c>
      <c r="CF40" s="104">
        <v>418703</v>
      </c>
      <c r="CG40" s="104">
        <v>104856</v>
      </c>
      <c r="CH40" s="104">
        <v>157982</v>
      </c>
      <c r="CI40" s="104">
        <v>108432</v>
      </c>
      <c r="CJ40" s="104">
        <v>0</v>
      </c>
      <c r="CK40" s="103">
        <v>789973</v>
      </c>
      <c r="CL40" s="106">
        <v>851516</v>
      </c>
      <c r="CM40" s="100">
        <v>0</v>
      </c>
      <c r="CN40" s="104">
        <v>0</v>
      </c>
      <c r="CO40" s="103">
        <v>0</v>
      </c>
      <c r="CP40" s="101">
        <v>0</v>
      </c>
      <c r="CQ40" s="104">
        <v>418703</v>
      </c>
      <c r="CR40" s="104">
        <v>104856</v>
      </c>
      <c r="CS40" s="104">
        <v>122822</v>
      </c>
      <c r="CT40" s="104">
        <v>0</v>
      </c>
      <c r="CU40" s="104">
        <v>0</v>
      </c>
      <c r="CV40" s="103">
        <v>646381</v>
      </c>
      <c r="CW40" s="106">
        <v>646381</v>
      </c>
      <c r="CX40" s="100">
        <v>20728</v>
      </c>
      <c r="CY40" s="104">
        <v>40815</v>
      </c>
      <c r="CZ40" s="103">
        <v>61543</v>
      </c>
      <c r="DA40" s="100">
        <v>0</v>
      </c>
      <c r="DB40" s="104">
        <v>0</v>
      </c>
      <c r="DC40" s="104">
        <v>0</v>
      </c>
      <c r="DD40" s="104">
        <v>35160</v>
      </c>
      <c r="DE40" s="104">
        <v>108432</v>
      </c>
      <c r="DF40" s="104">
        <v>0</v>
      </c>
      <c r="DG40" s="103">
        <v>143592</v>
      </c>
      <c r="DH40" s="106">
        <v>205135</v>
      </c>
      <c r="DI40" s="100">
        <v>0</v>
      </c>
      <c r="DJ40" s="104">
        <v>0</v>
      </c>
      <c r="DK40" s="102">
        <v>0</v>
      </c>
      <c r="DL40" s="101">
        <v>0</v>
      </c>
      <c r="DM40" s="104">
        <v>47072</v>
      </c>
      <c r="DN40" s="104">
        <v>0</v>
      </c>
      <c r="DO40" s="104">
        <v>0</v>
      </c>
      <c r="DP40" s="104">
        <v>0</v>
      </c>
      <c r="DQ40" s="104">
        <v>0</v>
      </c>
      <c r="DR40" s="103">
        <v>47072</v>
      </c>
      <c r="DS40" s="106">
        <v>47072</v>
      </c>
      <c r="DT40" s="100">
        <v>0</v>
      </c>
      <c r="DU40" s="104">
        <v>0</v>
      </c>
      <c r="DV40" s="103">
        <v>0</v>
      </c>
      <c r="DW40" s="100">
        <v>0</v>
      </c>
      <c r="DX40" s="104">
        <v>47072</v>
      </c>
      <c r="DY40" s="104">
        <v>0</v>
      </c>
      <c r="DZ40" s="104">
        <v>0</v>
      </c>
      <c r="EA40" s="104">
        <v>0</v>
      </c>
      <c r="EB40" s="104">
        <v>0</v>
      </c>
      <c r="EC40" s="103">
        <v>47072</v>
      </c>
      <c r="ED40" s="106">
        <v>47072</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0</v>
      </c>
      <c r="FM40" s="104">
        <v>2464</v>
      </c>
      <c r="FN40" s="103">
        <v>2464</v>
      </c>
      <c r="FO40" s="100">
        <v>0</v>
      </c>
      <c r="FP40" s="104">
        <v>23904</v>
      </c>
      <c r="FQ40" s="104">
        <v>8880</v>
      </c>
      <c r="FR40" s="104">
        <v>58160</v>
      </c>
      <c r="FS40" s="104">
        <v>37600</v>
      </c>
      <c r="FT40" s="104">
        <v>8800</v>
      </c>
      <c r="FU40" s="103">
        <v>137344</v>
      </c>
      <c r="FV40" s="106">
        <v>139808</v>
      </c>
      <c r="FW40" s="105">
        <v>0</v>
      </c>
      <c r="FX40" s="104">
        <v>2464</v>
      </c>
      <c r="FY40" s="102">
        <v>2464</v>
      </c>
      <c r="FZ40" s="101">
        <v>0</v>
      </c>
      <c r="GA40" s="104">
        <v>23904</v>
      </c>
      <c r="GB40" s="104">
        <v>8880</v>
      </c>
      <c r="GC40" s="104">
        <v>58160</v>
      </c>
      <c r="GD40" s="104">
        <v>37600</v>
      </c>
      <c r="GE40" s="104">
        <v>8800</v>
      </c>
      <c r="GF40" s="103">
        <v>137344</v>
      </c>
      <c r="GG40" s="296">
        <v>139808</v>
      </c>
      <c r="GH40" s="105">
        <v>0</v>
      </c>
      <c r="GI40" s="104">
        <v>0</v>
      </c>
      <c r="GJ40" s="102">
        <v>0</v>
      </c>
      <c r="GK40" s="101">
        <v>0</v>
      </c>
      <c r="GL40" s="104">
        <v>0</v>
      </c>
      <c r="GM40" s="104">
        <v>0</v>
      </c>
      <c r="GN40" s="104">
        <v>0</v>
      </c>
      <c r="GO40" s="104">
        <v>0</v>
      </c>
      <c r="GP40" s="104">
        <v>0</v>
      </c>
      <c r="GQ40" s="103">
        <v>0</v>
      </c>
      <c r="GR40" s="106">
        <v>0</v>
      </c>
      <c r="GS40" s="100">
        <v>0</v>
      </c>
      <c r="GT40" s="104">
        <v>0</v>
      </c>
      <c r="GU40" s="103">
        <v>0</v>
      </c>
      <c r="GV40" s="100">
        <v>0</v>
      </c>
      <c r="GW40" s="104">
        <v>0</v>
      </c>
      <c r="GX40" s="104">
        <v>0</v>
      </c>
      <c r="GY40" s="104">
        <v>0</v>
      </c>
      <c r="GZ40" s="104">
        <v>0</v>
      </c>
      <c r="HA40" s="104">
        <v>0</v>
      </c>
      <c r="HB40" s="102">
        <v>0</v>
      </c>
      <c r="HC40" s="106">
        <v>0</v>
      </c>
      <c r="HD40" s="100">
        <v>111856</v>
      </c>
      <c r="HE40" s="104">
        <v>84104</v>
      </c>
      <c r="HF40" s="102">
        <v>195960</v>
      </c>
      <c r="HG40" s="101">
        <v>0</v>
      </c>
      <c r="HH40" s="104">
        <v>980761</v>
      </c>
      <c r="HI40" s="104">
        <v>171245</v>
      </c>
      <c r="HJ40" s="104">
        <v>193308</v>
      </c>
      <c r="HK40" s="104">
        <v>200592</v>
      </c>
      <c r="HL40" s="104">
        <v>237580</v>
      </c>
      <c r="HM40" s="103">
        <v>1783486</v>
      </c>
      <c r="HN40" s="99">
        <v>1979446</v>
      </c>
      <c r="HO40" s="306"/>
      <c r="HP40" s="307"/>
      <c r="HQ40" s="308"/>
      <c r="HR40" s="309"/>
      <c r="HS40" s="307"/>
      <c r="HT40" s="307"/>
      <c r="HU40" s="307"/>
      <c r="HV40" s="307"/>
      <c r="HW40" s="307"/>
      <c r="HX40" s="310"/>
      <c r="HY40" s="311"/>
      <c r="HZ40" s="137">
        <v>0</v>
      </c>
      <c r="IA40" s="122">
        <v>0</v>
      </c>
      <c r="IB40" s="137">
        <v>0</v>
      </c>
      <c r="IC40" s="133">
        <v>0</v>
      </c>
      <c r="ID40" s="119">
        <v>219648</v>
      </c>
      <c r="IE40" s="134">
        <v>399088</v>
      </c>
      <c r="IF40" s="120">
        <v>23632</v>
      </c>
      <c r="IG40" s="119">
        <v>0</v>
      </c>
      <c r="IH40" s="120">
        <v>0</v>
      </c>
      <c r="II40" s="135">
        <v>642368</v>
      </c>
      <c r="IJ40" s="137">
        <v>642368</v>
      </c>
      <c r="IK40" s="219">
        <v>0</v>
      </c>
      <c r="IL40" s="223">
        <v>0</v>
      </c>
      <c r="IM40" s="224">
        <v>0</v>
      </c>
      <c r="IN40" s="127"/>
      <c r="IO40" s="109">
        <v>0</v>
      </c>
      <c r="IP40" s="109">
        <v>0</v>
      </c>
      <c r="IQ40" s="109">
        <v>-8352</v>
      </c>
      <c r="IR40" s="109">
        <v>0</v>
      </c>
      <c r="IS40" s="109">
        <v>0</v>
      </c>
      <c r="IT40" s="128">
        <v>-8352</v>
      </c>
      <c r="IU40" s="298">
        <v>-8352</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0</v>
      </c>
      <c r="KH40" s="109">
        <v>169720</v>
      </c>
      <c r="KI40" s="109">
        <v>31984</v>
      </c>
      <c r="KJ40" s="109">
        <v>0</v>
      </c>
      <c r="KK40" s="109">
        <v>0</v>
      </c>
      <c r="KL40" s="110">
        <v>201704</v>
      </c>
      <c r="KM40" s="130">
        <v>201704</v>
      </c>
      <c r="KN40" s="219">
        <v>0</v>
      </c>
      <c r="KO40" s="223">
        <v>0</v>
      </c>
      <c r="KP40" s="224">
        <v>0</v>
      </c>
      <c r="KQ40" s="127"/>
      <c r="KR40" s="109">
        <v>219648</v>
      </c>
      <c r="KS40" s="109">
        <v>229368</v>
      </c>
      <c r="KT40" s="109">
        <v>0</v>
      </c>
      <c r="KU40" s="109">
        <v>0</v>
      </c>
      <c r="KV40" s="109">
        <v>0</v>
      </c>
      <c r="KW40" s="110">
        <v>449016</v>
      </c>
      <c r="KX40" s="298">
        <v>449016</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209656</v>
      </c>
      <c r="MK40" s="109">
        <v>0</v>
      </c>
      <c r="ML40" s="109">
        <v>731866</v>
      </c>
      <c r="MM40" s="109">
        <v>256552</v>
      </c>
      <c r="MN40" s="109">
        <v>771008</v>
      </c>
      <c r="MO40" s="110">
        <v>1969082</v>
      </c>
      <c r="MP40" s="130">
        <v>1969082</v>
      </c>
      <c r="MQ40" s="129">
        <v>0</v>
      </c>
      <c r="MR40" s="109">
        <v>0</v>
      </c>
      <c r="MS40" s="110">
        <v>0</v>
      </c>
      <c r="MT40" s="132"/>
      <c r="MU40" s="109">
        <v>0</v>
      </c>
      <c r="MV40" s="109">
        <v>0</v>
      </c>
      <c r="MW40" s="109">
        <v>0</v>
      </c>
      <c r="MX40" s="109">
        <v>256552</v>
      </c>
      <c r="MY40" s="109">
        <v>771008</v>
      </c>
      <c r="MZ40" s="110">
        <v>1027560</v>
      </c>
      <c r="NA40" s="130">
        <v>1027560</v>
      </c>
      <c r="NB40" s="129">
        <v>0</v>
      </c>
      <c r="NC40" s="109">
        <v>0</v>
      </c>
      <c r="ND40" s="110">
        <v>0</v>
      </c>
      <c r="NE40" s="132"/>
      <c r="NF40" s="109">
        <v>209656</v>
      </c>
      <c r="NG40" s="109">
        <v>0</v>
      </c>
      <c r="NH40" s="109">
        <v>731866</v>
      </c>
      <c r="NI40" s="109">
        <v>0</v>
      </c>
      <c r="NJ40" s="109">
        <v>0</v>
      </c>
      <c r="NK40" s="110">
        <v>941522</v>
      </c>
      <c r="NL40" s="298">
        <v>941522</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168536</v>
      </c>
      <c r="OJ40" s="109">
        <v>157015</v>
      </c>
      <c r="OK40" s="128">
        <v>325551</v>
      </c>
      <c r="OL40" s="108">
        <v>0</v>
      </c>
      <c r="OM40" s="109">
        <v>2281291</v>
      </c>
      <c r="ON40" s="109">
        <v>718677</v>
      </c>
      <c r="OO40" s="109">
        <v>1301621</v>
      </c>
      <c r="OP40" s="109">
        <v>883856</v>
      </c>
      <c r="OQ40" s="109">
        <v>1367787</v>
      </c>
      <c r="OR40" s="110">
        <v>6553232</v>
      </c>
      <c r="OS40" s="130">
        <v>6878783</v>
      </c>
    </row>
    <row r="41" spans="2:409" ht="21" customHeight="1" x14ac:dyDescent="0.2">
      <c r="B41" s="472" t="s">
        <v>36</v>
      </c>
      <c r="C41" s="100">
        <v>47995</v>
      </c>
      <c r="D41" s="104">
        <v>73334</v>
      </c>
      <c r="E41" s="103">
        <v>121329</v>
      </c>
      <c r="F41" s="99">
        <v>0</v>
      </c>
      <c r="G41" s="104">
        <v>72880</v>
      </c>
      <c r="H41" s="104">
        <v>386708</v>
      </c>
      <c r="I41" s="104">
        <v>659804</v>
      </c>
      <c r="J41" s="104">
        <v>545512</v>
      </c>
      <c r="K41" s="104">
        <v>474969</v>
      </c>
      <c r="L41" s="160">
        <v>2139873</v>
      </c>
      <c r="M41" s="106">
        <v>2261202</v>
      </c>
      <c r="N41" s="100">
        <v>28677</v>
      </c>
      <c r="O41" s="104">
        <v>36038</v>
      </c>
      <c r="P41" s="103">
        <v>64715</v>
      </c>
      <c r="Q41" s="100">
        <v>0</v>
      </c>
      <c r="R41" s="104">
        <v>51197</v>
      </c>
      <c r="S41" s="104">
        <v>59869</v>
      </c>
      <c r="T41" s="104">
        <v>132394</v>
      </c>
      <c r="U41" s="104">
        <v>408352</v>
      </c>
      <c r="V41" s="104">
        <v>404205</v>
      </c>
      <c r="W41" s="103">
        <v>1056017</v>
      </c>
      <c r="X41" s="106">
        <v>1120732</v>
      </c>
      <c r="Y41" s="100">
        <v>0</v>
      </c>
      <c r="Z41" s="104">
        <v>0</v>
      </c>
      <c r="AA41" s="103">
        <v>0</v>
      </c>
      <c r="AB41" s="100">
        <v>0</v>
      </c>
      <c r="AC41" s="104">
        <v>0</v>
      </c>
      <c r="AD41" s="104">
        <v>0</v>
      </c>
      <c r="AE41" s="104">
        <v>37028</v>
      </c>
      <c r="AF41" s="104">
        <v>289235</v>
      </c>
      <c r="AG41" s="104">
        <v>334532</v>
      </c>
      <c r="AH41" s="103">
        <v>660795</v>
      </c>
      <c r="AI41" s="106">
        <v>660795</v>
      </c>
      <c r="AJ41" s="100">
        <v>0</v>
      </c>
      <c r="AK41" s="104">
        <v>0</v>
      </c>
      <c r="AL41" s="103">
        <v>0</v>
      </c>
      <c r="AM41" s="100">
        <v>0</v>
      </c>
      <c r="AN41" s="104">
        <v>0</v>
      </c>
      <c r="AO41" s="104">
        <v>0</v>
      </c>
      <c r="AP41" s="104">
        <v>0</v>
      </c>
      <c r="AQ41" s="104">
        <v>22465</v>
      </c>
      <c r="AR41" s="104">
        <v>0</v>
      </c>
      <c r="AS41" s="103">
        <v>22465</v>
      </c>
      <c r="AT41" s="106">
        <v>22465</v>
      </c>
      <c r="AU41" s="100">
        <v>24541</v>
      </c>
      <c r="AV41" s="104">
        <v>0</v>
      </c>
      <c r="AW41" s="103">
        <v>24541</v>
      </c>
      <c r="AX41" s="100">
        <v>0</v>
      </c>
      <c r="AY41" s="104">
        <v>46429</v>
      </c>
      <c r="AZ41" s="104">
        <v>0</v>
      </c>
      <c r="BA41" s="104">
        <v>69054</v>
      </c>
      <c r="BB41" s="104">
        <v>66036</v>
      </c>
      <c r="BC41" s="104">
        <v>35369</v>
      </c>
      <c r="BD41" s="103">
        <v>216888</v>
      </c>
      <c r="BE41" s="106">
        <v>241429</v>
      </c>
      <c r="BF41" s="100">
        <v>0</v>
      </c>
      <c r="BG41" s="104">
        <v>36038</v>
      </c>
      <c r="BH41" s="102">
        <v>36038</v>
      </c>
      <c r="BI41" s="101">
        <v>0</v>
      </c>
      <c r="BJ41" s="104">
        <v>0</v>
      </c>
      <c r="BK41" s="104">
        <v>36629</v>
      </c>
      <c r="BL41" s="104">
        <v>0</v>
      </c>
      <c r="BM41" s="104">
        <v>0</v>
      </c>
      <c r="BN41" s="104">
        <v>0</v>
      </c>
      <c r="BO41" s="103">
        <v>36629</v>
      </c>
      <c r="BP41" s="106">
        <v>72667</v>
      </c>
      <c r="BQ41" s="100">
        <v>4136</v>
      </c>
      <c r="BR41" s="104">
        <v>0</v>
      </c>
      <c r="BS41" s="103">
        <v>4136</v>
      </c>
      <c r="BT41" s="100">
        <v>0</v>
      </c>
      <c r="BU41" s="104">
        <v>4768</v>
      </c>
      <c r="BV41" s="104">
        <v>23240</v>
      </c>
      <c r="BW41" s="104">
        <v>26312</v>
      </c>
      <c r="BX41" s="104">
        <v>30616</v>
      </c>
      <c r="BY41" s="104">
        <v>34304</v>
      </c>
      <c r="BZ41" s="103">
        <v>119240</v>
      </c>
      <c r="CA41" s="106">
        <v>123376</v>
      </c>
      <c r="CB41" s="100">
        <v>19318</v>
      </c>
      <c r="CC41" s="104">
        <v>37296</v>
      </c>
      <c r="CD41" s="103">
        <v>56614</v>
      </c>
      <c r="CE41" s="100">
        <v>0</v>
      </c>
      <c r="CF41" s="104">
        <v>-557</v>
      </c>
      <c r="CG41" s="104">
        <v>89865</v>
      </c>
      <c r="CH41" s="104">
        <v>0</v>
      </c>
      <c r="CI41" s="104">
        <v>64008</v>
      </c>
      <c r="CJ41" s="104">
        <v>0</v>
      </c>
      <c r="CK41" s="103">
        <v>153316</v>
      </c>
      <c r="CL41" s="106">
        <v>209930</v>
      </c>
      <c r="CM41" s="100">
        <v>0</v>
      </c>
      <c r="CN41" s="104">
        <v>0</v>
      </c>
      <c r="CO41" s="103">
        <v>0</v>
      </c>
      <c r="CP41" s="101">
        <v>0</v>
      </c>
      <c r="CQ41" s="104">
        <v>-557</v>
      </c>
      <c r="CR41" s="104">
        <v>89865</v>
      </c>
      <c r="CS41" s="104">
        <v>0</v>
      </c>
      <c r="CT41" s="104">
        <v>0</v>
      </c>
      <c r="CU41" s="104">
        <v>0</v>
      </c>
      <c r="CV41" s="103">
        <v>89308</v>
      </c>
      <c r="CW41" s="106">
        <v>89308</v>
      </c>
      <c r="CX41" s="100">
        <v>19318</v>
      </c>
      <c r="CY41" s="104">
        <v>37296</v>
      </c>
      <c r="CZ41" s="103">
        <v>56614</v>
      </c>
      <c r="DA41" s="100">
        <v>0</v>
      </c>
      <c r="DB41" s="104">
        <v>0</v>
      </c>
      <c r="DC41" s="104">
        <v>0</v>
      </c>
      <c r="DD41" s="104">
        <v>0</v>
      </c>
      <c r="DE41" s="104">
        <v>64008</v>
      </c>
      <c r="DF41" s="104">
        <v>0</v>
      </c>
      <c r="DG41" s="103">
        <v>64008</v>
      </c>
      <c r="DH41" s="106">
        <v>120622</v>
      </c>
      <c r="DI41" s="100">
        <v>0</v>
      </c>
      <c r="DJ41" s="104">
        <v>0</v>
      </c>
      <c r="DK41" s="102">
        <v>0</v>
      </c>
      <c r="DL41" s="101">
        <v>0</v>
      </c>
      <c r="DM41" s="104">
        <v>0</v>
      </c>
      <c r="DN41" s="104">
        <v>16483</v>
      </c>
      <c r="DO41" s="104">
        <v>0</v>
      </c>
      <c r="DP41" s="104">
        <v>0</v>
      </c>
      <c r="DQ41" s="104">
        <v>0</v>
      </c>
      <c r="DR41" s="103">
        <v>16483</v>
      </c>
      <c r="DS41" s="106">
        <v>16483</v>
      </c>
      <c r="DT41" s="100">
        <v>0</v>
      </c>
      <c r="DU41" s="104">
        <v>0</v>
      </c>
      <c r="DV41" s="103">
        <v>0</v>
      </c>
      <c r="DW41" s="100">
        <v>0</v>
      </c>
      <c r="DX41" s="104">
        <v>0</v>
      </c>
      <c r="DY41" s="104">
        <v>16483</v>
      </c>
      <c r="DZ41" s="104">
        <v>0</v>
      </c>
      <c r="EA41" s="104">
        <v>0</v>
      </c>
      <c r="EB41" s="104">
        <v>0</v>
      </c>
      <c r="EC41" s="103">
        <v>16483</v>
      </c>
      <c r="ED41" s="106">
        <v>16483</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0</v>
      </c>
      <c r="FM41" s="104">
        <v>0</v>
      </c>
      <c r="FN41" s="103">
        <v>0</v>
      </c>
      <c r="FO41" s="100">
        <v>0</v>
      </c>
      <c r="FP41" s="104">
        <v>22240</v>
      </c>
      <c r="FQ41" s="104">
        <v>50560</v>
      </c>
      <c r="FR41" s="104">
        <v>27600</v>
      </c>
      <c r="FS41" s="104">
        <v>73152</v>
      </c>
      <c r="FT41" s="104">
        <v>9520</v>
      </c>
      <c r="FU41" s="103">
        <v>183072</v>
      </c>
      <c r="FV41" s="106">
        <v>183072</v>
      </c>
      <c r="FW41" s="105">
        <v>0</v>
      </c>
      <c r="FX41" s="104">
        <v>0</v>
      </c>
      <c r="FY41" s="102">
        <v>0</v>
      </c>
      <c r="FZ41" s="101">
        <v>0</v>
      </c>
      <c r="GA41" s="104">
        <v>22240</v>
      </c>
      <c r="GB41" s="104">
        <v>50560</v>
      </c>
      <c r="GC41" s="104">
        <v>27600</v>
      </c>
      <c r="GD41" s="104">
        <v>73152</v>
      </c>
      <c r="GE41" s="104">
        <v>9520</v>
      </c>
      <c r="GF41" s="103">
        <v>183072</v>
      </c>
      <c r="GG41" s="296">
        <v>183072</v>
      </c>
      <c r="GH41" s="105">
        <v>0</v>
      </c>
      <c r="GI41" s="104">
        <v>0</v>
      </c>
      <c r="GJ41" s="102">
        <v>0</v>
      </c>
      <c r="GK41" s="101">
        <v>0</v>
      </c>
      <c r="GL41" s="104">
        <v>0</v>
      </c>
      <c r="GM41" s="104">
        <v>0</v>
      </c>
      <c r="GN41" s="104">
        <v>0</v>
      </c>
      <c r="GO41" s="104">
        <v>0</v>
      </c>
      <c r="GP41" s="104">
        <v>0</v>
      </c>
      <c r="GQ41" s="103">
        <v>0</v>
      </c>
      <c r="GR41" s="106">
        <v>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0</v>
      </c>
      <c r="HI41" s="104">
        <v>169931</v>
      </c>
      <c r="HJ41" s="104">
        <v>499810</v>
      </c>
      <c r="HK41" s="104">
        <v>0</v>
      </c>
      <c r="HL41" s="104">
        <v>61244</v>
      </c>
      <c r="HM41" s="103">
        <v>730985</v>
      </c>
      <c r="HN41" s="99">
        <v>730985</v>
      </c>
      <c r="HO41" s="306"/>
      <c r="HP41" s="307"/>
      <c r="HQ41" s="308"/>
      <c r="HR41" s="309"/>
      <c r="HS41" s="307"/>
      <c r="HT41" s="307"/>
      <c r="HU41" s="307"/>
      <c r="HV41" s="307"/>
      <c r="HW41" s="307"/>
      <c r="HX41" s="310"/>
      <c r="HY41" s="311"/>
      <c r="HZ41" s="118">
        <v>0</v>
      </c>
      <c r="IA41" s="119">
        <v>0</v>
      </c>
      <c r="IB41" s="120">
        <v>0</v>
      </c>
      <c r="IC41" s="133">
        <v>0</v>
      </c>
      <c r="ID41" s="119">
        <v>76388</v>
      </c>
      <c r="IE41" s="134">
        <v>33481</v>
      </c>
      <c r="IF41" s="120">
        <v>0</v>
      </c>
      <c r="IG41" s="119">
        <v>288393</v>
      </c>
      <c r="IH41" s="120">
        <v>0</v>
      </c>
      <c r="II41" s="135">
        <v>398262</v>
      </c>
      <c r="IJ41" s="126">
        <v>398262</v>
      </c>
      <c r="IK41" s="219">
        <v>0</v>
      </c>
      <c r="IL41" s="223">
        <v>0</v>
      </c>
      <c r="IM41" s="224">
        <v>0</v>
      </c>
      <c r="IN41" s="127"/>
      <c r="IO41" s="109">
        <v>0</v>
      </c>
      <c r="IP41" s="109">
        <v>0</v>
      </c>
      <c r="IQ41" s="109">
        <v>0</v>
      </c>
      <c r="IR41" s="109">
        <v>0</v>
      </c>
      <c r="IS41" s="109">
        <v>0</v>
      </c>
      <c r="IT41" s="128">
        <v>0</v>
      </c>
      <c r="IU41" s="298">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76388</v>
      </c>
      <c r="JL41" s="109">
        <v>33481</v>
      </c>
      <c r="JM41" s="109">
        <v>0</v>
      </c>
      <c r="JN41" s="109">
        <v>37092</v>
      </c>
      <c r="JO41" s="109">
        <v>0</v>
      </c>
      <c r="JP41" s="110">
        <v>146961</v>
      </c>
      <c r="JQ41" s="298">
        <v>146961</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0</v>
      </c>
      <c r="KH41" s="109">
        <v>0</v>
      </c>
      <c r="KI41" s="109">
        <v>0</v>
      </c>
      <c r="KJ41" s="109">
        <v>0</v>
      </c>
      <c r="KK41" s="109">
        <v>0</v>
      </c>
      <c r="KL41" s="110">
        <v>0</v>
      </c>
      <c r="KM41" s="130">
        <v>0</v>
      </c>
      <c r="KN41" s="219">
        <v>0</v>
      </c>
      <c r="KO41" s="223">
        <v>0</v>
      </c>
      <c r="KP41" s="224">
        <v>0</v>
      </c>
      <c r="KQ41" s="127"/>
      <c r="KR41" s="109">
        <v>0</v>
      </c>
      <c r="KS41" s="109">
        <v>0</v>
      </c>
      <c r="KT41" s="109">
        <v>0</v>
      </c>
      <c r="KU41" s="109">
        <v>251301</v>
      </c>
      <c r="KV41" s="109">
        <v>0</v>
      </c>
      <c r="KW41" s="110">
        <v>251301</v>
      </c>
      <c r="KX41" s="298">
        <v>251301</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0</v>
      </c>
      <c r="MK41" s="109">
        <v>0</v>
      </c>
      <c r="ML41" s="109">
        <v>0</v>
      </c>
      <c r="MM41" s="109">
        <v>784016</v>
      </c>
      <c r="MN41" s="109">
        <v>676652</v>
      </c>
      <c r="MO41" s="110">
        <v>1460668</v>
      </c>
      <c r="MP41" s="130">
        <v>1460668</v>
      </c>
      <c r="MQ41" s="129">
        <v>0</v>
      </c>
      <c r="MR41" s="109">
        <v>0</v>
      </c>
      <c r="MS41" s="110">
        <v>0</v>
      </c>
      <c r="MT41" s="132"/>
      <c r="MU41" s="109">
        <v>0</v>
      </c>
      <c r="MV41" s="109">
        <v>0</v>
      </c>
      <c r="MW41" s="109">
        <v>0</v>
      </c>
      <c r="MX41" s="109">
        <v>512919</v>
      </c>
      <c r="MY41" s="109">
        <v>676652</v>
      </c>
      <c r="MZ41" s="110">
        <v>1189571</v>
      </c>
      <c r="NA41" s="130">
        <v>1189571</v>
      </c>
      <c r="NB41" s="129">
        <v>0</v>
      </c>
      <c r="NC41" s="109">
        <v>0</v>
      </c>
      <c r="ND41" s="110">
        <v>0</v>
      </c>
      <c r="NE41" s="132"/>
      <c r="NF41" s="109">
        <v>0</v>
      </c>
      <c r="NG41" s="109">
        <v>0</v>
      </c>
      <c r="NH41" s="109">
        <v>0</v>
      </c>
      <c r="NI41" s="109">
        <v>271097</v>
      </c>
      <c r="NJ41" s="109">
        <v>0</v>
      </c>
      <c r="NK41" s="110">
        <v>271097</v>
      </c>
      <c r="NL41" s="298">
        <v>271097</v>
      </c>
      <c r="NM41" s="129">
        <v>0</v>
      </c>
      <c r="NN41" s="109">
        <v>0</v>
      </c>
      <c r="NO41" s="110">
        <v>0</v>
      </c>
      <c r="NP41" s="132"/>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47995</v>
      </c>
      <c r="OJ41" s="109">
        <v>73334</v>
      </c>
      <c r="OK41" s="128">
        <v>121329</v>
      </c>
      <c r="OL41" s="108">
        <v>0</v>
      </c>
      <c r="OM41" s="109">
        <v>149268</v>
      </c>
      <c r="ON41" s="109">
        <v>420189</v>
      </c>
      <c r="OO41" s="109">
        <v>659804</v>
      </c>
      <c r="OP41" s="109">
        <v>1617921</v>
      </c>
      <c r="OQ41" s="109">
        <v>1151621</v>
      </c>
      <c r="OR41" s="110">
        <v>3998803</v>
      </c>
      <c r="OS41" s="130">
        <v>4120132</v>
      </c>
    </row>
    <row r="42" spans="2:409" ht="21" customHeight="1" thickBot="1" x14ac:dyDescent="0.25">
      <c r="B42" s="473" t="s">
        <v>37</v>
      </c>
      <c r="C42" s="107">
        <v>0</v>
      </c>
      <c r="D42" s="165">
        <v>0</v>
      </c>
      <c r="E42" s="166">
        <v>0</v>
      </c>
      <c r="F42" s="167">
        <v>0</v>
      </c>
      <c r="G42" s="165">
        <v>20311</v>
      </c>
      <c r="H42" s="165">
        <v>83942</v>
      </c>
      <c r="I42" s="165">
        <v>0</v>
      </c>
      <c r="J42" s="165">
        <v>227864</v>
      </c>
      <c r="K42" s="165">
        <v>0</v>
      </c>
      <c r="L42" s="167">
        <v>332117</v>
      </c>
      <c r="M42" s="168">
        <v>332117</v>
      </c>
      <c r="N42" s="107">
        <v>0</v>
      </c>
      <c r="O42" s="165">
        <v>0</v>
      </c>
      <c r="P42" s="166">
        <v>0</v>
      </c>
      <c r="Q42" s="107">
        <v>0</v>
      </c>
      <c r="R42" s="165">
        <v>0</v>
      </c>
      <c r="S42" s="165">
        <v>0</v>
      </c>
      <c r="T42" s="165">
        <v>0</v>
      </c>
      <c r="U42" s="165">
        <v>12976</v>
      </c>
      <c r="V42" s="165">
        <v>0</v>
      </c>
      <c r="W42" s="166">
        <v>12976</v>
      </c>
      <c r="X42" s="168">
        <v>12976</v>
      </c>
      <c r="Y42" s="107">
        <v>0</v>
      </c>
      <c r="Z42" s="165">
        <v>0</v>
      </c>
      <c r="AA42" s="166">
        <v>0</v>
      </c>
      <c r="AB42" s="107">
        <v>0</v>
      </c>
      <c r="AC42" s="165">
        <v>0</v>
      </c>
      <c r="AD42" s="165">
        <v>0</v>
      </c>
      <c r="AE42" s="165">
        <v>0</v>
      </c>
      <c r="AF42" s="165">
        <v>0</v>
      </c>
      <c r="AG42" s="165">
        <v>0</v>
      </c>
      <c r="AH42" s="166">
        <v>0</v>
      </c>
      <c r="AI42" s="168">
        <v>0</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0</v>
      </c>
      <c r="BC42" s="165">
        <v>0</v>
      </c>
      <c r="BD42" s="166">
        <v>0</v>
      </c>
      <c r="BE42" s="168">
        <v>0</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12976</v>
      </c>
      <c r="BY42" s="165">
        <v>0</v>
      </c>
      <c r="BZ42" s="166">
        <v>12976</v>
      </c>
      <c r="CA42" s="168">
        <v>12976</v>
      </c>
      <c r="CB42" s="107">
        <v>0</v>
      </c>
      <c r="CC42" s="165">
        <v>0</v>
      </c>
      <c r="CD42" s="166">
        <v>0</v>
      </c>
      <c r="CE42" s="107">
        <v>0</v>
      </c>
      <c r="CF42" s="165">
        <v>19111</v>
      </c>
      <c r="CG42" s="165">
        <v>64934</v>
      </c>
      <c r="CH42" s="165">
        <v>0</v>
      </c>
      <c r="CI42" s="165">
        <v>0</v>
      </c>
      <c r="CJ42" s="165">
        <v>0</v>
      </c>
      <c r="CK42" s="166">
        <v>84045</v>
      </c>
      <c r="CL42" s="168">
        <v>84045</v>
      </c>
      <c r="CM42" s="107">
        <v>0</v>
      </c>
      <c r="CN42" s="165">
        <v>0</v>
      </c>
      <c r="CO42" s="166">
        <v>0</v>
      </c>
      <c r="CP42" s="169">
        <v>0</v>
      </c>
      <c r="CQ42" s="165">
        <v>0</v>
      </c>
      <c r="CR42" s="165">
        <v>64934</v>
      </c>
      <c r="CS42" s="165">
        <v>0</v>
      </c>
      <c r="CT42" s="165">
        <v>0</v>
      </c>
      <c r="CU42" s="165">
        <v>0</v>
      </c>
      <c r="CV42" s="166">
        <v>64934</v>
      </c>
      <c r="CW42" s="168">
        <v>64934</v>
      </c>
      <c r="CX42" s="107">
        <v>0</v>
      </c>
      <c r="CY42" s="165">
        <v>0</v>
      </c>
      <c r="CZ42" s="166">
        <v>0</v>
      </c>
      <c r="DA42" s="107">
        <v>0</v>
      </c>
      <c r="DB42" s="165">
        <v>19111</v>
      </c>
      <c r="DC42" s="165">
        <v>0</v>
      </c>
      <c r="DD42" s="165">
        <v>0</v>
      </c>
      <c r="DE42" s="165">
        <v>0</v>
      </c>
      <c r="DF42" s="165">
        <v>0</v>
      </c>
      <c r="DG42" s="166">
        <v>19111</v>
      </c>
      <c r="DH42" s="168">
        <v>19111</v>
      </c>
      <c r="DI42" s="107">
        <v>0</v>
      </c>
      <c r="DJ42" s="165">
        <v>0</v>
      </c>
      <c r="DK42" s="170">
        <v>0</v>
      </c>
      <c r="DL42" s="169">
        <v>0</v>
      </c>
      <c r="DM42" s="165">
        <v>0</v>
      </c>
      <c r="DN42" s="165">
        <v>0</v>
      </c>
      <c r="DO42" s="165">
        <v>0</v>
      </c>
      <c r="DP42" s="165">
        <v>0</v>
      </c>
      <c r="DQ42" s="165">
        <v>0</v>
      </c>
      <c r="DR42" s="166">
        <v>0</v>
      </c>
      <c r="DS42" s="168">
        <v>0</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0</v>
      </c>
      <c r="EN42" s="170">
        <v>0</v>
      </c>
      <c r="EO42" s="168">
        <v>0</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0</v>
      </c>
      <c r="FM42" s="165">
        <v>0</v>
      </c>
      <c r="FN42" s="166">
        <v>0</v>
      </c>
      <c r="FO42" s="107">
        <v>0</v>
      </c>
      <c r="FP42" s="165">
        <v>1200</v>
      </c>
      <c r="FQ42" s="165">
        <v>19008</v>
      </c>
      <c r="FR42" s="165">
        <v>0</v>
      </c>
      <c r="FS42" s="165">
        <v>0</v>
      </c>
      <c r="FT42" s="165">
        <v>0</v>
      </c>
      <c r="FU42" s="166">
        <v>20208</v>
      </c>
      <c r="FV42" s="168">
        <v>20208</v>
      </c>
      <c r="FW42" s="171">
        <v>0</v>
      </c>
      <c r="FX42" s="165">
        <v>0</v>
      </c>
      <c r="FY42" s="170">
        <v>0</v>
      </c>
      <c r="FZ42" s="169">
        <v>0</v>
      </c>
      <c r="GA42" s="165">
        <v>1200</v>
      </c>
      <c r="GB42" s="165">
        <v>19008</v>
      </c>
      <c r="GC42" s="165">
        <v>0</v>
      </c>
      <c r="GD42" s="165">
        <v>0</v>
      </c>
      <c r="GE42" s="165">
        <v>0</v>
      </c>
      <c r="GF42" s="166">
        <v>20208</v>
      </c>
      <c r="GG42" s="297">
        <v>20208</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214888</v>
      </c>
      <c r="HL42" s="165">
        <v>0</v>
      </c>
      <c r="HM42" s="166">
        <v>214888</v>
      </c>
      <c r="HN42" s="167">
        <v>214888</v>
      </c>
      <c r="HO42" s="312"/>
      <c r="HP42" s="313"/>
      <c r="HQ42" s="314"/>
      <c r="HR42" s="315"/>
      <c r="HS42" s="313"/>
      <c r="HT42" s="313"/>
      <c r="HU42" s="313"/>
      <c r="HV42" s="313"/>
      <c r="HW42" s="313"/>
      <c r="HX42" s="316"/>
      <c r="HY42" s="317"/>
      <c r="HZ42" s="138">
        <v>0</v>
      </c>
      <c r="IA42" s="139">
        <v>0</v>
      </c>
      <c r="IB42" s="140">
        <v>0</v>
      </c>
      <c r="IC42" s="141">
        <v>0</v>
      </c>
      <c r="ID42" s="142">
        <v>0</v>
      </c>
      <c r="IE42" s="143">
        <v>0</v>
      </c>
      <c r="IF42" s="144">
        <v>0</v>
      </c>
      <c r="IG42" s="142">
        <v>0</v>
      </c>
      <c r="IH42" s="144">
        <v>0</v>
      </c>
      <c r="II42" s="145">
        <v>0</v>
      </c>
      <c r="IJ42" s="146">
        <v>0</v>
      </c>
      <c r="IK42" s="220">
        <v>0</v>
      </c>
      <c r="IL42" s="225">
        <v>0</v>
      </c>
      <c r="IM42" s="226">
        <v>0</v>
      </c>
      <c r="IN42" s="147"/>
      <c r="IO42" s="148">
        <v>0</v>
      </c>
      <c r="IP42" s="148">
        <v>0</v>
      </c>
      <c r="IQ42" s="148">
        <v>0</v>
      </c>
      <c r="IR42" s="148">
        <v>0</v>
      </c>
      <c r="IS42" s="148">
        <v>0</v>
      </c>
      <c r="IT42" s="149">
        <v>0</v>
      </c>
      <c r="IU42" s="299">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0</v>
      </c>
      <c r="JP42" s="152">
        <v>0</v>
      </c>
      <c r="JQ42" s="299">
        <v>0</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9">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0</v>
      </c>
      <c r="MK42" s="148">
        <v>0</v>
      </c>
      <c r="ML42" s="148">
        <v>221500</v>
      </c>
      <c r="MM42" s="148">
        <v>0</v>
      </c>
      <c r="MN42" s="148">
        <v>0</v>
      </c>
      <c r="MO42" s="152">
        <v>221500</v>
      </c>
      <c r="MP42" s="154">
        <v>221500</v>
      </c>
      <c r="MQ42" s="150">
        <v>0</v>
      </c>
      <c r="MR42" s="148">
        <v>0</v>
      </c>
      <c r="MS42" s="152">
        <v>0</v>
      </c>
      <c r="MT42" s="156"/>
      <c r="MU42" s="148">
        <v>0</v>
      </c>
      <c r="MV42" s="148">
        <v>0</v>
      </c>
      <c r="MW42" s="148">
        <v>221500</v>
      </c>
      <c r="MX42" s="148">
        <v>0</v>
      </c>
      <c r="MY42" s="148">
        <v>0</v>
      </c>
      <c r="MZ42" s="152">
        <v>221500</v>
      </c>
      <c r="NA42" s="154">
        <v>221500</v>
      </c>
      <c r="NB42" s="150">
        <v>0</v>
      </c>
      <c r="NC42" s="148">
        <v>0</v>
      </c>
      <c r="ND42" s="152">
        <v>0</v>
      </c>
      <c r="NE42" s="156"/>
      <c r="NF42" s="148">
        <v>0</v>
      </c>
      <c r="NG42" s="148">
        <v>0</v>
      </c>
      <c r="NH42" s="148">
        <v>0</v>
      </c>
      <c r="NI42" s="148">
        <v>0</v>
      </c>
      <c r="NJ42" s="148">
        <v>0</v>
      </c>
      <c r="NK42" s="152">
        <v>0</v>
      </c>
      <c r="NL42" s="299">
        <v>0</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0</v>
      </c>
      <c r="OJ42" s="148">
        <v>0</v>
      </c>
      <c r="OK42" s="149">
        <v>0</v>
      </c>
      <c r="OL42" s="151">
        <v>0</v>
      </c>
      <c r="OM42" s="148">
        <v>20311</v>
      </c>
      <c r="ON42" s="148">
        <v>83942</v>
      </c>
      <c r="OO42" s="148">
        <v>221500</v>
      </c>
      <c r="OP42" s="148">
        <v>227864</v>
      </c>
      <c r="OQ42" s="148">
        <v>0</v>
      </c>
      <c r="OR42" s="152">
        <v>553617</v>
      </c>
      <c r="OS42" s="154">
        <v>553617</v>
      </c>
    </row>
    <row r="43" spans="2:409" x14ac:dyDescent="0.2">
      <c r="B43" s="39"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777343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8.21875"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2:409" ht="24" customHeight="1" x14ac:dyDescent="0.2">
      <c r="B1" s="15" t="s">
        <v>135</v>
      </c>
      <c r="E1" s="468">
        <f>第１表!F2</f>
        <v>5</v>
      </c>
      <c r="F1" s="477">
        <f>第１表!G2</f>
        <v>11</v>
      </c>
      <c r="G1" s="655">
        <f>IF(F1&lt;3,F1-2+12,F1-2)</f>
        <v>9</v>
      </c>
      <c r="H1" s="655"/>
      <c r="IB1" s="341"/>
      <c r="IC1" s="239"/>
      <c r="ID1" s="625"/>
      <c r="IE1" s="625"/>
    </row>
    <row r="2" spans="2:409" ht="24" customHeight="1" x14ac:dyDescent="0.2">
      <c r="B2" s="15" t="s">
        <v>146</v>
      </c>
      <c r="E2" s="236"/>
      <c r="F2" s="237"/>
      <c r="G2" s="330"/>
      <c r="H2" s="330"/>
      <c r="IB2" s="238"/>
      <c r="IC2" s="239"/>
      <c r="ID2" s="344"/>
      <c r="IE2" s="344"/>
    </row>
    <row r="3" spans="2:409" ht="24" customHeight="1" thickBot="1" x14ac:dyDescent="0.25">
      <c r="B3" s="15" t="s">
        <v>155</v>
      </c>
    </row>
    <row r="4" spans="2:409" ht="21" customHeight="1" thickBot="1" x14ac:dyDescent="0.25">
      <c r="B4" s="685" t="s">
        <v>42</v>
      </c>
      <c r="C4" s="688" t="s">
        <v>63</v>
      </c>
      <c r="D4" s="688"/>
      <c r="E4" s="688"/>
      <c r="F4" s="688"/>
      <c r="G4" s="688"/>
      <c r="H4" s="688"/>
      <c r="I4" s="688"/>
      <c r="J4" s="688"/>
      <c r="K4" s="688"/>
      <c r="L4" s="688"/>
      <c r="M4" s="688"/>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c r="AW4" s="691"/>
      <c r="AX4" s="691"/>
      <c r="AY4" s="691"/>
      <c r="AZ4" s="691"/>
      <c r="BA4" s="691"/>
      <c r="BB4" s="691"/>
      <c r="BC4" s="691"/>
      <c r="BD4" s="691"/>
      <c r="BE4" s="691"/>
      <c r="BF4" s="691"/>
      <c r="BG4" s="691"/>
      <c r="BH4" s="691"/>
      <c r="BI4" s="691"/>
      <c r="BJ4" s="691"/>
      <c r="BK4" s="691"/>
      <c r="BL4" s="691"/>
      <c r="BM4" s="691"/>
      <c r="BN4" s="691"/>
      <c r="BO4" s="691"/>
      <c r="BP4" s="691"/>
      <c r="BQ4" s="691"/>
      <c r="BR4" s="691"/>
      <c r="BS4" s="691"/>
      <c r="BT4" s="691"/>
      <c r="BU4" s="691"/>
      <c r="BV4" s="691"/>
      <c r="BW4" s="691"/>
      <c r="BX4" s="691"/>
      <c r="BY4" s="691"/>
      <c r="BZ4" s="691"/>
      <c r="CA4" s="691"/>
      <c r="CB4" s="691"/>
      <c r="CC4" s="691"/>
      <c r="CD4" s="691"/>
      <c r="CE4" s="691"/>
      <c r="CF4" s="691"/>
      <c r="CG4" s="691"/>
      <c r="CH4" s="691"/>
      <c r="CI4" s="691"/>
      <c r="CJ4" s="691"/>
      <c r="CK4" s="691"/>
      <c r="CL4" s="691"/>
      <c r="CM4" s="691"/>
      <c r="CN4" s="691"/>
      <c r="CO4" s="691"/>
      <c r="CP4" s="691"/>
      <c r="CQ4" s="691"/>
      <c r="CR4" s="691"/>
      <c r="CS4" s="691"/>
      <c r="CT4" s="691"/>
      <c r="CU4" s="691"/>
      <c r="CV4" s="691"/>
      <c r="CW4" s="691"/>
      <c r="CX4" s="691"/>
      <c r="CY4" s="691"/>
      <c r="CZ4" s="691"/>
      <c r="DA4" s="691"/>
      <c r="DB4" s="691"/>
      <c r="DC4" s="691"/>
      <c r="DD4" s="691"/>
      <c r="DE4" s="691"/>
      <c r="DF4" s="691"/>
      <c r="DG4" s="691"/>
      <c r="DH4" s="691"/>
      <c r="DI4" s="691"/>
      <c r="DJ4" s="691"/>
      <c r="DK4" s="691"/>
      <c r="DL4" s="691"/>
      <c r="DM4" s="691"/>
      <c r="DN4" s="691"/>
      <c r="DO4" s="691"/>
      <c r="DP4" s="691"/>
      <c r="DQ4" s="691"/>
      <c r="DR4" s="691"/>
      <c r="DS4" s="691"/>
      <c r="DT4" s="691"/>
      <c r="DU4" s="691"/>
      <c r="DV4" s="691"/>
      <c r="DW4" s="691"/>
      <c r="DX4" s="691"/>
      <c r="DY4" s="691"/>
      <c r="DZ4" s="691"/>
      <c r="EA4" s="691"/>
      <c r="EB4" s="691"/>
      <c r="EC4" s="691"/>
      <c r="ED4" s="691"/>
      <c r="EE4" s="691"/>
      <c r="EF4" s="691"/>
      <c r="EG4" s="691"/>
      <c r="EH4" s="691"/>
      <c r="EI4" s="691"/>
      <c r="EJ4" s="691"/>
      <c r="EK4" s="691"/>
      <c r="EL4" s="691"/>
      <c r="EM4" s="691"/>
      <c r="EN4" s="691"/>
      <c r="EO4" s="691"/>
      <c r="EP4" s="691"/>
      <c r="EQ4" s="691"/>
      <c r="ER4" s="691"/>
      <c r="ES4" s="691"/>
      <c r="ET4" s="691"/>
      <c r="EU4" s="691"/>
      <c r="EV4" s="691"/>
      <c r="EW4" s="691"/>
      <c r="EX4" s="691"/>
      <c r="EY4" s="691"/>
      <c r="EZ4" s="691"/>
      <c r="FA4" s="691"/>
      <c r="FB4" s="691"/>
      <c r="FC4" s="691"/>
      <c r="FD4" s="691"/>
      <c r="FE4" s="691"/>
      <c r="FF4" s="691"/>
      <c r="FG4" s="691"/>
      <c r="FH4" s="691"/>
      <c r="FI4" s="691"/>
      <c r="FJ4" s="691"/>
      <c r="FK4" s="691"/>
      <c r="FL4" s="691"/>
      <c r="FM4" s="691"/>
      <c r="FN4" s="691"/>
      <c r="FO4" s="691"/>
      <c r="FP4" s="691"/>
      <c r="FQ4" s="691"/>
      <c r="FR4" s="691"/>
      <c r="FS4" s="691"/>
      <c r="FT4" s="691"/>
      <c r="FU4" s="691"/>
      <c r="FV4" s="691"/>
      <c r="FW4" s="691"/>
      <c r="FX4" s="691"/>
      <c r="FY4" s="691"/>
      <c r="FZ4" s="691"/>
      <c r="GA4" s="691"/>
      <c r="GB4" s="691"/>
      <c r="GC4" s="691"/>
      <c r="GD4" s="691"/>
      <c r="GE4" s="691"/>
      <c r="GF4" s="691"/>
      <c r="GG4" s="691"/>
      <c r="GH4" s="691"/>
      <c r="GI4" s="691"/>
      <c r="GJ4" s="691"/>
      <c r="GK4" s="691"/>
      <c r="GL4" s="691"/>
      <c r="GM4" s="691"/>
      <c r="GN4" s="691"/>
      <c r="GO4" s="691"/>
      <c r="GP4" s="691"/>
      <c r="GQ4" s="691"/>
      <c r="GR4" s="691"/>
      <c r="GS4" s="691"/>
      <c r="GT4" s="691"/>
      <c r="GU4" s="691"/>
      <c r="GV4" s="691"/>
      <c r="GW4" s="691"/>
      <c r="GX4" s="691"/>
      <c r="GY4" s="691"/>
      <c r="GZ4" s="691"/>
      <c r="HA4" s="691"/>
      <c r="HB4" s="691"/>
      <c r="HC4" s="691"/>
      <c r="HD4" s="691"/>
      <c r="HE4" s="691"/>
      <c r="HF4" s="691"/>
      <c r="HG4" s="691"/>
      <c r="HH4" s="691"/>
      <c r="HI4" s="691"/>
      <c r="HJ4" s="691"/>
      <c r="HK4" s="691"/>
      <c r="HL4" s="691"/>
      <c r="HM4" s="691"/>
      <c r="HN4" s="691"/>
      <c r="HO4" s="691"/>
      <c r="HP4" s="691"/>
      <c r="HQ4" s="691"/>
      <c r="HR4" s="691"/>
      <c r="HS4" s="691"/>
      <c r="HT4" s="691"/>
      <c r="HU4" s="691"/>
      <c r="HV4" s="691"/>
      <c r="HW4" s="691"/>
      <c r="HX4" s="691"/>
      <c r="HY4" s="692"/>
      <c r="HZ4" s="586" t="s">
        <v>85</v>
      </c>
      <c r="IA4" s="587"/>
      <c r="IB4" s="587"/>
      <c r="IC4" s="587"/>
      <c r="ID4" s="587"/>
      <c r="IE4" s="587"/>
      <c r="IF4" s="587"/>
      <c r="IG4" s="587"/>
      <c r="IH4" s="587"/>
      <c r="II4" s="587"/>
      <c r="IJ4" s="587"/>
      <c r="IK4" s="587"/>
      <c r="IL4" s="587"/>
      <c r="IM4" s="587"/>
      <c r="IN4" s="587"/>
      <c r="IO4" s="587"/>
      <c r="IP4" s="587"/>
      <c r="IQ4" s="587"/>
      <c r="IR4" s="587"/>
      <c r="IS4" s="587"/>
      <c r="IT4" s="587"/>
      <c r="IU4" s="587"/>
      <c r="IV4" s="587"/>
      <c r="IW4" s="587"/>
      <c r="IX4" s="587"/>
      <c r="IY4" s="587"/>
      <c r="IZ4" s="587"/>
      <c r="JA4" s="587"/>
      <c r="JB4" s="587"/>
      <c r="JC4" s="587"/>
      <c r="JD4" s="587"/>
      <c r="JE4" s="587"/>
      <c r="JF4" s="587"/>
      <c r="JG4" s="587"/>
      <c r="JH4" s="587"/>
      <c r="JI4" s="587"/>
      <c r="JJ4" s="587"/>
      <c r="JK4" s="587"/>
      <c r="JL4" s="587"/>
      <c r="JM4" s="587"/>
      <c r="JN4" s="587"/>
      <c r="JO4" s="587"/>
      <c r="JP4" s="587"/>
      <c r="JQ4" s="587"/>
      <c r="JR4" s="587"/>
      <c r="JS4" s="587"/>
      <c r="JT4" s="587"/>
      <c r="JU4" s="587"/>
      <c r="JV4" s="587"/>
      <c r="JW4" s="587"/>
      <c r="JX4" s="587"/>
      <c r="JY4" s="587"/>
      <c r="JZ4" s="587"/>
      <c r="KA4" s="587"/>
      <c r="KB4" s="587"/>
      <c r="KC4" s="587"/>
      <c r="KD4" s="587"/>
      <c r="KE4" s="587"/>
      <c r="KF4" s="587"/>
      <c r="KG4" s="587"/>
      <c r="KH4" s="587"/>
      <c r="KI4" s="587"/>
      <c r="KJ4" s="587"/>
      <c r="KK4" s="587"/>
      <c r="KL4" s="587"/>
      <c r="KM4" s="587"/>
      <c r="KN4" s="587"/>
      <c r="KO4" s="587"/>
      <c r="KP4" s="587"/>
      <c r="KQ4" s="587"/>
      <c r="KR4" s="587"/>
      <c r="KS4" s="587"/>
      <c r="KT4" s="587"/>
      <c r="KU4" s="587"/>
      <c r="KV4" s="587"/>
      <c r="KW4" s="587"/>
      <c r="KX4" s="587"/>
      <c r="KY4" s="587"/>
      <c r="KZ4" s="587"/>
      <c r="LA4" s="587"/>
      <c r="LB4" s="587"/>
      <c r="LC4" s="587"/>
      <c r="LD4" s="587"/>
      <c r="LE4" s="587"/>
      <c r="LF4" s="587"/>
      <c r="LG4" s="587"/>
      <c r="LH4" s="587"/>
      <c r="LI4" s="587"/>
      <c r="LJ4" s="587"/>
      <c r="LK4" s="587"/>
      <c r="LL4" s="587"/>
      <c r="LM4" s="587"/>
      <c r="LN4" s="587"/>
      <c r="LO4" s="587"/>
      <c r="LP4" s="587"/>
      <c r="LQ4" s="587"/>
      <c r="LR4" s="587"/>
      <c r="LS4" s="587"/>
      <c r="LT4" s="587"/>
      <c r="LU4" s="587"/>
      <c r="LV4" s="587"/>
      <c r="LW4" s="587"/>
      <c r="LX4" s="587"/>
      <c r="LY4" s="587"/>
      <c r="LZ4" s="587"/>
      <c r="MA4" s="587"/>
      <c r="MB4" s="587"/>
      <c r="MC4" s="587"/>
      <c r="MD4" s="587"/>
      <c r="ME4" s="588"/>
      <c r="MF4" s="586" t="s">
        <v>86</v>
      </c>
      <c r="MG4" s="587"/>
      <c r="MH4" s="587"/>
      <c r="MI4" s="587"/>
      <c r="MJ4" s="587"/>
      <c r="MK4" s="587"/>
      <c r="ML4" s="587"/>
      <c r="MM4" s="587"/>
      <c r="MN4" s="587"/>
      <c r="MO4" s="587"/>
      <c r="MP4" s="587"/>
      <c r="MQ4" s="587"/>
      <c r="MR4" s="587"/>
      <c r="MS4" s="587"/>
      <c r="MT4" s="587"/>
      <c r="MU4" s="587"/>
      <c r="MV4" s="587"/>
      <c r="MW4" s="587"/>
      <c r="MX4" s="587"/>
      <c r="MY4" s="587"/>
      <c r="MZ4" s="587"/>
      <c r="NA4" s="587"/>
      <c r="NB4" s="587"/>
      <c r="NC4" s="587"/>
      <c r="ND4" s="587"/>
      <c r="NE4" s="587"/>
      <c r="NF4" s="587"/>
      <c r="NG4" s="587"/>
      <c r="NH4" s="587"/>
      <c r="NI4" s="587"/>
      <c r="NJ4" s="587"/>
      <c r="NK4" s="587"/>
      <c r="NL4" s="587"/>
      <c r="NM4" s="587"/>
      <c r="NN4" s="587"/>
      <c r="NO4" s="587"/>
      <c r="NP4" s="587"/>
      <c r="NQ4" s="587"/>
      <c r="NR4" s="587"/>
      <c r="NS4" s="587"/>
      <c r="NT4" s="587"/>
      <c r="NU4" s="587"/>
      <c r="NV4" s="587"/>
      <c r="NW4" s="587"/>
      <c r="NX4" s="587"/>
      <c r="NY4" s="587"/>
      <c r="NZ4" s="587"/>
      <c r="OA4" s="587"/>
      <c r="OB4" s="587"/>
      <c r="OC4" s="587"/>
      <c r="OD4" s="587"/>
      <c r="OE4" s="587"/>
      <c r="OF4" s="587"/>
      <c r="OG4" s="587"/>
      <c r="OH4" s="588"/>
      <c r="OI4" s="575" t="s">
        <v>60</v>
      </c>
      <c r="OJ4" s="480"/>
      <c r="OK4" s="480"/>
      <c r="OL4" s="480"/>
      <c r="OM4" s="480"/>
      <c r="ON4" s="480"/>
      <c r="OO4" s="480"/>
      <c r="OP4" s="480"/>
      <c r="OQ4" s="480"/>
      <c r="OR4" s="480"/>
      <c r="OS4" s="481"/>
    </row>
    <row r="5" spans="2:409" ht="21" customHeight="1" thickBot="1" x14ac:dyDescent="0.25">
      <c r="B5" s="686"/>
      <c r="C5" s="689"/>
      <c r="D5" s="689"/>
      <c r="E5" s="689"/>
      <c r="F5" s="689"/>
      <c r="G5" s="689"/>
      <c r="H5" s="689"/>
      <c r="I5" s="689"/>
      <c r="J5" s="689"/>
      <c r="K5" s="689"/>
      <c r="L5" s="689"/>
      <c r="M5" s="689"/>
      <c r="N5" s="693" t="s">
        <v>64</v>
      </c>
      <c r="O5" s="694"/>
      <c r="P5" s="694"/>
      <c r="Q5" s="694"/>
      <c r="R5" s="694"/>
      <c r="S5" s="694"/>
      <c r="T5" s="694"/>
      <c r="U5" s="694"/>
      <c r="V5" s="694"/>
      <c r="W5" s="694"/>
      <c r="X5" s="694"/>
      <c r="Y5" s="694"/>
      <c r="Z5" s="694"/>
      <c r="AA5" s="694"/>
      <c r="AB5" s="694"/>
      <c r="AC5" s="694"/>
      <c r="AD5" s="694"/>
      <c r="AE5" s="694"/>
      <c r="AF5" s="694"/>
      <c r="AG5" s="694"/>
      <c r="AH5" s="694"/>
      <c r="AI5" s="694"/>
      <c r="AJ5" s="694"/>
      <c r="AK5" s="694"/>
      <c r="AL5" s="694"/>
      <c r="AM5" s="694"/>
      <c r="AN5" s="694"/>
      <c r="AO5" s="694"/>
      <c r="AP5" s="694"/>
      <c r="AQ5" s="694"/>
      <c r="AR5" s="694"/>
      <c r="AS5" s="694"/>
      <c r="AT5" s="694"/>
      <c r="AU5" s="694"/>
      <c r="AV5" s="694"/>
      <c r="AW5" s="694"/>
      <c r="AX5" s="694"/>
      <c r="AY5" s="694"/>
      <c r="AZ5" s="694"/>
      <c r="BA5" s="694"/>
      <c r="BB5" s="694"/>
      <c r="BC5" s="694"/>
      <c r="BD5" s="694"/>
      <c r="BE5" s="694"/>
      <c r="BF5" s="694"/>
      <c r="BG5" s="694"/>
      <c r="BH5" s="694"/>
      <c r="BI5" s="694"/>
      <c r="BJ5" s="694"/>
      <c r="BK5" s="694"/>
      <c r="BL5" s="694"/>
      <c r="BM5" s="694"/>
      <c r="BN5" s="694"/>
      <c r="BO5" s="694"/>
      <c r="BP5" s="694"/>
      <c r="BQ5" s="694"/>
      <c r="BR5" s="694"/>
      <c r="BS5" s="694"/>
      <c r="BT5" s="694"/>
      <c r="BU5" s="694"/>
      <c r="BV5" s="694"/>
      <c r="BW5" s="694"/>
      <c r="BX5" s="694"/>
      <c r="BY5" s="694"/>
      <c r="BZ5" s="694"/>
      <c r="CA5" s="695"/>
      <c r="CB5" s="693" t="s">
        <v>65</v>
      </c>
      <c r="CC5" s="694"/>
      <c r="CD5" s="694"/>
      <c r="CE5" s="694"/>
      <c r="CF5" s="694"/>
      <c r="CG5" s="694"/>
      <c r="CH5" s="694"/>
      <c r="CI5" s="694"/>
      <c r="CJ5" s="694"/>
      <c r="CK5" s="694"/>
      <c r="CL5" s="694"/>
      <c r="CM5" s="694"/>
      <c r="CN5" s="694"/>
      <c r="CO5" s="694"/>
      <c r="CP5" s="694"/>
      <c r="CQ5" s="694"/>
      <c r="CR5" s="694"/>
      <c r="CS5" s="694"/>
      <c r="CT5" s="694"/>
      <c r="CU5" s="694"/>
      <c r="CV5" s="694"/>
      <c r="CW5" s="694"/>
      <c r="CX5" s="694"/>
      <c r="CY5" s="694"/>
      <c r="CZ5" s="694"/>
      <c r="DA5" s="694"/>
      <c r="DB5" s="694"/>
      <c r="DC5" s="694"/>
      <c r="DD5" s="694"/>
      <c r="DE5" s="694"/>
      <c r="DF5" s="694"/>
      <c r="DG5" s="694"/>
      <c r="DH5" s="695"/>
      <c r="DI5" s="497" t="s">
        <v>66</v>
      </c>
      <c r="DJ5" s="498"/>
      <c r="DK5" s="498"/>
      <c r="DL5" s="498"/>
      <c r="DM5" s="498"/>
      <c r="DN5" s="498"/>
      <c r="DO5" s="498"/>
      <c r="DP5" s="498"/>
      <c r="DQ5" s="498"/>
      <c r="DR5" s="498"/>
      <c r="DS5" s="498"/>
      <c r="DT5" s="498"/>
      <c r="DU5" s="498"/>
      <c r="DV5" s="498"/>
      <c r="DW5" s="498"/>
      <c r="DX5" s="498"/>
      <c r="DY5" s="498"/>
      <c r="DZ5" s="498"/>
      <c r="EA5" s="498"/>
      <c r="EB5" s="498"/>
      <c r="EC5" s="498"/>
      <c r="ED5" s="498"/>
      <c r="EE5" s="498"/>
      <c r="EF5" s="498"/>
      <c r="EG5" s="498"/>
      <c r="EH5" s="498"/>
      <c r="EI5" s="498"/>
      <c r="EJ5" s="498"/>
      <c r="EK5" s="498"/>
      <c r="EL5" s="498"/>
      <c r="EM5" s="498"/>
      <c r="EN5" s="498"/>
      <c r="EO5" s="498"/>
      <c r="EP5" s="498"/>
      <c r="EQ5" s="498"/>
      <c r="ER5" s="498"/>
      <c r="ES5" s="498"/>
      <c r="ET5" s="498"/>
      <c r="EU5" s="498"/>
      <c r="EV5" s="498"/>
      <c r="EW5" s="498"/>
      <c r="EX5" s="498"/>
      <c r="EY5" s="498"/>
      <c r="EZ5" s="498"/>
      <c r="FA5" s="498"/>
      <c r="FB5" s="498"/>
      <c r="FC5" s="498"/>
      <c r="FD5" s="498"/>
      <c r="FE5" s="498"/>
      <c r="FF5" s="498"/>
      <c r="FG5" s="498"/>
      <c r="FH5" s="498"/>
      <c r="FI5" s="498"/>
      <c r="FJ5" s="498"/>
      <c r="FK5" s="499"/>
      <c r="FL5" s="693" t="s">
        <v>67</v>
      </c>
      <c r="FM5" s="694"/>
      <c r="FN5" s="694"/>
      <c r="FO5" s="694"/>
      <c r="FP5" s="694"/>
      <c r="FQ5" s="694"/>
      <c r="FR5" s="694"/>
      <c r="FS5" s="694"/>
      <c r="FT5" s="694"/>
      <c r="FU5" s="694"/>
      <c r="FV5" s="694"/>
      <c r="FW5" s="694"/>
      <c r="FX5" s="694"/>
      <c r="FY5" s="694"/>
      <c r="FZ5" s="694"/>
      <c r="GA5" s="694"/>
      <c r="GB5" s="694"/>
      <c r="GC5" s="694"/>
      <c r="GD5" s="694"/>
      <c r="GE5" s="694"/>
      <c r="GF5" s="694"/>
      <c r="GG5" s="694"/>
      <c r="GH5" s="694"/>
      <c r="GI5" s="694"/>
      <c r="GJ5" s="694"/>
      <c r="GK5" s="694"/>
      <c r="GL5" s="694"/>
      <c r="GM5" s="694"/>
      <c r="GN5" s="694"/>
      <c r="GO5" s="694"/>
      <c r="GP5" s="694"/>
      <c r="GQ5" s="694"/>
      <c r="GR5" s="694"/>
      <c r="GS5" s="694"/>
      <c r="GT5" s="694"/>
      <c r="GU5" s="694"/>
      <c r="GV5" s="694"/>
      <c r="GW5" s="694"/>
      <c r="GX5" s="694"/>
      <c r="GY5" s="694"/>
      <c r="GZ5" s="694"/>
      <c r="HA5" s="694"/>
      <c r="HB5" s="694"/>
      <c r="HC5" s="695"/>
      <c r="HD5" s="696" t="s">
        <v>68</v>
      </c>
      <c r="HE5" s="697"/>
      <c r="HF5" s="697"/>
      <c r="HG5" s="697"/>
      <c r="HH5" s="697"/>
      <c r="HI5" s="697"/>
      <c r="HJ5" s="697"/>
      <c r="HK5" s="697"/>
      <c r="HL5" s="697"/>
      <c r="HM5" s="697"/>
      <c r="HN5" s="698"/>
      <c r="HO5" s="696" t="s">
        <v>69</v>
      </c>
      <c r="HP5" s="697"/>
      <c r="HQ5" s="697"/>
      <c r="HR5" s="697"/>
      <c r="HS5" s="697"/>
      <c r="HT5" s="697"/>
      <c r="HU5" s="697"/>
      <c r="HV5" s="697"/>
      <c r="HW5" s="697"/>
      <c r="HX5" s="697"/>
      <c r="HY5" s="698"/>
      <c r="HZ5" s="637"/>
      <c r="IA5" s="638"/>
      <c r="IB5" s="638"/>
      <c r="IC5" s="638"/>
      <c r="ID5" s="638"/>
      <c r="IE5" s="638"/>
      <c r="IF5" s="638"/>
      <c r="IG5" s="638"/>
      <c r="IH5" s="638"/>
      <c r="II5" s="638"/>
      <c r="IJ5" s="639"/>
      <c r="IK5" s="575" t="s">
        <v>94</v>
      </c>
      <c r="IL5" s="480"/>
      <c r="IM5" s="480"/>
      <c r="IN5" s="480"/>
      <c r="IO5" s="480"/>
      <c r="IP5" s="480"/>
      <c r="IQ5" s="480"/>
      <c r="IR5" s="480"/>
      <c r="IS5" s="480"/>
      <c r="IT5" s="480"/>
      <c r="IU5" s="481"/>
      <c r="IV5" s="575" t="s">
        <v>88</v>
      </c>
      <c r="IW5" s="480"/>
      <c r="IX5" s="480"/>
      <c r="IY5" s="480"/>
      <c r="IZ5" s="480"/>
      <c r="JA5" s="480"/>
      <c r="JB5" s="480"/>
      <c r="JC5" s="480"/>
      <c r="JD5" s="480"/>
      <c r="JE5" s="480"/>
      <c r="JF5" s="481"/>
      <c r="JG5" s="640" t="s">
        <v>143</v>
      </c>
      <c r="JH5" s="641"/>
      <c r="JI5" s="641"/>
      <c r="JJ5" s="641"/>
      <c r="JK5" s="641"/>
      <c r="JL5" s="641"/>
      <c r="JM5" s="641"/>
      <c r="JN5" s="641"/>
      <c r="JO5" s="641"/>
      <c r="JP5" s="641"/>
      <c r="JQ5" s="642"/>
      <c r="JR5" s="575" t="s">
        <v>90</v>
      </c>
      <c r="JS5" s="480"/>
      <c r="JT5" s="480"/>
      <c r="JU5" s="480"/>
      <c r="JV5" s="480"/>
      <c r="JW5" s="480"/>
      <c r="JX5" s="480"/>
      <c r="JY5" s="480"/>
      <c r="JZ5" s="480"/>
      <c r="KA5" s="480"/>
      <c r="KB5" s="481"/>
      <c r="KC5" s="575" t="s">
        <v>89</v>
      </c>
      <c r="KD5" s="480"/>
      <c r="KE5" s="480"/>
      <c r="KF5" s="480"/>
      <c r="KG5" s="480"/>
      <c r="KH5" s="480"/>
      <c r="KI5" s="480"/>
      <c r="KJ5" s="480"/>
      <c r="KK5" s="480"/>
      <c r="KL5" s="480"/>
      <c r="KM5" s="481"/>
      <c r="KN5" s="575" t="s">
        <v>91</v>
      </c>
      <c r="KO5" s="480"/>
      <c r="KP5" s="480"/>
      <c r="KQ5" s="480"/>
      <c r="KR5" s="480"/>
      <c r="KS5" s="480"/>
      <c r="KT5" s="480"/>
      <c r="KU5" s="480"/>
      <c r="KV5" s="480"/>
      <c r="KW5" s="480"/>
      <c r="KX5" s="481"/>
      <c r="KY5" s="575" t="s">
        <v>92</v>
      </c>
      <c r="KZ5" s="480"/>
      <c r="LA5" s="480"/>
      <c r="LB5" s="480"/>
      <c r="LC5" s="480"/>
      <c r="LD5" s="480"/>
      <c r="LE5" s="480"/>
      <c r="LF5" s="480"/>
      <c r="LG5" s="480"/>
      <c r="LH5" s="480"/>
      <c r="LI5" s="481"/>
      <c r="LJ5" s="646" t="s">
        <v>93</v>
      </c>
      <c r="LK5" s="647"/>
      <c r="LL5" s="647"/>
      <c r="LM5" s="647"/>
      <c r="LN5" s="647"/>
      <c r="LO5" s="647"/>
      <c r="LP5" s="647"/>
      <c r="LQ5" s="647"/>
      <c r="LR5" s="647"/>
      <c r="LS5" s="647"/>
      <c r="LT5" s="648"/>
      <c r="LU5" s="649" t="s">
        <v>144</v>
      </c>
      <c r="LV5" s="650"/>
      <c r="LW5" s="650"/>
      <c r="LX5" s="650"/>
      <c r="LY5" s="650"/>
      <c r="LZ5" s="650"/>
      <c r="MA5" s="650"/>
      <c r="MB5" s="650"/>
      <c r="MC5" s="650"/>
      <c r="MD5" s="650"/>
      <c r="ME5" s="651"/>
      <c r="MF5" s="637"/>
      <c r="MG5" s="638"/>
      <c r="MH5" s="638"/>
      <c r="MI5" s="638"/>
      <c r="MJ5" s="638"/>
      <c r="MK5" s="638"/>
      <c r="ML5" s="638"/>
      <c r="MM5" s="638"/>
      <c r="MN5" s="638"/>
      <c r="MO5" s="638"/>
      <c r="MP5" s="639"/>
      <c r="MQ5" s="575" t="s">
        <v>57</v>
      </c>
      <c r="MR5" s="480"/>
      <c r="MS5" s="480"/>
      <c r="MT5" s="480"/>
      <c r="MU5" s="480"/>
      <c r="MV5" s="480"/>
      <c r="MW5" s="480"/>
      <c r="MX5" s="480"/>
      <c r="MY5" s="480"/>
      <c r="MZ5" s="480"/>
      <c r="NA5" s="481"/>
      <c r="NB5" s="575" t="s">
        <v>58</v>
      </c>
      <c r="NC5" s="480"/>
      <c r="ND5" s="480"/>
      <c r="NE5" s="480"/>
      <c r="NF5" s="480"/>
      <c r="NG5" s="480"/>
      <c r="NH5" s="480"/>
      <c r="NI5" s="480"/>
      <c r="NJ5" s="480"/>
      <c r="NK5" s="480"/>
      <c r="NL5" s="481"/>
      <c r="NM5" s="575" t="s">
        <v>59</v>
      </c>
      <c r="NN5" s="480"/>
      <c r="NO5" s="480"/>
      <c r="NP5" s="480"/>
      <c r="NQ5" s="480"/>
      <c r="NR5" s="480"/>
      <c r="NS5" s="480"/>
      <c r="NT5" s="480"/>
      <c r="NU5" s="480"/>
      <c r="NV5" s="480"/>
      <c r="NW5" s="481"/>
      <c r="NX5" s="627" t="s">
        <v>150</v>
      </c>
      <c r="NY5" s="628"/>
      <c r="NZ5" s="628"/>
      <c r="OA5" s="628"/>
      <c r="OB5" s="628"/>
      <c r="OC5" s="628"/>
      <c r="OD5" s="628"/>
      <c r="OE5" s="628"/>
      <c r="OF5" s="628"/>
      <c r="OG5" s="628"/>
      <c r="OH5" s="629"/>
      <c r="OI5" s="634"/>
      <c r="OJ5" s="635"/>
      <c r="OK5" s="635"/>
      <c r="OL5" s="635"/>
      <c r="OM5" s="635"/>
      <c r="ON5" s="635"/>
      <c r="OO5" s="635"/>
      <c r="OP5" s="635"/>
      <c r="OQ5" s="635"/>
      <c r="OR5" s="635"/>
      <c r="OS5" s="636"/>
    </row>
    <row r="6" spans="2:409" ht="21" customHeight="1" thickBot="1" x14ac:dyDescent="0.25">
      <c r="B6" s="686"/>
      <c r="C6" s="690"/>
      <c r="D6" s="690"/>
      <c r="E6" s="690"/>
      <c r="F6" s="690"/>
      <c r="G6" s="690"/>
      <c r="H6" s="690"/>
      <c r="I6" s="690"/>
      <c r="J6" s="690"/>
      <c r="K6" s="690"/>
      <c r="L6" s="690"/>
      <c r="M6" s="690"/>
      <c r="N6" s="489"/>
      <c r="O6" s="490"/>
      <c r="P6" s="490"/>
      <c r="Q6" s="490"/>
      <c r="R6" s="490"/>
      <c r="S6" s="490"/>
      <c r="T6" s="490"/>
      <c r="U6" s="490"/>
      <c r="V6" s="490"/>
      <c r="W6" s="490"/>
      <c r="X6" s="491"/>
      <c r="Y6" s="678" t="s">
        <v>70</v>
      </c>
      <c r="Z6" s="493"/>
      <c r="AA6" s="493"/>
      <c r="AB6" s="493"/>
      <c r="AC6" s="493"/>
      <c r="AD6" s="493"/>
      <c r="AE6" s="493"/>
      <c r="AF6" s="493"/>
      <c r="AG6" s="493"/>
      <c r="AH6" s="493"/>
      <c r="AI6" s="494"/>
      <c r="AJ6" s="673" t="s">
        <v>71</v>
      </c>
      <c r="AK6" s="674"/>
      <c r="AL6" s="674"/>
      <c r="AM6" s="674"/>
      <c r="AN6" s="674"/>
      <c r="AO6" s="674"/>
      <c r="AP6" s="674"/>
      <c r="AQ6" s="674"/>
      <c r="AR6" s="674"/>
      <c r="AS6" s="674"/>
      <c r="AT6" s="675"/>
      <c r="AU6" s="673" t="s">
        <v>72</v>
      </c>
      <c r="AV6" s="674"/>
      <c r="AW6" s="674"/>
      <c r="AX6" s="674"/>
      <c r="AY6" s="674"/>
      <c r="AZ6" s="674"/>
      <c r="BA6" s="674"/>
      <c r="BB6" s="674"/>
      <c r="BC6" s="674"/>
      <c r="BD6" s="674"/>
      <c r="BE6" s="675"/>
      <c r="BF6" s="673" t="s">
        <v>73</v>
      </c>
      <c r="BG6" s="674"/>
      <c r="BH6" s="674"/>
      <c r="BI6" s="674"/>
      <c r="BJ6" s="674"/>
      <c r="BK6" s="674"/>
      <c r="BL6" s="674"/>
      <c r="BM6" s="674"/>
      <c r="BN6" s="674"/>
      <c r="BO6" s="674"/>
      <c r="BP6" s="675"/>
      <c r="BQ6" s="673" t="s">
        <v>74</v>
      </c>
      <c r="BR6" s="674"/>
      <c r="BS6" s="674"/>
      <c r="BT6" s="674"/>
      <c r="BU6" s="674"/>
      <c r="BV6" s="674"/>
      <c r="BW6" s="674"/>
      <c r="BX6" s="674"/>
      <c r="BY6" s="674"/>
      <c r="BZ6" s="674"/>
      <c r="CA6" s="675"/>
      <c r="CB6" s="676"/>
      <c r="CC6" s="677"/>
      <c r="CD6" s="677"/>
      <c r="CE6" s="677"/>
      <c r="CF6" s="677"/>
      <c r="CG6" s="677"/>
      <c r="CH6" s="677"/>
      <c r="CI6" s="677"/>
      <c r="CJ6" s="677"/>
      <c r="CK6" s="677"/>
      <c r="CL6" s="702"/>
      <c r="CM6" s="673" t="s">
        <v>75</v>
      </c>
      <c r="CN6" s="674"/>
      <c r="CO6" s="674"/>
      <c r="CP6" s="674"/>
      <c r="CQ6" s="674"/>
      <c r="CR6" s="674"/>
      <c r="CS6" s="674"/>
      <c r="CT6" s="674"/>
      <c r="CU6" s="674"/>
      <c r="CV6" s="674"/>
      <c r="CW6" s="675"/>
      <c r="CX6" s="673" t="s">
        <v>76</v>
      </c>
      <c r="CY6" s="674"/>
      <c r="CZ6" s="674"/>
      <c r="DA6" s="674"/>
      <c r="DB6" s="674"/>
      <c r="DC6" s="674"/>
      <c r="DD6" s="674"/>
      <c r="DE6" s="674"/>
      <c r="DF6" s="674"/>
      <c r="DG6" s="674"/>
      <c r="DH6" s="675"/>
      <c r="DI6" s="676"/>
      <c r="DJ6" s="677"/>
      <c r="DK6" s="677"/>
      <c r="DL6" s="677"/>
      <c r="DM6" s="677"/>
      <c r="DN6" s="677"/>
      <c r="DO6" s="677"/>
      <c r="DP6" s="677"/>
      <c r="DQ6" s="677"/>
      <c r="DR6" s="677"/>
      <c r="DS6" s="677"/>
      <c r="DT6" s="673" t="s">
        <v>77</v>
      </c>
      <c r="DU6" s="674"/>
      <c r="DV6" s="674"/>
      <c r="DW6" s="674"/>
      <c r="DX6" s="674"/>
      <c r="DY6" s="674"/>
      <c r="DZ6" s="674"/>
      <c r="EA6" s="674"/>
      <c r="EB6" s="674"/>
      <c r="EC6" s="674"/>
      <c r="ED6" s="675"/>
      <c r="EE6" s="673" t="s">
        <v>78</v>
      </c>
      <c r="EF6" s="674"/>
      <c r="EG6" s="674"/>
      <c r="EH6" s="674"/>
      <c r="EI6" s="674"/>
      <c r="EJ6" s="674"/>
      <c r="EK6" s="674"/>
      <c r="EL6" s="674"/>
      <c r="EM6" s="674"/>
      <c r="EN6" s="674"/>
      <c r="EO6" s="675"/>
      <c r="EP6" s="673" t="s">
        <v>79</v>
      </c>
      <c r="EQ6" s="674"/>
      <c r="ER6" s="674"/>
      <c r="ES6" s="674"/>
      <c r="ET6" s="674"/>
      <c r="EU6" s="674"/>
      <c r="EV6" s="674"/>
      <c r="EW6" s="674"/>
      <c r="EX6" s="674"/>
      <c r="EY6" s="674"/>
      <c r="EZ6" s="675"/>
      <c r="FA6" s="595" t="s">
        <v>151</v>
      </c>
      <c r="FB6" s="674"/>
      <c r="FC6" s="674"/>
      <c r="FD6" s="674"/>
      <c r="FE6" s="674"/>
      <c r="FF6" s="674"/>
      <c r="FG6" s="674"/>
      <c r="FH6" s="674"/>
      <c r="FI6" s="674"/>
      <c r="FJ6" s="674"/>
      <c r="FK6" s="675"/>
      <c r="FL6" s="676"/>
      <c r="FM6" s="677"/>
      <c r="FN6" s="677"/>
      <c r="FO6" s="677"/>
      <c r="FP6" s="677"/>
      <c r="FQ6" s="677"/>
      <c r="FR6" s="677"/>
      <c r="FS6" s="677"/>
      <c r="FT6" s="677"/>
      <c r="FU6" s="677"/>
      <c r="FV6" s="677"/>
      <c r="FW6" s="673" t="s">
        <v>80</v>
      </c>
      <c r="FX6" s="674"/>
      <c r="FY6" s="674"/>
      <c r="FZ6" s="674"/>
      <c r="GA6" s="674"/>
      <c r="GB6" s="674"/>
      <c r="GC6" s="674"/>
      <c r="GD6" s="674"/>
      <c r="GE6" s="674"/>
      <c r="GF6" s="674"/>
      <c r="GG6" s="675"/>
      <c r="GH6" s="678" t="s">
        <v>81</v>
      </c>
      <c r="GI6" s="493"/>
      <c r="GJ6" s="493"/>
      <c r="GK6" s="493"/>
      <c r="GL6" s="493"/>
      <c r="GM6" s="493"/>
      <c r="GN6" s="493"/>
      <c r="GO6" s="493"/>
      <c r="GP6" s="493"/>
      <c r="GQ6" s="493"/>
      <c r="GR6" s="494"/>
      <c r="GS6" s="678" t="s">
        <v>82</v>
      </c>
      <c r="GT6" s="493"/>
      <c r="GU6" s="493"/>
      <c r="GV6" s="493"/>
      <c r="GW6" s="493"/>
      <c r="GX6" s="493"/>
      <c r="GY6" s="493"/>
      <c r="GZ6" s="493"/>
      <c r="HA6" s="493"/>
      <c r="HB6" s="493"/>
      <c r="HC6" s="494"/>
      <c r="HD6" s="699"/>
      <c r="HE6" s="700"/>
      <c r="HF6" s="700"/>
      <c r="HG6" s="700"/>
      <c r="HH6" s="700"/>
      <c r="HI6" s="700"/>
      <c r="HJ6" s="700"/>
      <c r="HK6" s="700"/>
      <c r="HL6" s="700"/>
      <c r="HM6" s="700"/>
      <c r="HN6" s="701"/>
      <c r="HO6" s="699"/>
      <c r="HP6" s="700"/>
      <c r="HQ6" s="700"/>
      <c r="HR6" s="700"/>
      <c r="HS6" s="700"/>
      <c r="HT6" s="700"/>
      <c r="HU6" s="700"/>
      <c r="HV6" s="700"/>
      <c r="HW6" s="700"/>
      <c r="HX6" s="700"/>
      <c r="HY6" s="701"/>
      <c r="HZ6" s="589"/>
      <c r="IA6" s="590"/>
      <c r="IB6" s="590"/>
      <c r="IC6" s="590"/>
      <c r="ID6" s="590"/>
      <c r="IE6" s="590"/>
      <c r="IF6" s="590"/>
      <c r="IG6" s="590"/>
      <c r="IH6" s="590"/>
      <c r="II6" s="590"/>
      <c r="IJ6" s="591"/>
      <c r="IK6" s="576"/>
      <c r="IL6" s="569"/>
      <c r="IM6" s="569"/>
      <c r="IN6" s="569"/>
      <c r="IO6" s="569"/>
      <c r="IP6" s="569"/>
      <c r="IQ6" s="569"/>
      <c r="IR6" s="569"/>
      <c r="IS6" s="569"/>
      <c r="IT6" s="569"/>
      <c r="IU6" s="577"/>
      <c r="IV6" s="576"/>
      <c r="IW6" s="569"/>
      <c r="IX6" s="569"/>
      <c r="IY6" s="569"/>
      <c r="IZ6" s="569"/>
      <c r="JA6" s="569"/>
      <c r="JB6" s="569"/>
      <c r="JC6" s="569"/>
      <c r="JD6" s="569"/>
      <c r="JE6" s="569"/>
      <c r="JF6" s="577"/>
      <c r="JG6" s="643"/>
      <c r="JH6" s="644"/>
      <c r="JI6" s="644"/>
      <c r="JJ6" s="644"/>
      <c r="JK6" s="644"/>
      <c r="JL6" s="644"/>
      <c r="JM6" s="644"/>
      <c r="JN6" s="644"/>
      <c r="JO6" s="644"/>
      <c r="JP6" s="644"/>
      <c r="JQ6" s="645"/>
      <c r="JR6" s="576"/>
      <c r="JS6" s="569"/>
      <c r="JT6" s="569"/>
      <c r="JU6" s="569"/>
      <c r="JV6" s="569"/>
      <c r="JW6" s="569"/>
      <c r="JX6" s="569"/>
      <c r="JY6" s="569"/>
      <c r="JZ6" s="569"/>
      <c r="KA6" s="569"/>
      <c r="KB6" s="577"/>
      <c r="KC6" s="576"/>
      <c r="KD6" s="569"/>
      <c r="KE6" s="569"/>
      <c r="KF6" s="569"/>
      <c r="KG6" s="569"/>
      <c r="KH6" s="569"/>
      <c r="KI6" s="569"/>
      <c r="KJ6" s="569"/>
      <c r="KK6" s="569"/>
      <c r="KL6" s="569"/>
      <c r="KM6" s="577"/>
      <c r="KN6" s="576"/>
      <c r="KO6" s="569"/>
      <c r="KP6" s="569"/>
      <c r="KQ6" s="569"/>
      <c r="KR6" s="569"/>
      <c r="KS6" s="569"/>
      <c r="KT6" s="569"/>
      <c r="KU6" s="569"/>
      <c r="KV6" s="569"/>
      <c r="KW6" s="569"/>
      <c r="KX6" s="577"/>
      <c r="KY6" s="576"/>
      <c r="KZ6" s="569"/>
      <c r="LA6" s="569"/>
      <c r="LB6" s="569"/>
      <c r="LC6" s="569"/>
      <c r="LD6" s="569"/>
      <c r="LE6" s="569"/>
      <c r="LF6" s="569"/>
      <c r="LG6" s="569"/>
      <c r="LH6" s="569"/>
      <c r="LI6" s="577"/>
      <c r="LJ6" s="589"/>
      <c r="LK6" s="590"/>
      <c r="LL6" s="590"/>
      <c r="LM6" s="590"/>
      <c r="LN6" s="590"/>
      <c r="LO6" s="590"/>
      <c r="LP6" s="590"/>
      <c r="LQ6" s="590"/>
      <c r="LR6" s="590"/>
      <c r="LS6" s="590"/>
      <c r="LT6" s="591"/>
      <c r="LU6" s="652"/>
      <c r="LV6" s="653"/>
      <c r="LW6" s="653"/>
      <c r="LX6" s="653"/>
      <c r="LY6" s="653"/>
      <c r="LZ6" s="653"/>
      <c r="MA6" s="653"/>
      <c r="MB6" s="653"/>
      <c r="MC6" s="653"/>
      <c r="MD6" s="653"/>
      <c r="ME6" s="654"/>
      <c r="MF6" s="589"/>
      <c r="MG6" s="590"/>
      <c r="MH6" s="590"/>
      <c r="MI6" s="590"/>
      <c r="MJ6" s="590"/>
      <c r="MK6" s="590"/>
      <c r="ML6" s="590"/>
      <c r="MM6" s="590"/>
      <c r="MN6" s="590"/>
      <c r="MO6" s="590"/>
      <c r="MP6" s="591"/>
      <c r="MQ6" s="576"/>
      <c r="MR6" s="569"/>
      <c r="MS6" s="569"/>
      <c r="MT6" s="569"/>
      <c r="MU6" s="569"/>
      <c r="MV6" s="569"/>
      <c r="MW6" s="569"/>
      <c r="MX6" s="569"/>
      <c r="MY6" s="569"/>
      <c r="MZ6" s="569"/>
      <c r="NA6" s="577"/>
      <c r="NB6" s="576"/>
      <c r="NC6" s="569"/>
      <c r="ND6" s="569"/>
      <c r="NE6" s="569"/>
      <c r="NF6" s="569"/>
      <c r="NG6" s="569"/>
      <c r="NH6" s="569"/>
      <c r="NI6" s="569"/>
      <c r="NJ6" s="569"/>
      <c r="NK6" s="569"/>
      <c r="NL6" s="577"/>
      <c r="NM6" s="576"/>
      <c r="NN6" s="569"/>
      <c r="NO6" s="569"/>
      <c r="NP6" s="569"/>
      <c r="NQ6" s="569"/>
      <c r="NR6" s="569"/>
      <c r="NS6" s="569"/>
      <c r="NT6" s="569"/>
      <c r="NU6" s="569"/>
      <c r="NV6" s="569"/>
      <c r="NW6" s="577"/>
      <c r="NX6" s="630"/>
      <c r="NY6" s="631"/>
      <c r="NZ6" s="631"/>
      <c r="OA6" s="631"/>
      <c r="OB6" s="631"/>
      <c r="OC6" s="631"/>
      <c r="OD6" s="631"/>
      <c r="OE6" s="631"/>
      <c r="OF6" s="631"/>
      <c r="OG6" s="631"/>
      <c r="OH6" s="632"/>
      <c r="OI6" s="576"/>
      <c r="OJ6" s="569"/>
      <c r="OK6" s="569"/>
      <c r="OL6" s="569"/>
      <c r="OM6" s="569"/>
      <c r="ON6" s="569"/>
      <c r="OO6" s="569"/>
      <c r="OP6" s="569"/>
      <c r="OQ6" s="569"/>
      <c r="OR6" s="569"/>
      <c r="OS6" s="577"/>
    </row>
    <row r="7" spans="2:409" ht="21" customHeight="1" x14ac:dyDescent="0.2">
      <c r="B7" s="686"/>
      <c r="C7" s="671" t="s">
        <v>61</v>
      </c>
      <c r="D7" s="671"/>
      <c r="E7" s="671"/>
      <c r="F7" s="683" t="s">
        <v>62</v>
      </c>
      <c r="G7" s="671"/>
      <c r="H7" s="671"/>
      <c r="I7" s="671"/>
      <c r="J7" s="671"/>
      <c r="K7" s="671"/>
      <c r="L7" s="671"/>
      <c r="M7" s="683" t="s">
        <v>52</v>
      </c>
      <c r="N7" s="682" t="s">
        <v>61</v>
      </c>
      <c r="O7" s="671"/>
      <c r="P7" s="671"/>
      <c r="Q7" s="683" t="s">
        <v>62</v>
      </c>
      <c r="R7" s="671"/>
      <c r="S7" s="671"/>
      <c r="T7" s="671"/>
      <c r="U7" s="671"/>
      <c r="V7" s="671"/>
      <c r="W7" s="684"/>
      <c r="X7" s="679" t="s">
        <v>52</v>
      </c>
      <c r="Y7" s="489" t="s">
        <v>61</v>
      </c>
      <c r="Z7" s="490"/>
      <c r="AA7" s="665"/>
      <c r="AB7" s="664" t="s">
        <v>62</v>
      </c>
      <c r="AC7" s="490"/>
      <c r="AD7" s="490"/>
      <c r="AE7" s="490"/>
      <c r="AF7" s="490"/>
      <c r="AG7" s="490"/>
      <c r="AH7" s="665"/>
      <c r="AI7" s="491" t="s">
        <v>52</v>
      </c>
      <c r="AJ7" s="659" t="s">
        <v>61</v>
      </c>
      <c r="AK7" s="660"/>
      <c r="AL7" s="661"/>
      <c r="AM7" s="662" t="s">
        <v>62</v>
      </c>
      <c r="AN7" s="660"/>
      <c r="AO7" s="660"/>
      <c r="AP7" s="660"/>
      <c r="AQ7" s="660"/>
      <c r="AR7" s="660"/>
      <c r="AS7" s="663"/>
      <c r="AT7" s="491" t="s">
        <v>52</v>
      </c>
      <c r="AU7" s="659" t="s">
        <v>61</v>
      </c>
      <c r="AV7" s="660"/>
      <c r="AW7" s="661"/>
      <c r="AX7" s="662" t="s">
        <v>62</v>
      </c>
      <c r="AY7" s="660"/>
      <c r="AZ7" s="660"/>
      <c r="BA7" s="660"/>
      <c r="BB7" s="660"/>
      <c r="BC7" s="660"/>
      <c r="BD7" s="663"/>
      <c r="BE7" s="491" t="s">
        <v>52</v>
      </c>
      <c r="BF7" s="659" t="s">
        <v>61</v>
      </c>
      <c r="BG7" s="660"/>
      <c r="BH7" s="661"/>
      <c r="BI7" s="662" t="s">
        <v>62</v>
      </c>
      <c r="BJ7" s="660"/>
      <c r="BK7" s="660"/>
      <c r="BL7" s="660"/>
      <c r="BM7" s="660"/>
      <c r="BN7" s="660"/>
      <c r="BO7" s="663"/>
      <c r="BP7" s="491" t="s">
        <v>52</v>
      </c>
      <c r="BQ7" s="659" t="s">
        <v>61</v>
      </c>
      <c r="BR7" s="660"/>
      <c r="BS7" s="661"/>
      <c r="BT7" s="662" t="s">
        <v>62</v>
      </c>
      <c r="BU7" s="660"/>
      <c r="BV7" s="660"/>
      <c r="BW7" s="660"/>
      <c r="BX7" s="660"/>
      <c r="BY7" s="660"/>
      <c r="BZ7" s="663"/>
      <c r="CA7" s="491" t="s">
        <v>52</v>
      </c>
      <c r="CB7" s="666" t="s">
        <v>61</v>
      </c>
      <c r="CC7" s="667"/>
      <c r="CD7" s="668"/>
      <c r="CE7" s="669" t="s">
        <v>62</v>
      </c>
      <c r="CF7" s="667"/>
      <c r="CG7" s="667"/>
      <c r="CH7" s="667"/>
      <c r="CI7" s="667"/>
      <c r="CJ7" s="667"/>
      <c r="CK7" s="670"/>
      <c r="CL7" s="679" t="s">
        <v>52</v>
      </c>
      <c r="CM7" s="659" t="s">
        <v>61</v>
      </c>
      <c r="CN7" s="660"/>
      <c r="CO7" s="663"/>
      <c r="CP7" s="662" t="s">
        <v>62</v>
      </c>
      <c r="CQ7" s="660"/>
      <c r="CR7" s="660"/>
      <c r="CS7" s="660"/>
      <c r="CT7" s="660"/>
      <c r="CU7" s="660"/>
      <c r="CV7" s="663"/>
      <c r="CW7" s="681" t="s">
        <v>52</v>
      </c>
      <c r="CX7" s="659" t="s">
        <v>61</v>
      </c>
      <c r="CY7" s="660"/>
      <c r="CZ7" s="663"/>
      <c r="DA7" s="662" t="s">
        <v>62</v>
      </c>
      <c r="DB7" s="660"/>
      <c r="DC7" s="660"/>
      <c r="DD7" s="660"/>
      <c r="DE7" s="660"/>
      <c r="DF7" s="660"/>
      <c r="DG7" s="663"/>
      <c r="DH7" s="681" t="s">
        <v>52</v>
      </c>
      <c r="DI7" s="666" t="s">
        <v>61</v>
      </c>
      <c r="DJ7" s="667"/>
      <c r="DK7" s="670"/>
      <c r="DL7" s="669" t="s">
        <v>62</v>
      </c>
      <c r="DM7" s="667"/>
      <c r="DN7" s="667"/>
      <c r="DO7" s="667"/>
      <c r="DP7" s="667"/>
      <c r="DQ7" s="667"/>
      <c r="DR7" s="670"/>
      <c r="DS7" s="679" t="s">
        <v>52</v>
      </c>
      <c r="DT7" s="659" t="s">
        <v>61</v>
      </c>
      <c r="DU7" s="660"/>
      <c r="DV7" s="661"/>
      <c r="DW7" s="662" t="s">
        <v>62</v>
      </c>
      <c r="DX7" s="660"/>
      <c r="DY7" s="660"/>
      <c r="DZ7" s="660"/>
      <c r="EA7" s="660"/>
      <c r="EB7" s="660"/>
      <c r="EC7" s="663"/>
      <c r="ED7" s="491" t="s">
        <v>52</v>
      </c>
      <c r="EE7" s="659" t="s">
        <v>61</v>
      </c>
      <c r="EF7" s="660"/>
      <c r="EG7" s="661"/>
      <c r="EH7" s="662" t="s">
        <v>62</v>
      </c>
      <c r="EI7" s="660"/>
      <c r="EJ7" s="660"/>
      <c r="EK7" s="660"/>
      <c r="EL7" s="660"/>
      <c r="EM7" s="660"/>
      <c r="EN7" s="663"/>
      <c r="EO7" s="491" t="s">
        <v>52</v>
      </c>
      <c r="EP7" s="659" t="s">
        <v>61</v>
      </c>
      <c r="EQ7" s="660"/>
      <c r="ER7" s="661"/>
      <c r="ES7" s="662" t="s">
        <v>62</v>
      </c>
      <c r="ET7" s="660"/>
      <c r="EU7" s="660"/>
      <c r="EV7" s="660"/>
      <c r="EW7" s="660"/>
      <c r="EX7" s="660"/>
      <c r="EY7" s="663"/>
      <c r="EZ7" s="491" t="s">
        <v>52</v>
      </c>
      <c r="FA7" s="659" t="s">
        <v>61</v>
      </c>
      <c r="FB7" s="660"/>
      <c r="FC7" s="661"/>
      <c r="FD7" s="662" t="s">
        <v>62</v>
      </c>
      <c r="FE7" s="660"/>
      <c r="FF7" s="660"/>
      <c r="FG7" s="660"/>
      <c r="FH7" s="660"/>
      <c r="FI7" s="660"/>
      <c r="FJ7" s="663"/>
      <c r="FK7" s="491" t="s">
        <v>52</v>
      </c>
      <c r="FL7" s="666" t="s">
        <v>61</v>
      </c>
      <c r="FM7" s="667"/>
      <c r="FN7" s="668"/>
      <c r="FO7" s="669" t="s">
        <v>62</v>
      </c>
      <c r="FP7" s="667"/>
      <c r="FQ7" s="667"/>
      <c r="FR7" s="667"/>
      <c r="FS7" s="667"/>
      <c r="FT7" s="667"/>
      <c r="FU7" s="670"/>
      <c r="FV7" s="671" t="s">
        <v>52</v>
      </c>
      <c r="FW7" s="659" t="s">
        <v>61</v>
      </c>
      <c r="FX7" s="660"/>
      <c r="FY7" s="661"/>
      <c r="FZ7" s="662" t="s">
        <v>62</v>
      </c>
      <c r="GA7" s="660"/>
      <c r="GB7" s="660"/>
      <c r="GC7" s="660"/>
      <c r="GD7" s="660"/>
      <c r="GE7" s="660"/>
      <c r="GF7" s="663"/>
      <c r="GG7" s="491" t="s">
        <v>52</v>
      </c>
      <c r="GH7" s="489" t="s">
        <v>61</v>
      </c>
      <c r="GI7" s="490"/>
      <c r="GJ7" s="490"/>
      <c r="GK7" s="664" t="s">
        <v>62</v>
      </c>
      <c r="GL7" s="490"/>
      <c r="GM7" s="490"/>
      <c r="GN7" s="490"/>
      <c r="GO7" s="490"/>
      <c r="GP7" s="490"/>
      <c r="GQ7" s="665"/>
      <c r="GR7" s="657" t="s">
        <v>52</v>
      </c>
      <c r="GS7" s="489" t="s">
        <v>61</v>
      </c>
      <c r="GT7" s="490"/>
      <c r="GU7" s="665"/>
      <c r="GV7" s="664" t="s">
        <v>62</v>
      </c>
      <c r="GW7" s="490"/>
      <c r="GX7" s="490"/>
      <c r="GY7" s="490"/>
      <c r="GZ7" s="490"/>
      <c r="HA7" s="490"/>
      <c r="HB7" s="665"/>
      <c r="HC7" s="657" t="s">
        <v>52</v>
      </c>
      <c r="HD7" s="659" t="s">
        <v>61</v>
      </c>
      <c r="HE7" s="660"/>
      <c r="HF7" s="661"/>
      <c r="HG7" s="662" t="s">
        <v>62</v>
      </c>
      <c r="HH7" s="660"/>
      <c r="HI7" s="660"/>
      <c r="HJ7" s="660"/>
      <c r="HK7" s="660"/>
      <c r="HL7" s="660"/>
      <c r="HM7" s="663"/>
      <c r="HN7" s="491" t="s">
        <v>52</v>
      </c>
      <c r="HO7" s="659" t="s">
        <v>61</v>
      </c>
      <c r="HP7" s="660"/>
      <c r="HQ7" s="661"/>
      <c r="HR7" s="662" t="s">
        <v>62</v>
      </c>
      <c r="HS7" s="660"/>
      <c r="HT7" s="660"/>
      <c r="HU7" s="660"/>
      <c r="HV7" s="660"/>
      <c r="HW7" s="660"/>
      <c r="HX7" s="663"/>
      <c r="HY7" s="491" t="s">
        <v>52</v>
      </c>
      <c r="HZ7" s="557" t="s">
        <v>61</v>
      </c>
      <c r="IA7" s="558"/>
      <c r="IB7" s="559"/>
      <c r="IC7" s="618" t="s">
        <v>62</v>
      </c>
      <c r="ID7" s="558"/>
      <c r="IE7" s="558"/>
      <c r="IF7" s="558"/>
      <c r="IG7" s="558"/>
      <c r="IH7" s="558"/>
      <c r="II7" s="619"/>
      <c r="IJ7" s="561" t="s">
        <v>52</v>
      </c>
      <c r="IK7" s="565" t="s">
        <v>61</v>
      </c>
      <c r="IL7" s="566"/>
      <c r="IM7" s="567"/>
      <c r="IN7" s="600" t="s">
        <v>62</v>
      </c>
      <c r="IO7" s="566"/>
      <c r="IP7" s="566"/>
      <c r="IQ7" s="566"/>
      <c r="IR7" s="566"/>
      <c r="IS7" s="566"/>
      <c r="IT7" s="601"/>
      <c r="IU7" s="577" t="s">
        <v>52</v>
      </c>
      <c r="IV7" s="565" t="s">
        <v>61</v>
      </c>
      <c r="IW7" s="566"/>
      <c r="IX7" s="601"/>
      <c r="IY7" s="600" t="s">
        <v>62</v>
      </c>
      <c r="IZ7" s="566"/>
      <c r="JA7" s="566"/>
      <c r="JB7" s="566"/>
      <c r="JC7" s="566"/>
      <c r="JD7" s="566"/>
      <c r="JE7" s="601"/>
      <c r="JF7" s="577" t="s">
        <v>52</v>
      </c>
      <c r="JG7" s="565" t="s">
        <v>61</v>
      </c>
      <c r="JH7" s="566"/>
      <c r="JI7" s="567"/>
      <c r="JJ7" s="600" t="s">
        <v>62</v>
      </c>
      <c r="JK7" s="566"/>
      <c r="JL7" s="566"/>
      <c r="JM7" s="566"/>
      <c r="JN7" s="566"/>
      <c r="JO7" s="566"/>
      <c r="JP7" s="601"/>
      <c r="JQ7" s="624" t="s">
        <v>52</v>
      </c>
      <c r="JR7" s="565" t="s">
        <v>61</v>
      </c>
      <c r="JS7" s="566"/>
      <c r="JT7" s="567"/>
      <c r="JU7" s="600" t="s">
        <v>62</v>
      </c>
      <c r="JV7" s="566"/>
      <c r="JW7" s="566"/>
      <c r="JX7" s="566"/>
      <c r="JY7" s="566"/>
      <c r="JZ7" s="566"/>
      <c r="KA7" s="601"/>
      <c r="KB7" s="624" t="s">
        <v>52</v>
      </c>
      <c r="KC7" s="565" t="s">
        <v>61</v>
      </c>
      <c r="KD7" s="566"/>
      <c r="KE7" s="567"/>
      <c r="KF7" s="600" t="s">
        <v>62</v>
      </c>
      <c r="KG7" s="566"/>
      <c r="KH7" s="566"/>
      <c r="KI7" s="566"/>
      <c r="KJ7" s="566"/>
      <c r="KK7" s="566"/>
      <c r="KL7" s="601"/>
      <c r="KM7" s="624" t="s">
        <v>52</v>
      </c>
      <c r="KN7" s="565" t="s">
        <v>61</v>
      </c>
      <c r="KO7" s="566"/>
      <c r="KP7" s="567"/>
      <c r="KQ7" s="600" t="s">
        <v>62</v>
      </c>
      <c r="KR7" s="566"/>
      <c r="KS7" s="566"/>
      <c r="KT7" s="566"/>
      <c r="KU7" s="566"/>
      <c r="KV7" s="566"/>
      <c r="KW7" s="601"/>
      <c r="KX7" s="624" t="s">
        <v>52</v>
      </c>
      <c r="KY7" s="565" t="s">
        <v>61</v>
      </c>
      <c r="KZ7" s="566"/>
      <c r="LA7" s="567"/>
      <c r="LB7" s="600" t="s">
        <v>62</v>
      </c>
      <c r="LC7" s="566"/>
      <c r="LD7" s="566"/>
      <c r="LE7" s="566"/>
      <c r="LF7" s="566"/>
      <c r="LG7" s="566"/>
      <c r="LH7" s="601"/>
      <c r="LI7" s="624" t="s">
        <v>52</v>
      </c>
      <c r="LJ7" s="565" t="s">
        <v>61</v>
      </c>
      <c r="LK7" s="566"/>
      <c r="LL7" s="567"/>
      <c r="LM7" s="600" t="s">
        <v>62</v>
      </c>
      <c r="LN7" s="566"/>
      <c r="LO7" s="566"/>
      <c r="LP7" s="566"/>
      <c r="LQ7" s="566"/>
      <c r="LR7" s="566"/>
      <c r="LS7" s="601"/>
      <c r="LT7" s="624" t="s">
        <v>52</v>
      </c>
      <c r="LU7" s="565" t="s">
        <v>61</v>
      </c>
      <c r="LV7" s="566"/>
      <c r="LW7" s="567"/>
      <c r="LX7" s="600" t="s">
        <v>62</v>
      </c>
      <c r="LY7" s="566"/>
      <c r="LZ7" s="566"/>
      <c r="MA7" s="566"/>
      <c r="MB7" s="566"/>
      <c r="MC7" s="566"/>
      <c r="MD7" s="601"/>
      <c r="ME7" s="624" t="s">
        <v>52</v>
      </c>
      <c r="MF7" s="557" t="s">
        <v>61</v>
      </c>
      <c r="MG7" s="558"/>
      <c r="MH7" s="559"/>
      <c r="MI7" s="618" t="s">
        <v>62</v>
      </c>
      <c r="MJ7" s="558"/>
      <c r="MK7" s="558"/>
      <c r="ML7" s="558"/>
      <c r="MM7" s="558"/>
      <c r="MN7" s="558"/>
      <c r="MO7" s="619"/>
      <c r="MP7" s="602" t="s">
        <v>52</v>
      </c>
      <c r="MQ7" s="565" t="s">
        <v>61</v>
      </c>
      <c r="MR7" s="566"/>
      <c r="MS7" s="567"/>
      <c r="MT7" s="600" t="s">
        <v>62</v>
      </c>
      <c r="MU7" s="566"/>
      <c r="MV7" s="566"/>
      <c r="MW7" s="566"/>
      <c r="MX7" s="566"/>
      <c r="MY7" s="566"/>
      <c r="MZ7" s="601"/>
      <c r="NA7" s="624" t="s">
        <v>52</v>
      </c>
      <c r="NB7" s="565" t="s">
        <v>61</v>
      </c>
      <c r="NC7" s="566"/>
      <c r="ND7" s="567"/>
      <c r="NE7" s="600" t="s">
        <v>62</v>
      </c>
      <c r="NF7" s="566"/>
      <c r="NG7" s="566"/>
      <c r="NH7" s="566"/>
      <c r="NI7" s="566"/>
      <c r="NJ7" s="566"/>
      <c r="NK7" s="601"/>
      <c r="NL7" s="624" t="s">
        <v>52</v>
      </c>
      <c r="NM7" s="565" t="s">
        <v>61</v>
      </c>
      <c r="NN7" s="566"/>
      <c r="NO7" s="567"/>
      <c r="NP7" s="600" t="s">
        <v>62</v>
      </c>
      <c r="NQ7" s="566"/>
      <c r="NR7" s="566"/>
      <c r="NS7" s="566"/>
      <c r="NT7" s="566"/>
      <c r="NU7" s="566"/>
      <c r="NV7" s="601"/>
      <c r="NW7" s="624" t="s">
        <v>52</v>
      </c>
      <c r="NX7" s="565" t="s">
        <v>61</v>
      </c>
      <c r="NY7" s="566"/>
      <c r="NZ7" s="567"/>
      <c r="OA7" s="600" t="s">
        <v>62</v>
      </c>
      <c r="OB7" s="566"/>
      <c r="OC7" s="566"/>
      <c r="OD7" s="566"/>
      <c r="OE7" s="566"/>
      <c r="OF7" s="566"/>
      <c r="OG7" s="601"/>
      <c r="OH7" s="624" t="s">
        <v>52</v>
      </c>
      <c r="OI7" s="557" t="s">
        <v>61</v>
      </c>
      <c r="OJ7" s="558"/>
      <c r="OK7" s="559"/>
      <c r="OL7" s="618" t="s">
        <v>62</v>
      </c>
      <c r="OM7" s="558"/>
      <c r="ON7" s="558"/>
      <c r="OO7" s="558"/>
      <c r="OP7" s="558"/>
      <c r="OQ7" s="558"/>
      <c r="OR7" s="619"/>
      <c r="OS7" s="602" t="s">
        <v>52</v>
      </c>
    </row>
    <row r="8" spans="2:409" ht="30" customHeight="1" thickBot="1" x14ac:dyDescent="0.25">
      <c r="B8" s="687"/>
      <c r="C8" s="303" t="s">
        <v>43</v>
      </c>
      <c r="D8" s="41" t="s">
        <v>44</v>
      </c>
      <c r="E8" s="304" t="s">
        <v>45</v>
      </c>
      <c r="F8" s="44" t="s">
        <v>83</v>
      </c>
      <c r="G8" s="41" t="s">
        <v>47</v>
      </c>
      <c r="H8" s="41" t="s">
        <v>48</v>
      </c>
      <c r="I8" s="41" t="s">
        <v>49</v>
      </c>
      <c r="J8" s="41" t="s">
        <v>50</v>
      </c>
      <c r="K8" s="41" t="s">
        <v>51</v>
      </c>
      <c r="L8" s="42" t="s">
        <v>45</v>
      </c>
      <c r="M8" s="703"/>
      <c r="N8" s="43" t="s">
        <v>43</v>
      </c>
      <c r="O8" s="41" t="s">
        <v>44</v>
      </c>
      <c r="P8" s="42" t="s">
        <v>45</v>
      </c>
      <c r="Q8" s="44" t="s">
        <v>83</v>
      </c>
      <c r="R8" s="41" t="s">
        <v>47</v>
      </c>
      <c r="S8" s="41" t="s">
        <v>48</v>
      </c>
      <c r="T8" s="41" t="s">
        <v>49</v>
      </c>
      <c r="U8" s="41" t="s">
        <v>50</v>
      </c>
      <c r="V8" s="41" t="s">
        <v>51</v>
      </c>
      <c r="W8" s="42" t="s">
        <v>45</v>
      </c>
      <c r="X8" s="680"/>
      <c r="Y8" s="43" t="s">
        <v>43</v>
      </c>
      <c r="Z8" s="41" t="s">
        <v>44</v>
      </c>
      <c r="AA8" s="42" t="s">
        <v>45</v>
      </c>
      <c r="AB8" s="44" t="s">
        <v>83</v>
      </c>
      <c r="AC8" s="41" t="s">
        <v>47</v>
      </c>
      <c r="AD8" s="41" t="s">
        <v>48</v>
      </c>
      <c r="AE8" s="41" t="s">
        <v>49</v>
      </c>
      <c r="AF8" s="41" t="s">
        <v>50</v>
      </c>
      <c r="AG8" s="41" t="s">
        <v>51</v>
      </c>
      <c r="AH8" s="42" t="s">
        <v>45</v>
      </c>
      <c r="AI8" s="656"/>
      <c r="AJ8" s="43" t="s">
        <v>43</v>
      </c>
      <c r="AK8" s="41" t="s">
        <v>44</v>
      </c>
      <c r="AL8" s="304" t="s">
        <v>45</v>
      </c>
      <c r="AM8" s="44" t="s">
        <v>83</v>
      </c>
      <c r="AN8" s="41" t="s">
        <v>47</v>
      </c>
      <c r="AO8" s="41" t="s">
        <v>48</v>
      </c>
      <c r="AP8" s="41" t="s">
        <v>49</v>
      </c>
      <c r="AQ8" s="41" t="s">
        <v>50</v>
      </c>
      <c r="AR8" s="41" t="s">
        <v>51</v>
      </c>
      <c r="AS8" s="42" t="s">
        <v>45</v>
      </c>
      <c r="AT8" s="656"/>
      <c r="AU8" s="43" t="s">
        <v>43</v>
      </c>
      <c r="AV8" s="41" t="s">
        <v>44</v>
      </c>
      <c r="AW8" s="304" t="s">
        <v>45</v>
      </c>
      <c r="AX8" s="44" t="s">
        <v>83</v>
      </c>
      <c r="AY8" s="41" t="s">
        <v>47</v>
      </c>
      <c r="AZ8" s="41" t="s">
        <v>48</v>
      </c>
      <c r="BA8" s="41" t="s">
        <v>49</v>
      </c>
      <c r="BB8" s="41" t="s">
        <v>50</v>
      </c>
      <c r="BC8" s="41" t="s">
        <v>51</v>
      </c>
      <c r="BD8" s="42" t="s">
        <v>45</v>
      </c>
      <c r="BE8" s="656"/>
      <c r="BF8" s="305" t="s">
        <v>43</v>
      </c>
      <c r="BG8" s="41" t="s">
        <v>44</v>
      </c>
      <c r="BH8" s="304" t="s">
        <v>45</v>
      </c>
      <c r="BI8" s="44" t="s">
        <v>83</v>
      </c>
      <c r="BJ8" s="41" t="s">
        <v>47</v>
      </c>
      <c r="BK8" s="41" t="s">
        <v>48</v>
      </c>
      <c r="BL8" s="41" t="s">
        <v>49</v>
      </c>
      <c r="BM8" s="41" t="s">
        <v>50</v>
      </c>
      <c r="BN8" s="41" t="s">
        <v>51</v>
      </c>
      <c r="BO8" s="42" t="s">
        <v>45</v>
      </c>
      <c r="BP8" s="656"/>
      <c r="BQ8" s="43" t="s">
        <v>43</v>
      </c>
      <c r="BR8" s="41" t="s">
        <v>44</v>
      </c>
      <c r="BS8" s="304" t="s">
        <v>45</v>
      </c>
      <c r="BT8" s="44" t="s">
        <v>83</v>
      </c>
      <c r="BU8" s="41" t="s">
        <v>47</v>
      </c>
      <c r="BV8" s="41" t="s">
        <v>48</v>
      </c>
      <c r="BW8" s="41" t="s">
        <v>49</v>
      </c>
      <c r="BX8" s="41" t="s">
        <v>50</v>
      </c>
      <c r="BY8" s="41" t="s">
        <v>51</v>
      </c>
      <c r="BZ8" s="42" t="s">
        <v>45</v>
      </c>
      <c r="CA8" s="656"/>
      <c r="CB8" s="43" t="s">
        <v>43</v>
      </c>
      <c r="CC8" s="41" t="s">
        <v>44</v>
      </c>
      <c r="CD8" s="304" t="s">
        <v>45</v>
      </c>
      <c r="CE8" s="44" t="s">
        <v>83</v>
      </c>
      <c r="CF8" s="41" t="s">
        <v>47</v>
      </c>
      <c r="CG8" s="41" t="s">
        <v>48</v>
      </c>
      <c r="CH8" s="41" t="s">
        <v>49</v>
      </c>
      <c r="CI8" s="41" t="s">
        <v>50</v>
      </c>
      <c r="CJ8" s="41" t="s">
        <v>51</v>
      </c>
      <c r="CK8" s="42" t="s">
        <v>45</v>
      </c>
      <c r="CL8" s="680"/>
      <c r="CM8" s="43" t="s">
        <v>43</v>
      </c>
      <c r="CN8" s="41" t="s">
        <v>44</v>
      </c>
      <c r="CO8" s="42" t="s">
        <v>45</v>
      </c>
      <c r="CP8" s="44" t="s">
        <v>83</v>
      </c>
      <c r="CQ8" s="41" t="s">
        <v>47</v>
      </c>
      <c r="CR8" s="41" t="s">
        <v>48</v>
      </c>
      <c r="CS8" s="41" t="s">
        <v>49</v>
      </c>
      <c r="CT8" s="41" t="s">
        <v>50</v>
      </c>
      <c r="CU8" s="41" t="s">
        <v>51</v>
      </c>
      <c r="CV8" s="42" t="s">
        <v>45</v>
      </c>
      <c r="CW8" s="680"/>
      <c r="CX8" s="43" t="s">
        <v>43</v>
      </c>
      <c r="CY8" s="41" t="s">
        <v>44</v>
      </c>
      <c r="CZ8" s="42" t="s">
        <v>45</v>
      </c>
      <c r="DA8" s="44" t="s">
        <v>83</v>
      </c>
      <c r="DB8" s="41" t="s">
        <v>47</v>
      </c>
      <c r="DC8" s="41" t="s">
        <v>48</v>
      </c>
      <c r="DD8" s="41" t="s">
        <v>49</v>
      </c>
      <c r="DE8" s="41" t="s">
        <v>50</v>
      </c>
      <c r="DF8" s="41" t="s">
        <v>51</v>
      </c>
      <c r="DG8" s="42" t="s">
        <v>45</v>
      </c>
      <c r="DH8" s="680"/>
      <c r="DI8" s="43" t="s">
        <v>43</v>
      </c>
      <c r="DJ8" s="41" t="s">
        <v>44</v>
      </c>
      <c r="DK8" s="42" t="s">
        <v>45</v>
      </c>
      <c r="DL8" s="44" t="s">
        <v>83</v>
      </c>
      <c r="DM8" s="41" t="s">
        <v>47</v>
      </c>
      <c r="DN8" s="41" t="s">
        <v>48</v>
      </c>
      <c r="DO8" s="41" t="s">
        <v>49</v>
      </c>
      <c r="DP8" s="41" t="s">
        <v>50</v>
      </c>
      <c r="DQ8" s="41" t="s">
        <v>51</v>
      </c>
      <c r="DR8" s="42" t="s">
        <v>45</v>
      </c>
      <c r="DS8" s="680"/>
      <c r="DT8" s="43" t="s">
        <v>43</v>
      </c>
      <c r="DU8" s="41" t="s">
        <v>44</v>
      </c>
      <c r="DV8" s="304" t="s">
        <v>45</v>
      </c>
      <c r="DW8" s="44" t="s">
        <v>83</v>
      </c>
      <c r="DX8" s="41" t="s">
        <v>47</v>
      </c>
      <c r="DY8" s="41" t="s">
        <v>48</v>
      </c>
      <c r="DZ8" s="41" t="s">
        <v>49</v>
      </c>
      <c r="EA8" s="41" t="s">
        <v>50</v>
      </c>
      <c r="EB8" s="41" t="s">
        <v>51</v>
      </c>
      <c r="EC8" s="42" t="s">
        <v>45</v>
      </c>
      <c r="ED8" s="656"/>
      <c r="EE8" s="43" t="s">
        <v>43</v>
      </c>
      <c r="EF8" s="41" t="s">
        <v>44</v>
      </c>
      <c r="EG8" s="304" t="s">
        <v>45</v>
      </c>
      <c r="EH8" s="44" t="s">
        <v>83</v>
      </c>
      <c r="EI8" s="41" t="s">
        <v>47</v>
      </c>
      <c r="EJ8" s="41" t="s">
        <v>48</v>
      </c>
      <c r="EK8" s="41" t="s">
        <v>49</v>
      </c>
      <c r="EL8" s="41" t="s">
        <v>50</v>
      </c>
      <c r="EM8" s="41" t="s">
        <v>51</v>
      </c>
      <c r="EN8" s="42" t="s">
        <v>45</v>
      </c>
      <c r="EO8" s="656"/>
      <c r="EP8" s="43" t="s">
        <v>43</v>
      </c>
      <c r="EQ8" s="41" t="s">
        <v>44</v>
      </c>
      <c r="ER8" s="304" t="s">
        <v>45</v>
      </c>
      <c r="ES8" s="44" t="s">
        <v>83</v>
      </c>
      <c r="ET8" s="41" t="s">
        <v>47</v>
      </c>
      <c r="EU8" s="41" t="s">
        <v>48</v>
      </c>
      <c r="EV8" s="41" t="s">
        <v>49</v>
      </c>
      <c r="EW8" s="41" t="s">
        <v>50</v>
      </c>
      <c r="EX8" s="41" t="s">
        <v>51</v>
      </c>
      <c r="EY8" s="42" t="s">
        <v>45</v>
      </c>
      <c r="EZ8" s="656"/>
      <c r="FA8" s="43" t="s">
        <v>43</v>
      </c>
      <c r="FB8" s="41" t="s">
        <v>44</v>
      </c>
      <c r="FC8" s="304" t="s">
        <v>45</v>
      </c>
      <c r="FD8" s="44" t="s">
        <v>83</v>
      </c>
      <c r="FE8" s="41" t="s">
        <v>47</v>
      </c>
      <c r="FF8" s="41" t="s">
        <v>48</v>
      </c>
      <c r="FG8" s="41" t="s">
        <v>49</v>
      </c>
      <c r="FH8" s="41" t="s">
        <v>50</v>
      </c>
      <c r="FI8" s="41" t="s">
        <v>51</v>
      </c>
      <c r="FJ8" s="42" t="s">
        <v>45</v>
      </c>
      <c r="FK8" s="656"/>
      <c r="FL8" s="43" t="s">
        <v>43</v>
      </c>
      <c r="FM8" s="41" t="s">
        <v>44</v>
      </c>
      <c r="FN8" s="304" t="s">
        <v>45</v>
      </c>
      <c r="FO8" s="44" t="s">
        <v>83</v>
      </c>
      <c r="FP8" s="41" t="s">
        <v>47</v>
      </c>
      <c r="FQ8" s="41" t="s">
        <v>48</v>
      </c>
      <c r="FR8" s="41" t="s">
        <v>49</v>
      </c>
      <c r="FS8" s="41" t="s">
        <v>50</v>
      </c>
      <c r="FT8" s="41" t="s">
        <v>51</v>
      </c>
      <c r="FU8" s="42" t="s">
        <v>45</v>
      </c>
      <c r="FV8" s="672"/>
      <c r="FW8" s="43" t="s">
        <v>43</v>
      </c>
      <c r="FX8" s="41" t="s">
        <v>44</v>
      </c>
      <c r="FY8" s="304" t="s">
        <v>45</v>
      </c>
      <c r="FZ8" s="44" t="s">
        <v>83</v>
      </c>
      <c r="GA8" s="41" t="s">
        <v>47</v>
      </c>
      <c r="GB8" s="41" t="s">
        <v>48</v>
      </c>
      <c r="GC8" s="41" t="s">
        <v>49</v>
      </c>
      <c r="GD8" s="41" t="s">
        <v>50</v>
      </c>
      <c r="GE8" s="41" t="s">
        <v>51</v>
      </c>
      <c r="GF8" s="42" t="s">
        <v>45</v>
      </c>
      <c r="GG8" s="656"/>
      <c r="GH8" s="43" t="s">
        <v>43</v>
      </c>
      <c r="GI8" s="41" t="s">
        <v>44</v>
      </c>
      <c r="GJ8" s="304" t="s">
        <v>45</v>
      </c>
      <c r="GK8" s="44" t="s">
        <v>83</v>
      </c>
      <c r="GL8" s="41" t="s">
        <v>47</v>
      </c>
      <c r="GM8" s="41" t="s">
        <v>48</v>
      </c>
      <c r="GN8" s="41" t="s">
        <v>49</v>
      </c>
      <c r="GO8" s="41" t="s">
        <v>50</v>
      </c>
      <c r="GP8" s="41" t="s">
        <v>51</v>
      </c>
      <c r="GQ8" s="42" t="s">
        <v>45</v>
      </c>
      <c r="GR8" s="658"/>
      <c r="GS8" s="43" t="s">
        <v>43</v>
      </c>
      <c r="GT8" s="41" t="s">
        <v>44</v>
      </c>
      <c r="GU8" s="304" t="s">
        <v>45</v>
      </c>
      <c r="GV8" s="44" t="s">
        <v>83</v>
      </c>
      <c r="GW8" s="41" t="s">
        <v>47</v>
      </c>
      <c r="GX8" s="41" t="s">
        <v>48</v>
      </c>
      <c r="GY8" s="41" t="s">
        <v>49</v>
      </c>
      <c r="GZ8" s="41" t="s">
        <v>50</v>
      </c>
      <c r="HA8" s="41" t="s">
        <v>51</v>
      </c>
      <c r="HB8" s="42" t="s">
        <v>45</v>
      </c>
      <c r="HC8" s="658"/>
      <c r="HD8" s="43" t="s">
        <v>43</v>
      </c>
      <c r="HE8" s="41" t="s">
        <v>44</v>
      </c>
      <c r="HF8" s="304" t="s">
        <v>45</v>
      </c>
      <c r="HG8" s="44" t="s">
        <v>83</v>
      </c>
      <c r="HH8" s="41" t="s">
        <v>47</v>
      </c>
      <c r="HI8" s="41" t="s">
        <v>48</v>
      </c>
      <c r="HJ8" s="41" t="s">
        <v>49</v>
      </c>
      <c r="HK8" s="41" t="s">
        <v>50</v>
      </c>
      <c r="HL8" s="41" t="s">
        <v>51</v>
      </c>
      <c r="HM8" s="42" t="s">
        <v>45</v>
      </c>
      <c r="HN8" s="656"/>
      <c r="HO8" s="43" t="s">
        <v>43</v>
      </c>
      <c r="HP8" s="41" t="s">
        <v>44</v>
      </c>
      <c r="HQ8" s="304" t="s">
        <v>45</v>
      </c>
      <c r="HR8" s="44" t="s">
        <v>83</v>
      </c>
      <c r="HS8" s="41" t="s">
        <v>47</v>
      </c>
      <c r="HT8" s="41" t="s">
        <v>48</v>
      </c>
      <c r="HU8" s="41" t="s">
        <v>49</v>
      </c>
      <c r="HV8" s="41" t="s">
        <v>50</v>
      </c>
      <c r="HW8" s="41" t="s">
        <v>51</v>
      </c>
      <c r="HX8" s="42" t="s">
        <v>45</v>
      </c>
      <c r="HY8" s="656"/>
      <c r="HZ8" s="342" t="s">
        <v>43</v>
      </c>
      <c r="IA8" s="343" t="s">
        <v>44</v>
      </c>
      <c r="IB8" s="36" t="s">
        <v>45</v>
      </c>
      <c r="IC8" s="37" t="s">
        <v>83</v>
      </c>
      <c r="ID8" s="343" t="s">
        <v>47</v>
      </c>
      <c r="IE8" s="343" t="s">
        <v>48</v>
      </c>
      <c r="IF8" s="343" t="s">
        <v>49</v>
      </c>
      <c r="IG8" s="343" t="s">
        <v>50</v>
      </c>
      <c r="IH8" s="343" t="s">
        <v>51</v>
      </c>
      <c r="II8" s="14" t="s">
        <v>45</v>
      </c>
      <c r="IJ8" s="623"/>
      <c r="IK8" s="342" t="s">
        <v>43</v>
      </c>
      <c r="IL8" s="343" t="s">
        <v>44</v>
      </c>
      <c r="IM8" s="36" t="s">
        <v>45</v>
      </c>
      <c r="IN8" s="37" t="s">
        <v>83</v>
      </c>
      <c r="IO8" s="51" t="s">
        <v>47</v>
      </c>
      <c r="IP8" s="51" t="s">
        <v>48</v>
      </c>
      <c r="IQ8" s="51" t="s">
        <v>49</v>
      </c>
      <c r="IR8" s="51" t="s">
        <v>50</v>
      </c>
      <c r="IS8" s="51" t="s">
        <v>51</v>
      </c>
      <c r="IT8" s="54" t="s">
        <v>45</v>
      </c>
      <c r="IU8" s="633"/>
      <c r="IV8" s="53" t="s">
        <v>43</v>
      </c>
      <c r="IW8" s="51" t="s">
        <v>44</v>
      </c>
      <c r="IX8" s="54" t="s">
        <v>45</v>
      </c>
      <c r="IY8" s="28" t="s">
        <v>83</v>
      </c>
      <c r="IZ8" s="51" t="s">
        <v>47</v>
      </c>
      <c r="JA8" s="51" t="s">
        <v>48</v>
      </c>
      <c r="JB8" s="51" t="s">
        <v>49</v>
      </c>
      <c r="JC8" s="51" t="s">
        <v>50</v>
      </c>
      <c r="JD8" s="51" t="s">
        <v>51</v>
      </c>
      <c r="JE8" s="54" t="s">
        <v>45</v>
      </c>
      <c r="JF8" s="633"/>
      <c r="JG8" s="53" t="s">
        <v>43</v>
      </c>
      <c r="JH8" s="51" t="s">
        <v>44</v>
      </c>
      <c r="JI8" s="52" t="s">
        <v>45</v>
      </c>
      <c r="JJ8" s="28" t="s">
        <v>83</v>
      </c>
      <c r="JK8" s="51" t="s">
        <v>47</v>
      </c>
      <c r="JL8" s="51" t="s">
        <v>48</v>
      </c>
      <c r="JM8" s="51" t="s">
        <v>49</v>
      </c>
      <c r="JN8" s="51" t="s">
        <v>50</v>
      </c>
      <c r="JO8" s="51" t="s">
        <v>51</v>
      </c>
      <c r="JP8" s="54" t="s">
        <v>45</v>
      </c>
      <c r="JQ8" s="626"/>
      <c r="JR8" s="53" t="s">
        <v>43</v>
      </c>
      <c r="JS8" s="51" t="s">
        <v>44</v>
      </c>
      <c r="JT8" s="52" t="s">
        <v>45</v>
      </c>
      <c r="JU8" s="28" t="s">
        <v>83</v>
      </c>
      <c r="JV8" s="51" t="s">
        <v>47</v>
      </c>
      <c r="JW8" s="51" t="s">
        <v>48</v>
      </c>
      <c r="JX8" s="51" t="s">
        <v>49</v>
      </c>
      <c r="JY8" s="51" t="s">
        <v>50</v>
      </c>
      <c r="JZ8" s="51" t="s">
        <v>51</v>
      </c>
      <c r="KA8" s="54" t="s">
        <v>45</v>
      </c>
      <c r="KB8" s="626"/>
      <c r="KC8" s="53" t="s">
        <v>43</v>
      </c>
      <c r="KD8" s="51" t="s">
        <v>44</v>
      </c>
      <c r="KE8" s="52" t="s">
        <v>45</v>
      </c>
      <c r="KF8" s="28" t="s">
        <v>83</v>
      </c>
      <c r="KG8" s="51" t="s">
        <v>47</v>
      </c>
      <c r="KH8" s="51" t="s">
        <v>48</v>
      </c>
      <c r="KI8" s="51" t="s">
        <v>49</v>
      </c>
      <c r="KJ8" s="51" t="s">
        <v>50</v>
      </c>
      <c r="KK8" s="51" t="s">
        <v>51</v>
      </c>
      <c r="KL8" s="54" t="s">
        <v>45</v>
      </c>
      <c r="KM8" s="626"/>
      <c r="KN8" s="53" t="s">
        <v>43</v>
      </c>
      <c r="KO8" s="51" t="s">
        <v>44</v>
      </c>
      <c r="KP8" s="52" t="s">
        <v>45</v>
      </c>
      <c r="KQ8" s="37" t="s">
        <v>83</v>
      </c>
      <c r="KR8" s="51" t="s">
        <v>47</v>
      </c>
      <c r="KS8" s="51" t="s">
        <v>48</v>
      </c>
      <c r="KT8" s="51" t="s">
        <v>49</v>
      </c>
      <c r="KU8" s="51" t="s">
        <v>50</v>
      </c>
      <c r="KV8" s="51" t="s">
        <v>51</v>
      </c>
      <c r="KW8" s="54" t="s">
        <v>45</v>
      </c>
      <c r="KX8" s="626"/>
      <c r="KY8" s="53" t="s">
        <v>43</v>
      </c>
      <c r="KZ8" s="51" t="s">
        <v>44</v>
      </c>
      <c r="LA8" s="52" t="s">
        <v>45</v>
      </c>
      <c r="LB8" s="37" t="s">
        <v>83</v>
      </c>
      <c r="LC8" s="51" t="s">
        <v>47</v>
      </c>
      <c r="LD8" s="51" t="s">
        <v>48</v>
      </c>
      <c r="LE8" s="51" t="s">
        <v>49</v>
      </c>
      <c r="LF8" s="51" t="s">
        <v>50</v>
      </c>
      <c r="LG8" s="51" t="s">
        <v>51</v>
      </c>
      <c r="LH8" s="54" t="s">
        <v>45</v>
      </c>
      <c r="LI8" s="626"/>
      <c r="LJ8" s="53" t="s">
        <v>43</v>
      </c>
      <c r="LK8" s="51" t="s">
        <v>44</v>
      </c>
      <c r="LL8" s="52" t="s">
        <v>45</v>
      </c>
      <c r="LM8" s="37" t="s">
        <v>83</v>
      </c>
      <c r="LN8" s="51" t="s">
        <v>47</v>
      </c>
      <c r="LO8" s="51" t="s">
        <v>48</v>
      </c>
      <c r="LP8" s="51" t="s">
        <v>49</v>
      </c>
      <c r="LQ8" s="51" t="s">
        <v>50</v>
      </c>
      <c r="LR8" s="51" t="s">
        <v>51</v>
      </c>
      <c r="LS8" s="54" t="s">
        <v>45</v>
      </c>
      <c r="LT8" s="626"/>
      <c r="LU8" s="53" t="s">
        <v>43</v>
      </c>
      <c r="LV8" s="51" t="s">
        <v>44</v>
      </c>
      <c r="LW8" s="52" t="s">
        <v>45</v>
      </c>
      <c r="LX8" s="37" t="s">
        <v>83</v>
      </c>
      <c r="LY8" s="51" t="s">
        <v>47</v>
      </c>
      <c r="LZ8" s="51" t="s">
        <v>48</v>
      </c>
      <c r="MA8" s="51" t="s">
        <v>49</v>
      </c>
      <c r="MB8" s="51" t="s">
        <v>50</v>
      </c>
      <c r="MC8" s="51" t="s">
        <v>51</v>
      </c>
      <c r="MD8" s="54" t="s">
        <v>45</v>
      </c>
      <c r="ME8" s="626"/>
      <c r="MF8" s="53" t="s">
        <v>43</v>
      </c>
      <c r="MG8" s="51" t="s">
        <v>44</v>
      </c>
      <c r="MH8" s="52" t="s">
        <v>45</v>
      </c>
      <c r="MI8" s="37" t="s">
        <v>83</v>
      </c>
      <c r="MJ8" s="51" t="s">
        <v>47</v>
      </c>
      <c r="MK8" s="51" t="s">
        <v>48</v>
      </c>
      <c r="ML8" s="51" t="s">
        <v>49</v>
      </c>
      <c r="MM8" s="51" t="s">
        <v>50</v>
      </c>
      <c r="MN8" s="51" t="s">
        <v>51</v>
      </c>
      <c r="MO8" s="54" t="s">
        <v>45</v>
      </c>
      <c r="MP8" s="626"/>
      <c r="MQ8" s="53" t="s">
        <v>43</v>
      </c>
      <c r="MR8" s="51" t="s">
        <v>44</v>
      </c>
      <c r="MS8" s="52" t="s">
        <v>45</v>
      </c>
      <c r="MT8" s="37" t="s">
        <v>83</v>
      </c>
      <c r="MU8" s="51" t="s">
        <v>47</v>
      </c>
      <c r="MV8" s="51" t="s">
        <v>48</v>
      </c>
      <c r="MW8" s="51" t="s">
        <v>49</v>
      </c>
      <c r="MX8" s="51" t="s">
        <v>50</v>
      </c>
      <c r="MY8" s="51" t="s">
        <v>51</v>
      </c>
      <c r="MZ8" s="54" t="s">
        <v>45</v>
      </c>
      <c r="NA8" s="626"/>
      <c r="NB8" s="53" t="s">
        <v>43</v>
      </c>
      <c r="NC8" s="51" t="s">
        <v>44</v>
      </c>
      <c r="ND8" s="52" t="s">
        <v>45</v>
      </c>
      <c r="NE8" s="37" t="s">
        <v>83</v>
      </c>
      <c r="NF8" s="51" t="s">
        <v>47</v>
      </c>
      <c r="NG8" s="51" t="s">
        <v>48</v>
      </c>
      <c r="NH8" s="51" t="s">
        <v>49</v>
      </c>
      <c r="NI8" s="51" t="s">
        <v>50</v>
      </c>
      <c r="NJ8" s="51" t="s">
        <v>51</v>
      </c>
      <c r="NK8" s="54" t="s">
        <v>45</v>
      </c>
      <c r="NL8" s="626"/>
      <c r="NM8" s="53" t="s">
        <v>43</v>
      </c>
      <c r="NN8" s="51" t="s">
        <v>44</v>
      </c>
      <c r="NO8" s="52" t="s">
        <v>45</v>
      </c>
      <c r="NP8" s="37" t="s">
        <v>83</v>
      </c>
      <c r="NQ8" s="51" t="s">
        <v>47</v>
      </c>
      <c r="NR8" s="51" t="s">
        <v>48</v>
      </c>
      <c r="NS8" s="51" t="s">
        <v>49</v>
      </c>
      <c r="NT8" s="51" t="s">
        <v>50</v>
      </c>
      <c r="NU8" s="51" t="s">
        <v>51</v>
      </c>
      <c r="NV8" s="54" t="s">
        <v>45</v>
      </c>
      <c r="NW8" s="626"/>
      <c r="NX8" s="53" t="s">
        <v>43</v>
      </c>
      <c r="NY8" s="51" t="s">
        <v>44</v>
      </c>
      <c r="NZ8" s="52" t="s">
        <v>45</v>
      </c>
      <c r="OA8" s="37" t="s">
        <v>83</v>
      </c>
      <c r="OB8" s="51" t="s">
        <v>47</v>
      </c>
      <c r="OC8" s="51" t="s">
        <v>48</v>
      </c>
      <c r="OD8" s="51" t="s">
        <v>49</v>
      </c>
      <c r="OE8" s="51" t="s">
        <v>50</v>
      </c>
      <c r="OF8" s="51" t="s">
        <v>51</v>
      </c>
      <c r="OG8" s="54" t="s">
        <v>45</v>
      </c>
      <c r="OH8" s="626"/>
      <c r="OI8" s="53" t="s">
        <v>43</v>
      </c>
      <c r="OJ8" s="51" t="s">
        <v>44</v>
      </c>
      <c r="OK8" s="52" t="s">
        <v>45</v>
      </c>
      <c r="OL8" s="28" t="s">
        <v>83</v>
      </c>
      <c r="OM8" s="51" t="s">
        <v>47</v>
      </c>
      <c r="ON8" s="51" t="s">
        <v>48</v>
      </c>
      <c r="OO8" s="51" t="s">
        <v>49</v>
      </c>
      <c r="OP8" s="51" t="s">
        <v>50</v>
      </c>
      <c r="OQ8" s="51" t="s">
        <v>51</v>
      </c>
      <c r="OR8" s="54" t="s">
        <v>45</v>
      </c>
      <c r="OS8" s="626"/>
    </row>
    <row r="9" spans="2:409" s="444" customFormat="1" ht="21" customHeight="1" x14ac:dyDescent="0.2">
      <c r="B9" s="470" t="s">
        <v>4</v>
      </c>
      <c r="C9" s="360">
        <v>25022381</v>
      </c>
      <c r="D9" s="361">
        <v>45621042</v>
      </c>
      <c r="E9" s="362">
        <v>70643423</v>
      </c>
      <c r="F9" s="363">
        <v>0</v>
      </c>
      <c r="G9" s="361">
        <v>253267905</v>
      </c>
      <c r="H9" s="361">
        <v>344822509</v>
      </c>
      <c r="I9" s="361">
        <v>301882259</v>
      </c>
      <c r="J9" s="361">
        <v>313925347</v>
      </c>
      <c r="K9" s="361">
        <v>220612889</v>
      </c>
      <c r="L9" s="364">
        <v>1434510909</v>
      </c>
      <c r="M9" s="365">
        <v>1505154332</v>
      </c>
      <c r="N9" s="360">
        <v>7621996</v>
      </c>
      <c r="O9" s="361">
        <v>16069764</v>
      </c>
      <c r="P9" s="366">
        <v>23691760</v>
      </c>
      <c r="Q9" s="360">
        <v>0</v>
      </c>
      <c r="R9" s="361">
        <v>81846243</v>
      </c>
      <c r="S9" s="361">
        <v>120637274</v>
      </c>
      <c r="T9" s="361">
        <v>98823944</v>
      </c>
      <c r="U9" s="361">
        <v>112314036</v>
      </c>
      <c r="V9" s="361">
        <v>102424327</v>
      </c>
      <c r="W9" s="366">
        <v>516045824</v>
      </c>
      <c r="X9" s="365">
        <v>539737584</v>
      </c>
      <c r="Y9" s="360">
        <v>0</v>
      </c>
      <c r="Z9" s="361">
        <v>0</v>
      </c>
      <c r="AA9" s="366">
        <v>0</v>
      </c>
      <c r="AB9" s="367">
        <v>0</v>
      </c>
      <c r="AC9" s="368">
        <v>33891999</v>
      </c>
      <c r="AD9" s="368">
        <v>47929774</v>
      </c>
      <c r="AE9" s="368">
        <v>47007122</v>
      </c>
      <c r="AF9" s="368">
        <v>58547229</v>
      </c>
      <c r="AG9" s="368">
        <v>54337240</v>
      </c>
      <c r="AH9" s="366">
        <v>241713364</v>
      </c>
      <c r="AI9" s="365">
        <v>241713364</v>
      </c>
      <c r="AJ9" s="369">
        <v>0</v>
      </c>
      <c r="AK9" s="368">
        <v>95142</v>
      </c>
      <c r="AL9" s="366">
        <v>95142</v>
      </c>
      <c r="AM9" s="367">
        <v>0</v>
      </c>
      <c r="AN9" s="368">
        <v>733651</v>
      </c>
      <c r="AO9" s="364">
        <v>1837861</v>
      </c>
      <c r="AP9" s="368">
        <v>2574768</v>
      </c>
      <c r="AQ9" s="368">
        <v>6178493</v>
      </c>
      <c r="AR9" s="368">
        <v>12847678</v>
      </c>
      <c r="AS9" s="366">
        <v>24172451</v>
      </c>
      <c r="AT9" s="365">
        <v>24267593</v>
      </c>
      <c r="AU9" s="369">
        <v>4080047</v>
      </c>
      <c r="AV9" s="368">
        <v>10975872</v>
      </c>
      <c r="AW9" s="366">
        <v>15055919</v>
      </c>
      <c r="AX9" s="367">
        <v>0</v>
      </c>
      <c r="AY9" s="368">
        <v>30498405</v>
      </c>
      <c r="AZ9" s="368">
        <v>47764633</v>
      </c>
      <c r="BA9" s="368">
        <v>30342554</v>
      </c>
      <c r="BB9" s="368">
        <v>27241337</v>
      </c>
      <c r="BC9" s="368">
        <v>21421184</v>
      </c>
      <c r="BD9" s="366">
        <v>157268113</v>
      </c>
      <c r="BE9" s="370">
        <v>172324032</v>
      </c>
      <c r="BF9" s="369">
        <v>448369</v>
      </c>
      <c r="BG9" s="364">
        <v>1675193</v>
      </c>
      <c r="BH9" s="371">
        <v>2123562</v>
      </c>
      <c r="BI9" s="367">
        <v>0</v>
      </c>
      <c r="BJ9" s="368">
        <v>2743065</v>
      </c>
      <c r="BK9" s="368">
        <v>5165078</v>
      </c>
      <c r="BL9" s="368">
        <v>2770282</v>
      </c>
      <c r="BM9" s="368">
        <v>2622135</v>
      </c>
      <c r="BN9" s="368">
        <v>1184185</v>
      </c>
      <c r="BO9" s="366">
        <v>14484745</v>
      </c>
      <c r="BP9" s="365">
        <v>16608307</v>
      </c>
      <c r="BQ9" s="369">
        <v>3093580</v>
      </c>
      <c r="BR9" s="368">
        <v>3323557</v>
      </c>
      <c r="BS9" s="366">
        <v>6417137</v>
      </c>
      <c r="BT9" s="367">
        <v>0</v>
      </c>
      <c r="BU9" s="368">
        <v>13979123</v>
      </c>
      <c r="BV9" s="368">
        <v>17939928</v>
      </c>
      <c r="BW9" s="368">
        <v>16129218</v>
      </c>
      <c r="BX9" s="368">
        <v>17724842</v>
      </c>
      <c r="BY9" s="368">
        <v>12634040</v>
      </c>
      <c r="BZ9" s="366">
        <v>78407151</v>
      </c>
      <c r="CA9" s="365">
        <v>84824288</v>
      </c>
      <c r="CB9" s="369">
        <v>2451185</v>
      </c>
      <c r="CC9" s="368">
        <v>6458065</v>
      </c>
      <c r="CD9" s="366">
        <v>8909250</v>
      </c>
      <c r="CE9" s="367">
        <v>0</v>
      </c>
      <c r="CF9" s="368">
        <v>67408883</v>
      </c>
      <c r="CG9" s="368">
        <v>83670774</v>
      </c>
      <c r="CH9" s="372">
        <v>58663322</v>
      </c>
      <c r="CI9" s="368">
        <v>37057150</v>
      </c>
      <c r="CJ9" s="368">
        <v>17614250</v>
      </c>
      <c r="CK9" s="366">
        <v>264414379</v>
      </c>
      <c r="CL9" s="365">
        <v>273323629</v>
      </c>
      <c r="CM9" s="360">
        <v>0</v>
      </c>
      <c r="CN9" s="361">
        <v>0</v>
      </c>
      <c r="CO9" s="366">
        <v>0</v>
      </c>
      <c r="CP9" s="367">
        <v>0</v>
      </c>
      <c r="CQ9" s="368">
        <v>54305767</v>
      </c>
      <c r="CR9" s="368">
        <v>61289463</v>
      </c>
      <c r="CS9" s="368">
        <v>42148180</v>
      </c>
      <c r="CT9" s="368">
        <v>24448448</v>
      </c>
      <c r="CU9" s="368">
        <v>11623371</v>
      </c>
      <c r="CV9" s="373">
        <v>193815229</v>
      </c>
      <c r="CW9" s="365">
        <v>193815229</v>
      </c>
      <c r="CX9" s="369">
        <v>2451185</v>
      </c>
      <c r="CY9" s="368">
        <v>6458065</v>
      </c>
      <c r="CZ9" s="366">
        <v>8909250</v>
      </c>
      <c r="DA9" s="367">
        <v>0</v>
      </c>
      <c r="DB9" s="368">
        <v>13103116</v>
      </c>
      <c r="DC9" s="368">
        <v>22381311</v>
      </c>
      <c r="DD9" s="368">
        <v>16515142</v>
      </c>
      <c r="DE9" s="368">
        <v>12608702</v>
      </c>
      <c r="DF9" s="368">
        <v>5990879</v>
      </c>
      <c r="DG9" s="366">
        <v>70599150</v>
      </c>
      <c r="DH9" s="365">
        <v>79508400</v>
      </c>
      <c r="DI9" s="369">
        <v>99466</v>
      </c>
      <c r="DJ9" s="368">
        <v>638000</v>
      </c>
      <c r="DK9" s="371">
        <v>737466</v>
      </c>
      <c r="DL9" s="367">
        <v>0</v>
      </c>
      <c r="DM9" s="368">
        <v>7967610</v>
      </c>
      <c r="DN9" s="368">
        <v>12688145</v>
      </c>
      <c r="DO9" s="368">
        <v>22782733</v>
      </c>
      <c r="DP9" s="368">
        <v>21749522</v>
      </c>
      <c r="DQ9" s="368">
        <v>11666394</v>
      </c>
      <c r="DR9" s="374">
        <v>76854404</v>
      </c>
      <c r="DS9" s="365">
        <v>77591870</v>
      </c>
      <c r="DT9" s="369">
        <v>83784</v>
      </c>
      <c r="DU9" s="368">
        <v>537519</v>
      </c>
      <c r="DV9" s="366">
        <v>621303</v>
      </c>
      <c r="DW9" s="367">
        <v>0</v>
      </c>
      <c r="DX9" s="368">
        <v>6272474</v>
      </c>
      <c r="DY9" s="368">
        <v>9676326</v>
      </c>
      <c r="DZ9" s="368">
        <v>19696203</v>
      </c>
      <c r="EA9" s="368">
        <v>18649591</v>
      </c>
      <c r="EB9" s="368">
        <v>9664966</v>
      </c>
      <c r="EC9" s="366">
        <v>63959560</v>
      </c>
      <c r="ED9" s="365">
        <v>64580863</v>
      </c>
      <c r="EE9" s="369">
        <v>15682</v>
      </c>
      <c r="EF9" s="364">
        <v>100481</v>
      </c>
      <c r="EG9" s="366">
        <v>116163</v>
      </c>
      <c r="EH9" s="370">
        <v>0</v>
      </c>
      <c r="EI9" s="368">
        <v>1695136</v>
      </c>
      <c r="EJ9" s="368">
        <v>3011819</v>
      </c>
      <c r="EK9" s="368">
        <v>3086530</v>
      </c>
      <c r="EL9" s="368">
        <v>3099931</v>
      </c>
      <c r="EM9" s="372">
        <v>2001428</v>
      </c>
      <c r="EN9" s="364">
        <v>12894844</v>
      </c>
      <c r="EO9" s="365">
        <v>13011007</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4706895</v>
      </c>
      <c r="FM9" s="368">
        <v>9245497</v>
      </c>
      <c r="FN9" s="366">
        <v>13952392</v>
      </c>
      <c r="FO9" s="367">
        <v>0</v>
      </c>
      <c r="FP9" s="368">
        <v>12966233</v>
      </c>
      <c r="FQ9" s="368">
        <v>32082011</v>
      </c>
      <c r="FR9" s="368">
        <v>22370128</v>
      </c>
      <c r="FS9" s="368">
        <v>21507017</v>
      </c>
      <c r="FT9" s="368">
        <v>14583764</v>
      </c>
      <c r="FU9" s="366">
        <v>103509153</v>
      </c>
      <c r="FV9" s="365">
        <v>117461545</v>
      </c>
      <c r="FW9" s="369">
        <v>2628794</v>
      </c>
      <c r="FX9" s="368">
        <v>6547652</v>
      </c>
      <c r="FY9" s="364">
        <v>9176446</v>
      </c>
      <c r="FZ9" s="370">
        <v>0</v>
      </c>
      <c r="GA9" s="368">
        <v>9306656</v>
      </c>
      <c r="GB9" s="376">
        <v>29256707</v>
      </c>
      <c r="GC9" s="368">
        <v>20701049</v>
      </c>
      <c r="GD9" s="376">
        <v>19058281</v>
      </c>
      <c r="GE9" s="368">
        <v>13848831</v>
      </c>
      <c r="GF9" s="373">
        <v>92171524</v>
      </c>
      <c r="GG9" s="377">
        <v>101347970</v>
      </c>
      <c r="GH9" s="378">
        <v>326477</v>
      </c>
      <c r="GI9" s="368">
        <v>573457</v>
      </c>
      <c r="GJ9" s="376">
        <v>899934</v>
      </c>
      <c r="GK9" s="363">
        <v>0</v>
      </c>
      <c r="GL9" s="368">
        <v>564990</v>
      </c>
      <c r="GM9" s="364">
        <v>848757</v>
      </c>
      <c r="GN9" s="368">
        <v>584135</v>
      </c>
      <c r="GO9" s="364">
        <v>731237</v>
      </c>
      <c r="GP9" s="368">
        <v>423811</v>
      </c>
      <c r="GQ9" s="374">
        <v>3152930</v>
      </c>
      <c r="GR9" s="365">
        <v>4052864</v>
      </c>
      <c r="GS9" s="364">
        <v>1751624</v>
      </c>
      <c r="GT9" s="368">
        <v>2124388</v>
      </c>
      <c r="GU9" s="366">
        <v>3876012</v>
      </c>
      <c r="GV9" s="364">
        <v>0</v>
      </c>
      <c r="GW9" s="368">
        <v>3094587</v>
      </c>
      <c r="GX9" s="364">
        <v>1976547</v>
      </c>
      <c r="GY9" s="368">
        <v>1084944</v>
      </c>
      <c r="GZ9" s="364">
        <v>1717499</v>
      </c>
      <c r="HA9" s="368">
        <v>311122</v>
      </c>
      <c r="HB9" s="364">
        <v>8184699</v>
      </c>
      <c r="HC9" s="365">
        <v>12060711</v>
      </c>
      <c r="HD9" s="364">
        <v>10142839</v>
      </c>
      <c r="HE9" s="368">
        <v>13209716</v>
      </c>
      <c r="HF9" s="364">
        <v>23352555</v>
      </c>
      <c r="HG9" s="370">
        <v>0</v>
      </c>
      <c r="HH9" s="368">
        <v>83078936</v>
      </c>
      <c r="HI9" s="376">
        <v>95744305</v>
      </c>
      <c r="HJ9" s="368">
        <v>99242132</v>
      </c>
      <c r="HK9" s="376">
        <v>121297622</v>
      </c>
      <c r="HL9" s="368">
        <v>74324154</v>
      </c>
      <c r="HM9" s="373">
        <v>473687149</v>
      </c>
      <c r="HN9" s="364">
        <v>497039704</v>
      </c>
      <c r="HO9" s="439"/>
      <c r="HP9" s="440"/>
      <c r="HQ9" s="441"/>
      <c r="HR9" s="442"/>
      <c r="HS9" s="440"/>
      <c r="HT9" s="442"/>
      <c r="HU9" s="440"/>
      <c r="HV9" s="442"/>
      <c r="HW9" s="440"/>
      <c r="HX9" s="442"/>
      <c r="HY9" s="443"/>
      <c r="HZ9" s="379">
        <v>537536</v>
      </c>
      <c r="IA9" s="380">
        <v>1968649</v>
      </c>
      <c r="IB9" s="381">
        <v>2506185</v>
      </c>
      <c r="IC9" s="382">
        <v>0</v>
      </c>
      <c r="ID9" s="380">
        <v>51897466</v>
      </c>
      <c r="IE9" s="383">
        <v>74235396</v>
      </c>
      <c r="IF9" s="384">
        <v>78659249</v>
      </c>
      <c r="IG9" s="380">
        <v>61758022</v>
      </c>
      <c r="IH9" s="384">
        <v>45855551</v>
      </c>
      <c r="II9" s="385">
        <v>312405684</v>
      </c>
      <c r="IJ9" s="386">
        <v>314911869</v>
      </c>
      <c r="IK9" s="387">
        <v>0</v>
      </c>
      <c r="IL9" s="388">
        <v>0</v>
      </c>
      <c r="IM9" s="389">
        <v>0</v>
      </c>
      <c r="IN9" s="390"/>
      <c r="IO9" s="391">
        <v>1550739</v>
      </c>
      <c r="IP9" s="391">
        <v>3311482</v>
      </c>
      <c r="IQ9" s="391">
        <v>2582809</v>
      </c>
      <c r="IR9" s="391">
        <v>4722628</v>
      </c>
      <c r="IS9" s="391">
        <v>3169576</v>
      </c>
      <c r="IT9" s="392">
        <v>15337234</v>
      </c>
      <c r="IU9" s="393">
        <v>15337234</v>
      </c>
      <c r="IV9" s="394">
        <v>0</v>
      </c>
      <c r="IW9" s="391">
        <v>0</v>
      </c>
      <c r="IX9" s="395">
        <v>0</v>
      </c>
      <c r="IY9" s="396"/>
      <c r="IZ9" s="391">
        <v>277641</v>
      </c>
      <c r="JA9" s="391">
        <v>589753</v>
      </c>
      <c r="JB9" s="391">
        <v>844902</v>
      </c>
      <c r="JC9" s="391">
        <v>740953</v>
      </c>
      <c r="JD9" s="391">
        <v>1021784</v>
      </c>
      <c r="JE9" s="395">
        <v>3475033</v>
      </c>
      <c r="JF9" s="397">
        <v>3475033</v>
      </c>
      <c r="JG9" s="394">
        <v>0</v>
      </c>
      <c r="JH9" s="391">
        <v>0</v>
      </c>
      <c r="JI9" s="392">
        <v>0</v>
      </c>
      <c r="JJ9" s="398">
        <v>0</v>
      </c>
      <c r="JK9" s="391">
        <v>25204924</v>
      </c>
      <c r="JL9" s="391">
        <v>29234588</v>
      </c>
      <c r="JM9" s="391">
        <v>18661747</v>
      </c>
      <c r="JN9" s="391">
        <v>11490702</v>
      </c>
      <c r="JO9" s="391">
        <v>6160836</v>
      </c>
      <c r="JP9" s="395">
        <v>90752797</v>
      </c>
      <c r="JQ9" s="393">
        <v>90752797</v>
      </c>
      <c r="JR9" s="394">
        <v>0</v>
      </c>
      <c r="JS9" s="391">
        <v>0</v>
      </c>
      <c r="JT9" s="392">
        <v>0</v>
      </c>
      <c r="JU9" s="398">
        <v>0</v>
      </c>
      <c r="JV9" s="391">
        <v>3360863</v>
      </c>
      <c r="JW9" s="391">
        <v>5266205</v>
      </c>
      <c r="JX9" s="391">
        <v>7016173</v>
      </c>
      <c r="JY9" s="391">
        <v>2756746</v>
      </c>
      <c r="JZ9" s="391">
        <v>2707332</v>
      </c>
      <c r="KA9" s="395">
        <v>21107319</v>
      </c>
      <c r="KB9" s="393">
        <v>21107319</v>
      </c>
      <c r="KC9" s="399">
        <v>537536</v>
      </c>
      <c r="KD9" s="400">
        <v>1968649</v>
      </c>
      <c r="KE9" s="395">
        <v>2506185</v>
      </c>
      <c r="KF9" s="398">
        <v>0</v>
      </c>
      <c r="KG9" s="391">
        <v>7473281</v>
      </c>
      <c r="KH9" s="391">
        <v>8107419</v>
      </c>
      <c r="KI9" s="391">
        <v>13202037</v>
      </c>
      <c r="KJ9" s="391">
        <v>10610794</v>
      </c>
      <c r="KK9" s="391">
        <v>3532000</v>
      </c>
      <c r="KL9" s="395">
        <v>42925531</v>
      </c>
      <c r="KM9" s="401">
        <v>45431716</v>
      </c>
      <c r="KN9" s="387">
        <v>0</v>
      </c>
      <c r="KO9" s="388">
        <v>0</v>
      </c>
      <c r="KP9" s="389">
        <v>0</v>
      </c>
      <c r="KQ9" s="390"/>
      <c r="KR9" s="391">
        <v>12524768</v>
      </c>
      <c r="KS9" s="391">
        <v>23543702</v>
      </c>
      <c r="KT9" s="391">
        <v>28142098</v>
      </c>
      <c r="KU9" s="391">
        <v>20220378</v>
      </c>
      <c r="KV9" s="391">
        <v>17417085</v>
      </c>
      <c r="KW9" s="395">
        <v>101848031</v>
      </c>
      <c r="KX9" s="393">
        <v>101848031</v>
      </c>
      <c r="KY9" s="394">
        <v>0</v>
      </c>
      <c r="KZ9" s="391">
        <v>0</v>
      </c>
      <c r="LA9" s="395">
        <v>0</v>
      </c>
      <c r="LB9" s="402"/>
      <c r="LC9" s="391">
        <v>268542</v>
      </c>
      <c r="LD9" s="391">
        <v>615504</v>
      </c>
      <c r="LE9" s="391">
        <v>845266</v>
      </c>
      <c r="LF9" s="391">
        <v>941623</v>
      </c>
      <c r="LG9" s="391">
        <v>887729</v>
      </c>
      <c r="LH9" s="395">
        <v>3558664</v>
      </c>
      <c r="LI9" s="397">
        <v>3558664</v>
      </c>
      <c r="LJ9" s="394">
        <v>0</v>
      </c>
      <c r="LK9" s="391">
        <v>0</v>
      </c>
      <c r="LL9" s="395">
        <v>0</v>
      </c>
      <c r="LM9" s="402"/>
      <c r="LN9" s="391">
        <v>192214</v>
      </c>
      <c r="LO9" s="391">
        <v>388023</v>
      </c>
      <c r="LP9" s="391">
        <v>1930417</v>
      </c>
      <c r="LQ9" s="391">
        <v>4185970</v>
      </c>
      <c r="LR9" s="391">
        <v>1691792</v>
      </c>
      <c r="LS9" s="395">
        <v>8388416</v>
      </c>
      <c r="LT9" s="393">
        <v>8388416</v>
      </c>
      <c r="LU9" s="394">
        <v>0</v>
      </c>
      <c r="LV9" s="391">
        <v>0</v>
      </c>
      <c r="LW9" s="395">
        <v>0</v>
      </c>
      <c r="LX9" s="402"/>
      <c r="LY9" s="391">
        <v>1044494</v>
      </c>
      <c r="LZ9" s="391">
        <v>3178720</v>
      </c>
      <c r="MA9" s="391">
        <v>5433800</v>
      </c>
      <c r="MB9" s="391">
        <v>6088228</v>
      </c>
      <c r="MC9" s="391">
        <v>9267417</v>
      </c>
      <c r="MD9" s="395">
        <v>25012659</v>
      </c>
      <c r="ME9" s="397">
        <v>25012659</v>
      </c>
      <c r="MF9" s="394">
        <v>0</v>
      </c>
      <c r="MG9" s="391">
        <v>0</v>
      </c>
      <c r="MH9" s="395">
        <v>0</v>
      </c>
      <c r="MI9" s="402"/>
      <c r="MJ9" s="391">
        <v>11849822</v>
      </c>
      <c r="MK9" s="391">
        <v>37130814</v>
      </c>
      <c r="ML9" s="391">
        <v>107153032</v>
      </c>
      <c r="MM9" s="391">
        <v>154852652</v>
      </c>
      <c r="MN9" s="391">
        <v>110209411</v>
      </c>
      <c r="MO9" s="395">
        <v>421195731</v>
      </c>
      <c r="MP9" s="401">
        <v>421195731</v>
      </c>
      <c r="MQ9" s="394">
        <v>0</v>
      </c>
      <c r="MR9" s="391">
        <v>0</v>
      </c>
      <c r="MS9" s="395">
        <v>0</v>
      </c>
      <c r="MT9" s="402"/>
      <c r="MU9" s="391">
        <v>1967982</v>
      </c>
      <c r="MV9" s="391">
        <v>7717069</v>
      </c>
      <c r="MW9" s="391">
        <v>60164332</v>
      </c>
      <c r="MX9" s="391">
        <v>85929327</v>
      </c>
      <c r="MY9" s="391">
        <v>66494489</v>
      </c>
      <c r="MZ9" s="395">
        <v>222273199</v>
      </c>
      <c r="NA9" s="401">
        <v>222273199</v>
      </c>
      <c r="NB9" s="394">
        <v>0</v>
      </c>
      <c r="NC9" s="391">
        <v>0</v>
      </c>
      <c r="ND9" s="395">
        <v>0</v>
      </c>
      <c r="NE9" s="402"/>
      <c r="NF9" s="391">
        <v>9881840</v>
      </c>
      <c r="NG9" s="391">
        <v>29183523</v>
      </c>
      <c r="NH9" s="391">
        <v>46702666</v>
      </c>
      <c r="NI9" s="391">
        <v>62998998</v>
      </c>
      <c r="NJ9" s="391">
        <v>33395457</v>
      </c>
      <c r="NK9" s="395">
        <v>182162484</v>
      </c>
      <c r="NL9" s="393">
        <v>182162484</v>
      </c>
      <c r="NM9" s="394">
        <v>0</v>
      </c>
      <c r="NN9" s="391">
        <v>0</v>
      </c>
      <c r="NO9" s="395">
        <v>0</v>
      </c>
      <c r="NP9" s="402"/>
      <c r="NQ9" s="391">
        <v>0</v>
      </c>
      <c r="NR9" s="391">
        <v>0</v>
      </c>
      <c r="NS9" s="391">
        <v>0</v>
      </c>
      <c r="NT9" s="391">
        <v>2286154</v>
      </c>
      <c r="NU9" s="391">
        <v>2817718</v>
      </c>
      <c r="NV9" s="395">
        <v>5103872</v>
      </c>
      <c r="NW9" s="397">
        <v>5103872</v>
      </c>
      <c r="NX9" s="394">
        <v>0</v>
      </c>
      <c r="NY9" s="391">
        <v>0</v>
      </c>
      <c r="NZ9" s="395">
        <v>0</v>
      </c>
      <c r="OA9" s="402"/>
      <c r="OB9" s="391">
        <v>0</v>
      </c>
      <c r="OC9" s="391">
        <v>230222</v>
      </c>
      <c r="OD9" s="391">
        <v>286034</v>
      </c>
      <c r="OE9" s="391">
        <v>3638173</v>
      </c>
      <c r="OF9" s="391">
        <v>7501747</v>
      </c>
      <c r="OG9" s="395">
        <v>11656176</v>
      </c>
      <c r="OH9" s="397">
        <v>11656176</v>
      </c>
      <c r="OI9" s="394">
        <v>25559917</v>
      </c>
      <c r="OJ9" s="391">
        <v>47589691</v>
      </c>
      <c r="OK9" s="392">
        <v>73149608</v>
      </c>
      <c r="OL9" s="398">
        <v>0</v>
      </c>
      <c r="OM9" s="391">
        <v>317015193</v>
      </c>
      <c r="ON9" s="391">
        <v>456188719</v>
      </c>
      <c r="OO9" s="391">
        <v>487694540</v>
      </c>
      <c r="OP9" s="391">
        <v>530536021</v>
      </c>
      <c r="OQ9" s="391">
        <v>376677851</v>
      </c>
      <c r="OR9" s="395">
        <v>2168112324</v>
      </c>
      <c r="OS9" s="401">
        <v>2241261932</v>
      </c>
    </row>
    <row r="10" spans="2:409" s="444" customFormat="1" ht="21" customHeight="1" x14ac:dyDescent="0.2">
      <c r="B10" s="471" t="s">
        <v>5</v>
      </c>
      <c r="C10" s="404">
        <v>10821440</v>
      </c>
      <c r="D10" s="405">
        <v>23043659</v>
      </c>
      <c r="E10" s="406">
        <v>33865099</v>
      </c>
      <c r="F10" s="407">
        <v>0</v>
      </c>
      <c r="G10" s="405">
        <v>95403609</v>
      </c>
      <c r="H10" s="405">
        <v>171181396</v>
      </c>
      <c r="I10" s="405">
        <v>134152508</v>
      </c>
      <c r="J10" s="405">
        <v>135705686</v>
      </c>
      <c r="K10" s="405">
        <v>93945099</v>
      </c>
      <c r="L10" s="407">
        <v>630388298</v>
      </c>
      <c r="M10" s="408">
        <v>664253397</v>
      </c>
      <c r="N10" s="404">
        <v>3645205</v>
      </c>
      <c r="O10" s="405">
        <v>8550602</v>
      </c>
      <c r="P10" s="406">
        <v>12195807</v>
      </c>
      <c r="Q10" s="404">
        <v>0</v>
      </c>
      <c r="R10" s="405">
        <v>30079429</v>
      </c>
      <c r="S10" s="405">
        <v>63180610</v>
      </c>
      <c r="T10" s="405">
        <v>45039986</v>
      </c>
      <c r="U10" s="405">
        <v>48093564</v>
      </c>
      <c r="V10" s="405">
        <v>45484600</v>
      </c>
      <c r="W10" s="406">
        <v>231878189</v>
      </c>
      <c r="X10" s="408">
        <v>244073996</v>
      </c>
      <c r="Y10" s="404">
        <v>0</v>
      </c>
      <c r="Z10" s="405">
        <v>0</v>
      </c>
      <c r="AA10" s="406">
        <v>0</v>
      </c>
      <c r="AB10" s="404">
        <v>0</v>
      </c>
      <c r="AC10" s="405">
        <v>12564938</v>
      </c>
      <c r="AD10" s="405">
        <v>24598605</v>
      </c>
      <c r="AE10" s="405">
        <v>20005295</v>
      </c>
      <c r="AF10" s="405">
        <v>23664961</v>
      </c>
      <c r="AG10" s="405">
        <v>23549427</v>
      </c>
      <c r="AH10" s="406">
        <v>104383226</v>
      </c>
      <c r="AI10" s="408">
        <v>104383226</v>
      </c>
      <c r="AJ10" s="404">
        <v>0</v>
      </c>
      <c r="AK10" s="405">
        <v>95142</v>
      </c>
      <c r="AL10" s="406">
        <v>95142</v>
      </c>
      <c r="AM10" s="404">
        <v>0</v>
      </c>
      <c r="AN10" s="405">
        <v>243449</v>
      </c>
      <c r="AO10" s="405">
        <v>544881</v>
      </c>
      <c r="AP10" s="405">
        <v>1142844</v>
      </c>
      <c r="AQ10" s="405">
        <v>2395735</v>
      </c>
      <c r="AR10" s="405">
        <v>6203871</v>
      </c>
      <c r="AS10" s="406">
        <v>10530780</v>
      </c>
      <c r="AT10" s="408">
        <v>10625922</v>
      </c>
      <c r="AU10" s="404">
        <v>2146379</v>
      </c>
      <c r="AV10" s="405">
        <v>5805194</v>
      </c>
      <c r="AW10" s="406">
        <v>7951573</v>
      </c>
      <c r="AX10" s="404">
        <v>0</v>
      </c>
      <c r="AY10" s="405">
        <v>10567021</v>
      </c>
      <c r="AZ10" s="405">
        <v>26392068</v>
      </c>
      <c r="BA10" s="405">
        <v>15593500</v>
      </c>
      <c r="BB10" s="405">
        <v>12589562</v>
      </c>
      <c r="BC10" s="405">
        <v>10081071</v>
      </c>
      <c r="BD10" s="406">
        <v>75223222</v>
      </c>
      <c r="BE10" s="408">
        <v>83174795</v>
      </c>
      <c r="BF10" s="404">
        <v>179823</v>
      </c>
      <c r="BG10" s="405">
        <v>860591</v>
      </c>
      <c r="BH10" s="409">
        <v>1040414</v>
      </c>
      <c r="BI10" s="410">
        <v>0</v>
      </c>
      <c r="BJ10" s="405">
        <v>819612</v>
      </c>
      <c r="BK10" s="405">
        <v>2617240</v>
      </c>
      <c r="BL10" s="405">
        <v>983963</v>
      </c>
      <c r="BM10" s="405">
        <v>1278940</v>
      </c>
      <c r="BN10" s="405">
        <v>366974</v>
      </c>
      <c r="BO10" s="406">
        <v>6066729</v>
      </c>
      <c r="BP10" s="408">
        <v>7107143</v>
      </c>
      <c r="BQ10" s="404">
        <v>1319003</v>
      </c>
      <c r="BR10" s="405">
        <v>1789675</v>
      </c>
      <c r="BS10" s="406">
        <v>3108678</v>
      </c>
      <c r="BT10" s="404">
        <v>0</v>
      </c>
      <c r="BU10" s="405">
        <v>5884409</v>
      </c>
      <c r="BV10" s="405">
        <v>9027816</v>
      </c>
      <c r="BW10" s="405">
        <v>7314384</v>
      </c>
      <c r="BX10" s="405">
        <v>8164366</v>
      </c>
      <c r="BY10" s="405">
        <v>5283257</v>
      </c>
      <c r="BZ10" s="406">
        <v>35674232</v>
      </c>
      <c r="CA10" s="408">
        <v>38782910</v>
      </c>
      <c r="CB10" s="404">
        <v>1156627</v>
      </c>
      <c r="CC10" s="405">
        <v>3573601</v>
      </c>
      <c r="CD10" s="406">
        <v>4730228</v>
      </c>
      <c r="CE10" s="404">
        <v>0</v>
      </c>
      <c r="CF10" s="405">
        <v>21994678</v>
      </c>
      <c r="CG10" s="405">
        <v>37418115</v>
      </c>
      <c r="CH10" s="405">
        <v>23095424</v>
      </c>
      <c r="CI10" s="405">
        <v>15142257</v>
      </c>
      <c r="CJ10" s="405">
        <v>6914615</v>
      </c>
      <c r="CK10" s="406">
        <v>104565089</v>
      </c>
      <c r="CL10" s="408">
        <v>109295317</v>
      </c>
      <c r="CM10" s="404">
        <v>0</v>
      </c>
      <c r="CN10" s="405">
        <v>0</v>
      </c>
      <c r="CO10" s="406">
        <v>0</v>
      </c>
      <c r="CP10" s="410">
        <v>0</v>
      </c>
      <c r="CQ10" s="405">
        <v>17620618</v>
      </c>
      <c r="CR10" s="405">
        <v>26571548</v>
      </c>
      <c r="CS10" s="405">
        <v>15746363</v>
      </c>
      <c r="CT10" s="405">
        <v>9500402</v>
      </c>
      <c r="CU10" s="405">
        <v>4230845</v>
      </c>
      <c r="CV10" s="406">
        <v>73669776</v>
      </c>
      <c r="CW10" s="408">
        <v>73669776</v>
      </c>
      <c r="CX10" s="404">
        <v>1156627</v>
      </c>
      <c r="CY10" s="405">
        <v>3573601</v>
      </c>
      <c r="CZ10" s="406">
        <v>4730228</v>
      </c>
      <c r="DA10" s="404">
        <v>0</v>
      </c>
      <c r="DB10" s="405">
        <v>4374060</v>
      </c>
      <c r="DC10" s="405">
        <v>10846567</v>
      </c>
      <c r="DD10" s="405">
        <v>7349061</v>
      </c>
      <c r="DE10" s="405">
        <v>5641855</v>
      </c>
      <c r="DF10" s="405">
        <v>2683770</v>
      </c>
      <c r="DG10" s="406">
        <v>30895313</v>
      </c>
      <c r="DH10" s="408">
        <v>35625541</v>
      </c>
      <c r="DI10" s="404">
        <v>58047</v>
      </c>
      <c r="DJ10" s="405">
        <v>289566</v>
      </c>
      <c r="DK10" s="409">
        <v>347613</v>
      </c>
      <c r="DL10" s="410">
        <v>0</v>
      </c>
      <c r="DM10" s="405">
        <v>2649995</v>
      </c>
      <c r="DN10" s="405">
        <v>7068012</v>
      </c>
      <c r="DO10" s="405">
        <v>9366999</v>
      </c>
      <c r="DP10" s="405">
        <v>7725499</v>
      </c>
      <c r="DQ10" s="405">
        <v>4606377</v>
      </c>
      <c r="DR10" s="406">
        <v>31416882</v>
      </c>
      <c r="DS10" s="408">
        <v>31764495</v>
      </c>
      <c r="DT10" s="404">
        <v>42365</v>
      </c>
      <c r="DU10" s="405">
        <v>189085</v>
      </c>
      <c r="DV10" s="406">
        <v>231450</v>
      </c>
      <c r="DW10" s="404">
        <v>0</v>
      </c>
      <c r="DX10" s="405">
        <v>1967084</v>
      </c>
      <c r="DY10" s="405">
        <v>4980461</v>
      </c>
      <c r="DZ10" s="405">
        <v>7828755</v>
      </c>
      <c r="EA10" s="405">
        <v>5744913</v>
      </c>
      <c r="EB10" s="405">
        <v>3527739</v>
      </c>
      <c r="EC10" s="406">
        <v>24048952</v>
      </c>
      <c r="ED10" s="408">
        <v>24280402</v>
      </c>
      <c r="EE10" s="404">
        <v>15682</v>
      </c>
      <c r="EF10" s="409">
        <v>100481</v>
      </c>
      <c r="EG10" s="406">
        <v>116163</v>
      </c>
      <c r="EH10" s="404">
        <v>0</v>
      </c>
      <c r="EI10" s="405">
        <v>682911</v>
      </c>
      <c r="EJ10" s="405">
        <v>2087551</v>
      </c>
      <c r="EK10" s="405">
        <v>1538244</v>
      </c>
      <c r="EL10" s="405">
        <v>1980586</v>
      </c>
      <c r="EM10" s="405">
        <v>1078638</v>
      </c>
      <c r="EN10" s="409">
        <v>7367930</v>
      </c>
      <c r="EO10" s="408">
        <v>7484093</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1615908</v>
      </c>
      <c r="FM10" s="405">
        <v>4052883</v>
      </c>
      <c r="FN10" s="406">
        <v>5668791</v>
      </c>
      <c r="FO10" s="404">
        <v>0</v>
      </c>
      <c r="FP10" s="405">
        <v>4450640</v>
      </c>
      <c r="FQ10" s="405">
        <v>14893586</v>
      </c>
      <c r="FR10" s="405">
        <v>9163920</v>
      </c>
      <c r="FS10" s="405">
        <v>9232631</v>
      </c>
      <c r="FT10" s="405">
        <v>6050191</v>
      </c>
      <c r="FU10" s="406">
        <v>43790968</v>
      </c>
      <c r="FV10" s="408">
        <v>49459759</v>
      </c>
      <c r="FW10" s="412">
        <v>941731</v>
      </c>
      <c r="FX10" s="405">
        <v>2844515</v>
      </c>
      <c r="FY10" s="409">
        <v>3786246</v>
      </c>
      <c r="FZ10" s="410">
        <v>0</v>
      </c>
      <c r="GA10" s="405">
        <v>2851449</v>
      </c>
      <c r="GB10" s="405">
        <v>13448141</v>
      </c>
      <c r="GC10" s="405">
        <v>8652267</v>
      </c>
      <c r="GD10" s="405">
        <v>7951488</v>
      </c>
      <c r="GE10" s="405">
        <v>5965379</v>
      </c>
      <c r="GF10" s="406">
        <v>38868724</v>
      </c>
      <c r="GG10" s="413">
        <v>42654970</v>
      </c>
      <c r="GH10" s="412">
        <v>78477</v>
      </c>
      <c r="GI10" s="405">
        <v>215285</v>
      </c>
      <c r="GJ10" s="409">
        <v>293762</v>
      </c>
      <c r="GK10" s="410">
        <v>0</v>
      </c>
      <c r="GL10" s="405">
        <v>256941</v>
      </c>
      <c r="GM10" s="405">
        <v>409735</v>
      </c>
      <c r="GN10" s="405">
        <v>268011</v>
      </c>
      <c r="GO10" s="405">
        <v>239823</v>
      </c>
      <c r="GP10" s="405">
        <v>58212</v>
      </c>
      <c r="GQ10" s="406">
        <v>1232722</v>
      </c>
      <c r="GR10" s="408">
        <v>1526484</v>
      </c>
      <c r="GS10" s="404">
        <v>595700</v>
      </c>
      <c r="GT10" s="405">
        <v>993083</v>
      </c>
      <c r="GU10" s="406">
        <v>1588783</v>
      </c>
      <c r="GV10" s="404">
        <v>0</v>
      </c>
      <c r="GW10" s="405">
        <v>1342250</v>
      </c>
      <c r="GX10" s="405">
        <v>1035710</v>
      </c>
      <c r="GY10" s="405">
        <v>243642</v>
      </c>
      <c r="GZ10" s="405">
        <v>1041320</v>
      </c>
      <c r="HA10" s="405">
        <v>26600</v>
      </c>
      <c r="HB10" s="409">
        <v>3689522</v>
      </c>
      <c r="HC10" s="408">
        <v>5278305</v>
      </c>
      <c r="HD10" s="404">
        <v>4345653</v>
      </c>
      <c r="HE10" s="405">
        <v>6577007</v>
      </c>
      <c r="HF10" s="409">
        <v>10922660</v>
      </c>
      <c r="HG10" s="410">
        <v>0</v>
      </c>
      <c r="HH10" s="405">
        <v>36228867</v>
      </c>
      <c r="HI10" s="405">
        <v>48621073</v>
      </c>
      <c r="HJ10" s="405">
        <v>47486179</v>
      </c>
      <c r="HK10" s="405">
        <v>55511735</v>
      </c>
      <c r="HL10" s="405">
        <v>30889316</v>
      </c>
      <c r="HM10" s="406">
        <v>218737170</v>
      </c>
      <c r="HN10" s="407">
        <v>229659830</v>
      </c>
      <c r="HO10" s="445"/>
      <c r="HP10" s="446"/>
      <c r="HQ10" s="447"/>
      <c r="HR10" s="448"/>
      <c r="HS10" s="446"/>
      <c r="HT10" s="446"/>
      <c r="HU10" s="446"/>
      <c r="HV10" s="446"/>
      <c r="HW10" s="446"/>
      <c r="HX10" s="449"/>
      <c r="HY10" s="450"/>
      <c r="HZ10" s="414">
        <v>354600</v>
      </c>
      <c r="IA10" s="415">
        <v>1029596</v>
      </c>
      <c r="IB10" s="416">
        <v>1384196</v>
      </c>
      <c r="IC10" s="417">
        <v>0</v>
      </c>
      <c r="ID10" s="418">
        <v>20932863</v>
      </c>
      <c r="IE10" s="419">
        <v>33743454</v>
      </c>
      <c r="IF10" s="420">
        <v>33250684</v>
      </c>
      <c r="IG10" s="418">
        <v>26419075</v>
      </c>
      <c r="IH10" s="420">
        <v>19037951</v>
      </c>
      <c r="II10" s="421">
        <v>133384027</v>
      </c>
      <c r="IJ10" s="422">
        <v>134768223</v>
      </c>
      <c r="IK10" s="423">
        <v>0</v>
      </c>
      <c r="IL10" s="424">
        <v>0</v>
      </c>
      <c r="IM10" s="425">
        <v>0</v>
      </c>
      <c r="IN10" s="426"/>
      <c r="IO10" s="427">
        <v>615918</v>
      </c>
      <c r="IP10" s="427">
        <v>1779004</v>
      </c>
      <c r="IQ10" s="427">
        <v>1440523</v>
      </c>
      <c r="IR10" s="427">
        <v>1626383</v>
      </c>
      <c r="IS10" s="427">
        <v>1412277</v>
      </c>
      <c r="IT10" s="428">
        <v>6874105</v>
      </c>
      <c r="IU10" s="429">
        <v>6874105</v>
      </c>
      <c r="IV10" s="430">
        <v>0</v>
      </c>
      <c r="IW10" s="427">
        <v>0</v>
      </c>
      <c r="IX10" s="431">
        <v>0</v>
      </c>
      <c r="IY10" s="432"/>
      <c r="IZ10" s="427">
        <v>68823</v>
      </c>
      <c r="JA10" s="427">
        <v>362691</v>
      </c>
      <c r="JB10" s="427">
        <v>688185</v>
      </c>
      <c r="JC10" s="427">
        <v>455989</v>
      </c>
      <c r="JD10" s="427">
        <v>826045</v>
      </c>
      <c r="JE10" s="431">
        <v>2401733</v>
      </c>
      <c r="JF10" s="433">
        <v>2401733</v>
      </c>
      <c r="JG10" s="430">
        <v>0</v>
      </c>
      <c r="JH10" s="427">
        <v>0</v>
      </c>
      <c r="JI10" s="428">
        <v>0</v>
      </c>
      <c r="JJ10" s="434">
        <v>0</v>
      </c>
      <c r="JK10" s="427">
        <v>9933690</v>
      </c>
      <c r="JL10" s="427">
        <v>15822702</v>
      </c>
      <c r="JM10" s="427">
        <v>9044810</v>
      </c>
      <c r="JN10" s="427">
        <v>5753609</v>
      </c>
      <c r="JO10" s="427">
        <v>2893390</v>
      </c>
      <c r="JP10" s="431">
        <v>43448201</v>
      </c>
      <c r="JQ10" s="429">
        <v>43448201</v>
      </c>
      <c r="JR10" s="430">
        <v>0</v>
      </c>
      <c r="JS10" s="427">
        <v>0</v>
      </c>
      <c r="JT10" s="428">
        <v>0</v>
      </c>
      <c r="JU10" s="434">
        <v>0</v>
      </c>
      <c r="JV10" s="427">
        <v>1858857</v>
      </c>
      <c r="JW10" s="427">
        <v>2633901</v>
      </c>
      <c r="JX10" s="427">
        <v>3446890</v>
      </c>
      <c r="JY10" s="427">
        <v>1550895</v>
      </c>
      <c r="JZ10" s="427">
        <v>2163794</v>
      </c>
      <c r="KA10" s="431">
        <v>11654337</v>
      </c>
      <c r="KB10" s="429">
        <v>11654337</v>
      </c>
      <c r="KC10" s="435">
        <v>354600</v>
      </c>
      <c r="KD10" s="436">
        <v>1029596</v>
      </c>
      <c r="KE10" s="431">
        <v>1384196</v>
      </c>
      <c r="KF10" s="434">
        <v>0</v>
      </c>
      <c r="KG10" s="427">
        <v>2639871</v>
      </c>
      <c r="KH10" s="427">
        <v>3631853</v>
      </c>
      <c r="KI10" s="427">
        <v>6313878</v>
      </c>
      <c r="KJ10" s="427">
        <v>6743296</v>
      </c>
      <c r="KK10" s="427">
        <v>1553118</v>
      </c>
      <c r="KL10" s="431">
        <v>20882016</v>
      </c>
      <c r="KM10" s="437">
        <v>22266212</v>
      </c>
      <c r="KN10" s="423">
        <v>0</v>
      </c>
      <c r="KO10" s="424">
        <v>0</v>
      </c>
      <c r="KP10" s="425">
        <v>0</v>
      </c>
      <c r="KQ10" s="426"/>
      <c r="KR10" s="427">
        <v>5815704</v>
      </c>
      <c r="KS10" s="427">
        <v>8382059</v>
      </c>
      <c r="KT10" s="427">
        <v>10316618</v>
      </c>
      <c r="KU10" s="427">
        <v>8012383</v>
      </c>
      <c r="KV10" s="427">
        <v>6693984</v>
      </c>
      <c r="KW10" s="431">
        <v>39220748</v>
      </c>
      <c r="KX10" s="429">
        <v>39220748</v>
      </c>
      <c r="KY10" s="430">
        <v>0</v>
      </c>
      <c r="KZ10" s="427">
        <v>0</v>
      </c>
      <c r="LA10" s="431">
        <v>0</v>
      </c>
      <c r="LB10" s="438"/>
      <c r="LC10" s="427">
        <v>0</v>
      </c>
      <c r="LD10" s="427">
        <v>0</v>
      </c>
      <c r="LE10" s="427">
        <v>0</v>
      </c>
      <c r="LF10" s="427">
        <v>0</v>
      </c>
      <c r="LG10" s="427">
        <v>0</v>
      </c>
      <c r="LH10" s="431">
        <v>0</v>
      </c>
      <c r="LI10" s="433">
        <v>0</v>
      </c>
      <c r="LJ10" s="430">
        <v>0</v>
      </c>
      <c r="LK10" s="427">
        <v>0</v>
      </c>
      <c r="LL10" s="431">
        <v>0</v>
      </c>
      <c r="LM10" s="438"/>
      <c r="LN10" s="427">
        <v>0</v>
      </c>
      <c r="LO10" s="427">
        <v>211837</v>
      </c>
      <c r="LP10" s="427">
        <v>0</v>
      </c>
      <c r="LQ10" s="427">
        <v>248209</v>
      </c>
      <c r="LR10" s="427">
        <v>39988</v>
      </c>
      <c r="LS10" s="431">
        <v>500034</v>
      </c>
      <c r="LT10" s="429">
        <v>500034</v>
      </c>
      <c r="LU10" s="430">
        <v>0</v>
      </c>
      <c r="LV10" s="427">
        <v>0</v>
      </c>
      <c r="LW10" s="431">
        <v>0</v>
      </c>
      <c r="LX10" s="438"/>
      <c r="LY10" s="427">
        <v>0</v>
      </c>
      <c r="LZ10" s="427">
        <v>919407</v>
      </c>
      <c r="MA10" s="427">
        <v>1999780</v>
      </c>
      <c r="MB10" s="427">
        <v>2028311</v>
      </c>
      <c r="MC10" s="427">
        <v>3455355</v>
      </c>
      <c r="MD10" s="431">
        <v>8402853</v>
      </c>
      <c r="ME10" s="433">
        <v>8402853</v>
      </c>
      <c r="MF10" s="430">
        <v>0</v>
      </c>
      <c r="MG10" s="427">
        <v>0</v>
      </c>
      <c r="MH10" s="431">
        <v>0</v>
      </c>
      <c r="MI10" s="438"/>
      <c r="MJ10" s="427">
        <v>5865158</v>
      </c>
      <c r="MK10" s="427">
        <v>20594332</v>
      </c>
      <c r="ML10" s="427">
        <v>55415865</v>
      </c>
      <c r="MM10" s="427">
        <v>70547252</v>
      </c>
      <c r="MN10" s="427">
        <v>49334584</v>
      </c>
      <c r="MO10" s="431">
        <v>201757191</v>
      </c>
      <c r="MP10" s="437">
        <v>201757191</v>
      </c>
      <c r="MQ10" s="430">
        <v>0</v>
      </c>
      <c r="MR10" s="427">
        <v>0</v>
      </c>
      <c r="MS10" s="431">
        <v>0</v>
      </c>
      <c r="MT10" s="438"/>
      <c r="MU10" s="427">
        <v>1262964</v>
      </c>
      <c r="MV10" s="427">
        <v>5357995</v>
      </c>
      <c r="MW10" s="427">
        <v>32136484</v>
      </c>
      <c r="MX10" s="427">
        <v>36169545</v>
      </c>
      <c r="MY10" s="427">
        <v>28747232</v>
      </c>
      <c r="MZ10" s="431">
        <v>103674220</v>
      </c>
      <c r="NA10" s="437">
        <v>103674220</v>
      </c>
      <c r="NB10" s="430">
        <v>0</v>
      </c>
      <c r="NC10" s="427">
        <v>0</v>
      </c>
      <c r="ND10" s="431">
        <v>0</v>
      </c>
      <c r="NE10" s="438"/>
      <c r="NF10" s="427">
        <v>4602194</v>
      </c>
      <c r="NG10" s="427">
        <v>15236337</v>
      </c>
      <c r="NH10" s="427">
        <v>23279381</v>
      </c>
      <c r="NI10" s="427">
        <v>30973980</v>
      </c>
      <c r="NJ10" s="427">
        <v>16719751</v>
      </c>
      <c r="NK10" s="431">
        <v>90811643</v>
      </c>
      <c r="NL10" s="429">
        <v>90811643</v>
      </c>
      <c r="NM10" s="430">
        <v>0</v>
      </c>
      <c r="NN10" s="427">
        <v>0</v>
      </c>
      <c r="NO10" s="431">
        <v>0</v>
      </c>
      <c r="NP10" s="438"/>
      <c r="NQ10" s="427">
        <v>0</v>
      </c>
      <c r="NR10" s="427">
        <v>0</v>
      </c>
      <c r="NS10" s="427">
        <v>0</v>
      </c>
      <c r="NT10" s="427">
        <v>933562</v>
      </c>
      <c r="NU10" s="427">
        <v>1166023</v>
      </c>
      <c r="NV10" s="431">
        <v>2099585</v>
      </c>
      <c r="NW10" s="433">
        <v>2099585</v>
      </c>
      <c r="NX10" s="430">
        <v>0</v>
      </c>
      <c r="NY10" s="427">
        <v>0</v>
      </c>
      <c r="NZ10" s="431">
        <v>0</v>
      </c>
      <c r="OA10" s="438"/>
      <c r="OB10" s="427">
        <v>0</v>
      </c>
      <c r="OC10" s="427">
        <v>0</v>
      </c>
      <c r="OD10" s="427">
        <v>0</v>
      </c>
      <c r="OE10" s="427">
        <v>2470165</v>
      </c>
      <c r="OF10" s="427">
        <v>2701578</v>
      </c>
      <c r="OG10" s="431">
        <v>5171743</v>
      </c>
      <c r="OH10" s="433">
        <v>5171743</v>
      </c>
      <c r="OI10" s="430">
        <v>11176040</v>
      </c>
      <c r="OJ10" s="427">
        <v>24073255</v>
      </c>
      <c r="OK10" s="428">
        <v>35249295</v>
      </c>
      <c r="OL10" s="434">
        <v>0</v>
      </c>
      <c r="OM10" s="427">
        <v>122201630</v>
      </c>
      <c r="ON10" s="427">
        <v>225519182</v>
      </c>
      <c r="OO10" s="427">
        <v>222819057</v>
      </c>
      <c r="OP10" s="427">
        <v>232672013</v>
      </c>
      <c r="OQ10" s="427">
        <v>162317634</v>
      </c>
      <c r="OR10" s="431">
        <v>965529516</v>
      </c>
      <c r="OS10" s="437">
        <v>1000778811</v>
      </c>
    </row>
    <row r="11" spans="2:409" ht="21" customHeight="1" x14ac:dyDescent="0.2">
      <c r="B11" s="472" t="s">
        <v>6</v>
      </c>
      <c r="C11" s="100">
        <v>3874052</v>
      </c>
      <c r="D11" s="104">
        <v>5902681</v>
      </c>
      <c r="E11" s="103">
        <v>9776733</v>
      </c>
      <c r="F11" s="99">
        <v>0</v>
      </c>
      <c r="G11" s="104">
        <v>51417609</v>
      </c>
      <c r="H11" s="104">
        <v>51082906</v>
      </c>
      <c r="I11" s="104">
        <v>48876549</v>
      </c>
      <c r="J11" s="104">
        <v>55117656</v>
      </c>
      <c r="K11" s="104">
        <v>38361631</v>
      </c>
      <c r="L11" s="99">
        <v>244856351</v>
      </c>
      <c r="M11" s="106">
        <v>254633084</v>
      </c>
      <c r="N11" s="100">
        <v>1298352</v>
      </c>
      <c r="O11" s="104">
        <v>2531682</v>
      </c>
      <c r="P11" s="103">
        <v>3830034</v>
      </c>
      <c r="Q11" s="100">
        <v>0</v>
      </c>
      <c r="R11" s="104">
        <v>18053249</v>
      </c>
      <c r="S11" s="104">
        <v>17524369</v>
      </c>
      <c r="T11" s="104">
        <v>16621252</v>
      </c>
      <c r="U11" s="104">
        <v>20529025</v>
      </c>
      <c r="V11" s="104">
        <v>16605185</v>
      </c>
      <c r="W11" s="103">
        <v>89333080</v>
      </c>
      <c r="X11" s="106">
        <v>93163114</v>
      </c>
      <c r="Y11" s="100">
        <v>0</v>
      </c>
      <c r="Z11" s="104">
        <v>0</v>
      </c>
      <c r="AA11" s="103">
        <v>0</v>
      </c>
      <c r="AB11" s="100">
        <v>0</v>
      </c>
      <c r="AC11" s="104">
        <v>6942392</v>
      </c>
      <c r="AD11" s="104">
        <v>6624457</v>
      </c>
      <c r="AE11" s="104">
        <v>6911503</v>
      </c>
      <c r="AF11" s="104">
        <v>11617095</v>
      </c>
      <c r="AG11" s="104">
        <v>9250954</v>
      </c>
      <c r="AH11" s="103">
        <v>41346401</v>
      </c>
      <c r="AI11" s="106">
        <v>41346401</v>
      </c>
      <c r="AJ11" s="100">
        <v>0</v>
      </c>
      <c r="AK11" s="104">
        <v>0</v>
      </c>
      <c r="AL11" s="103">
        <v>0</v>
      </c>
      <c r="AM11" s="100">
        <v>0</v>
      </c>
      <c r="AN11" s="104">
        <v>180843</v>
      </c>
      <c r="AO11" s="104">
        <v>494407</v>
      </c>
      <c r="AP11" s="104">
        <v>860058</v>
      </c>
      <c r="AQ11" s="104">
        <v>884438</v>
      </c>
      <c r="AR11" s="104">
        <v>1740851</v>
      </c>
      <c r="AS11" s="103">
        <v>4160597</v>
      </c>
      <c r="AT11" s="106">
        <v>4160597</v>
      </c>
      <c r="AU11" s="100">
        <v>684977</v>
      </c>
      <c r="AV11" s="104">
        <v>1959060</v>
      </c>
      <c r="AW11" s="103">
        <v>2644037</v>
      </c>
      <c r="AX11" s="100">
        <v>0</v>
      </c>
      <c r="AY11" s="104">
        <v>7450175</v>
      </c>
      <c r="AZ11" s="104">
        <v>6876610</v>
      </c>
      <c r="BA11" s="104">
        <v>5533420</v>
      </c>
      <c r="BB11" s="104">
        <v>4384510</v>
      </c>
      <c r="BC11" s="104">
        <v>2955306</v>
      </c>
      <c r="BD11" s="103">
        <v>27200021</v>
      </c>
      <c r="BE11" s="106">
        <v>29844058</v>
      </c>
      <c r="BF11" s="100">
        <v>98007</v>
      </c>
      <c r="BG11" s="104">
        <v>150830</v>
      </c>
      <c r="BH11" s="102">
        <v>248837</v>
      </c>
      <c r="BI11" s="101">
        <v>0</v>
      </c>
      <c r="BJ11" s="104">
        <v>619226</v>
      </c>
      <c r="BK11" s="104">
        <v>615237</v>
      </c>
      <c r="BL11" s="104">
        <v>708925</v>
      </c>
      <c r="BM11" s="104">
        <v>416975</v>
      </c>
      <c r="BN11" s="104">
        <v>181962</v>
      </c>
      <c r="BO11" s="103">
        <v>2542325</v>
      </c>
      <c r="BP11" s="106">
        <v>2791162</v>
      </c>
      <c r="BQ11" s="100">
        <v>515368</v>
      </c>
      <c r="BR11" s="104">
        <v>421792</v>
      </c>
      <c r="BS11" s="103">
        <v>937160</v>
      </c>
      <c r="BT11" s="100">
        <v>0</v>
      </c>
      <c r="BU11" s="104">
        <v>2860613</v>
      </c>
      <c r="BV11" s="104">
        <v>2913658</v>
      </c>
      <c r="BW11" s="104">
        <v>2607346</v>
      </c>
      <c r="BX11" s="104">
        <v>3226007</v>
      </c>
      <c r="BY11" s="104">
        <v>2476112</v>
      </c>
      <c r="BZ11" s="103">
        <v>14083736</v>
      </c>
      <c r="CA11" s="106">
        <v>15020896</v>
      </c>
      <c r="CB11" s="100">
        <v>263660</v>
      </c>
      <c r="CC11" s="104">
        <v>705055</v>
      </c>
      <c r="CD11" s="103">
        <v>968715</v>
      </c>
      <c r="CE11" s="100">
        <v>0</v>
      </c>
      <c r="CF11" s="104">
        <v>12695336</v>
      </c>
      <c r="CG11" s="104">
        <v>11857853</v>
      </c>
      <c r="CH11" s="104">
        <v>8894791</v>
      </c>
      <c r="CI11" s="104">
        <v>5898309</v>
      </c>
      <c r="CJ11" s="104">
        <v>3200952</v>
      </c>
      <c r="CK11" s="103">
        <v>42547241</v>
      </c>
      <c r="CL11" s="106">
        <v>43515956</v>
      </c>
      <c r="CM11" s="100">
        <v>0</v>
      </c>
      <c r="CN11" s="104">
        <v>0</v>
      </c>
      <c r="CO11" s="103">
        <v>0</v>
      </c>
      <c r="CP11" s="101">
        <v>0</v>
      </c>
      <c r="CQ11" s="104">
        <v>9946345</v>
      </c>
      <c r="CR11" s="104">
        <v>8845225</v>
      </c>
      <c r="CS11" s="104">
        <v>6528626</v>
      </c>
      <c r="CT11" s="104">
        <v>3838795</v>
      </c>
      <c r="CU11" s="104">
        <v>2325790</v>
      </c>
      <c r="CV11" s="103">
        <v>31484781</v>
      </c>
      <c r="CW11" s="106">
        <v>31484781</v>
      </c>
      <c r="CX11" s="100">
        <v>263660</v>
      </c>
      <c r="CY11" s="104">
        <v>705055</v>
      </c>
      <c r="CZ11" s="103">
        <v>968715</v>
      </c>
      <c r="DA11" s="100">
        <v>0</v>
      </c>
      <c r="DB11" s="104">
        <v>2748991</v>
      </c>
      <c r="DC11" s="104">
        <v>3012628</v>
      </c>
      <c r="DD11" s="104">
        <v>2366165</v>
      </c>
      <c r="DE11" s="104">
        <v>2059514</v>
      </c>
      <c r="DF11" s="104">
        <v>875162</v>
      </c>
      <c r="DG11" s="103">
        <v>11062460</v>
      </c>
      <c r="DH11" s="106">
        <v>12031175</v>
      </c>
      <c r="DI11" s="100">
        <v>14973</v>
      </c>
      <c r="DJ11" s="104">
        <v>26381</v>
      </c>
      <c r="DK11" s="102">
        <v>41354</v>
      </c>
      <c r="DL11" s="101">
        <v>0</v>
      </c>
      <c r="DM11" s="104">
        <v>1362895</v>
      </c>
      <c r="DN11" s="104">
        <v>1465549</v>
      </c>
      <c r="DO11" s="104">
        <v>3414132</v>
      </c>
      <c r="DP11" s="104">
        <v>2839537</v>
      </c>
      <c r="DQ11" s="104">
        <v>1632922</v>
      </c>
      <c r="DR11" s="103">
        <v>10715035</v>
      </c>
      <c r="DS11" s="106">
        <v>10756389</v>
      </c>
      <c r="DT11" s="100">
        <v>14973</v>
      </c>
      <c r="DU11" s="104">
        <v>26381</v>
      </c>
      <c r="DV11" s="103">
        <v>41354</v>
      </c>
      <c r="DW11" s="100">
        <v>0</v>
      </c>
      <c r="DX11" s="104">
        <v>856517</v>
      </c>
      <c r="DY11" s="104">
        <v>1233229</v>
      </c>
      <c r="DZ11" s="104">
        <v>2877628</v>
      </c>
      <c r="EA11" s="104">
        <v>2052291</v>
      </c>
      <c r="EB11" s="104">
        <v>995033</v>
      </c>
      <c r="EC11" s="103">
        <v>8014698</v>
      </c>
      <c r="ED11" s="106">
        <v>8056052</v>
      </c>
      <c r="EE11" s="100">
        <v>0</v>
      </c>
      <c r="EF11" s="102">
        <v>0</v>
      </c>
      <c r="EG11" s="103">
        <v>0</v>
      </c>
      <c r="EH11" s="100">
        <v>0</v>
      </c>
      <c r="EI11" s="104">
        <v>506378</v>
      </c>
      <c r="EJ11" s="104">
        <v>232320</v>
      </c>
      <c r="EK11" s="104">
        <v>536504</v>
      </c>
      <c r="EL11" s="104">
        <v>787246</v>
      </c>
      <c r="EM11" s="104">
        <v>637889</v>
      </c>
      <c r="EN11" s="102">
        <v>2700337</v>
      </c>
      <c r="EO11" s="106">
        <v>2700337</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663859</v>
      </c>
      <c r="FM11" s="104">
        <v>1177865</v>
      </c>
      <c r="FN11" s="103">
        <v>1841724</v>
      </c>
      <c r="FO11" s="100">
        <v>0</v>
      </c>
      <c r="FP11" s="104">
        <v>2512191</v>
      </c>
      <c r="FQ11" s="104">
        <v>4819535</v>
      </c>
      <c r="FR11" s="104">
        <v>3948077</v>
      </c>
      <c r="FS11" s="104">
        <v>3610789</v>
      </c>
      <c r="FT11" s="104">
        <v>2267086</v>
      </c>
      <c r="FU11" s="103">
        <v>17157678</v>
      </c>
      <c r="FV11" s="106">
        <v>18999402</v>
      </c>
      <c r="FW11" s="105">
        <v>463414</v>
      </c>
      <c r="FX11" s="104">
        <v>967967</v>
      </c>
      <c r="FY11" s="102">
        <v>1431381</v>
      </c>
      <c r="FZ11" s="101">
        <v>0</v>
      </c>
      <c r="GA11" s="104">
        <v>1972932</v>
      </c>
      <c r="GB11" s="104">
        <v>4307486</v>
      </c>
      <c r="GC11" s="104">
        <v>3578365</v>
      </c>
      <c r="GD11" s="104">
        <v>3196606</v>
      </c>
      <c r="GE11" s="104">
        <v>2018537</v>
      </c>
      <c r="GF11" s="103">
        <v>15073926</v>
      </c>
      <c r="GG11" s="296">
        <v>16505307</v>
      </c>
      <c r="GH11" s="105">
        <v>24255</v>
      </c>
      <c r="GI11" s="104">
        <v>128068</v>
      </c>
      <c r="GJ11" s="102">
        <v>152323</v>
      </c>
      <c r="GK11" s="101">
        <v>0</v>
      </c>
      <c r="GL11" s="104">
        <v>87815</v>
      </c>
      <c r="GM11" s="104">
        <v>158966</v>
      </c>
      <c r="GN11" s="104">
        <v>44352</v>
      </c>
      <c r="GO11" s="104">
        <v>257733</v>
      </c>
      <c r="GP11" s="104">
        <v>195727</v>
      </c>
      <c r="GQ11" s="103">
        <v>744593</v>
      </c>
      <c r="GR11" s="106">
        <v>896916</v>
      </c>
      <c r="GS11" s="100">
        <v>176190</v>
      </c>
      <c r="GT11" s="104">
        <v>81830</v>
      </c>
      <c r="GU11" s="103">
        <v>258020</v>
      </c>
      <c r="GV11" s="100">
        <v>0</v>
      </c>
      <c r="GW11" s="104">
        <v>451444</v>
      </c>
      <c r="GX11" s="104">
        <v>353083</v>
      </c>
      <c r="GY11" s="104">
        <v>325360</v>
      </c>
      <c r="GZ11" s="104">
        <v>156450</v>
      </c>
      <c r="HA11" s="104">
        <v>52822</v>
      </c>
      <c r="HB11" s="102">
        <v>1339159</v>
      </c>
      <c r="HC11" s="106">
        <v>1597179</v>
      </c>
      <c r="HD11" s="100">
        <v>1633208</v>
      </c>
      <c r="HE11" s="104">
        <v>1461698</v>
      </c>
      <c r="HF11" s="102">
        <v>3094906</v>
      </c>
      <c r="HG11" s="101">
        <v>0</v>
      </c>
      <c r="HH11" s="104">
        <v>16793938</v>
      </c>
      <c r="HI11" s="104">
        <v>15415600</v>
      </c>
      <c r="HJ11" s="104">
        <v>15998297</v>
      </c>
      <c r="HK11" s="104">
        <v>22239996</v>
      </c>
      <c r="HL11" s="104">
        <v>14655486</v>
      </c>
      <c r="HM11" s="103">
        <v>85103317</v>
      </c>
      <c r="HN11" s="99">
        <v>88198223</v>
      </c>
      <c r="HO11" s="306"/>
      <c r="HP11" s="307"/>
      <c r="HQ11" s="308"/>
      <c r="HR11" s="309"/>
      <c r="HS11" s="307"/>
      <c r="HT11" s="307"/>
      <c r="HU11" s="307"/>
      <c r="HV11" s="307"/>
      <c r="HW11" s="307"/>
      <c r="HX11" s="310"/>
      <c r="HY11" s="311"/>
      <c r="HZ11" s="118">
        <v>32733</v>
      </c>
      <c r="IA11" s="119">
        <v>466019</v>
      </c>
      <c r="IB11" s="120">
        <v>498752</v>
      </c>
      <c r="IC11" s="133">
        <v>0</v>
      </c>
      <c r="ID11" s="119">
        <v>10943712</v>
      </c>
      <c r="IE11" s="134">
        <v>14058432</v>
      </c>
      <c r="IF11" s="120">
        <v>15946007</v>
      </c>
      <c r="IG11" s="119">
        <v>11350330</v>
      </c>
      <c r="IH11" s="120">
        <v>10201103</v>
      </c>
      <c r="II11" s="135">
        <v>62499584</v>
      </c>
      <c r="IJ11" s="126">
        <v>62998336</v>
      </c>
      <c r="IK11" s="219">
        <v>0</v>
      </c>
      <c r="IL11" s="223">
        <v>0</v>
      </c>
      <c r="IM11" s="224">
        <v>0</v>
      </c>
      <c r="IN11" s="127"/>
      <c r="IO11" s="109">
        <v>541595</v>
      </c>
      <c r="IP11" s="109">
        <v>515998</v>
      </c>
      <c r="IQ11" s="109">
        <v>521103</v>
      </c>
      <c r="IR11" s="109">
        <v>1099571</v>
      </c>
      <c r="IS11" s="109">
        <v>1078500</v>
      </c>
      <c r="IT11" s="128">
        <v>3756767</v>
      </c>
      <c r="IU11" s="298">
        <v>3756767</v>
      </c>
      <c r="IV11" s="129">
        <v>0</v>
      </c>
      <c r="IW11" s="109">
        <v>0</v>
      </c>
      <c r="IX11" s="110">
        <v>0</v>
      </c>
      <c r="IY11" s="131"/>
      <c r="IZ11" s="109">
        <v>54991</v>
      </c>
      <c r="JA11" s="109">
        <v>206705</v>
      </c>
      <c r="JB11" s="109">
        <v>156717</v>
      </c>
      <c r="JC11" s="109">
        <v>201436</v>
      </c>
      <c r="JD11" s="109">
        <v>195739</v>
      </c>
      <c r="JE11" s="110">
        <v>815588</v>
      </c>
      <c r="JF11" s="111">
        <v>815588</v>
      </c>
      <c r="JG11" s="129">
        <v>0</v>
      </c>
      <c r="JH11" s="109">
        <v>0</v>
      </c>
      <c r="JI11" s="128">
        <v>0</v>
      </c>
      <c r="JJ11" s="108">
        <v>0</v>
      </c>
      <c r="JK11" s="109">
        <v>4457854</v>
      </c>
      <c r="JL11" s="109">
        <v>3403898</v>
      </c>
      <c r="JM11" s="109">
        <v>2848483</v>
      </c>
      <c r="JN11" s="109">
        <v>1238588</v>
      </c>
      <c r="JO11" s="109">
        <v>627450</v>
      </c>
      <c r="JP11" s="110">
        <v>12576273</v>
      </c>
      <c r="JQ11" s="298">
        <v>12576273</v>
      </c>
      <c r="JR11" s="129">
        <v>0</v>
      </c>
      <c r="JS11" s="109">
        <v>0</v>
      </c>
      <c r="JT11" s="128">
        <v>0</v>
      </c>
      <c r="JU11" s="108">
        <v>0</v>
      </c>
      <c r="JV11" s="109">
        <v>790835</v>
      </c>
      <c r="JW11" s="109">
        <v>1719503</v>
      </c>
      <c r="JX11" s="109">
        <v>2358252</v>
      </c>
      <c r="JY11" s="109">
        <v>445388</v>
      </c>
      <c r="JZ11" s="109">
        <v>356767</v>
      </c>
      <c r="KA11" s="110">
        <v>5670745</v>
      </c>
      <c r="KB11" s="298">
        <v>5670745</v>
      </c>
      <c r="KC11" s="221">
        <v>32733</v>
      </c>
      <c r="KD11" s="217">
        <v>466019</v>
      </c>
      <c r="KE11" s="110">
        <v>498752</v>
      </c>
      <c r="KF11" s="108">
        <v>0</v>
      </c>
      <c r="KG11" s="109">
        <v>901110</v>
      </c>
      <c r="KH11" s="109">
        <v>1300864</v>
      </c>
      <c r="KI11" s="109">
        <v>1488563</v>
      </c>
      <c r="KJ11" s="109">
        <v>676259</v>
      </c>
      <c r="KK11" s="109">
        <v>513279</v>
      </c>
      <c r="KL11" s="110">
        <v>4880075</v>
      </c>
      <c r="KM11" s="130">
        <v>5378827</v>
      </c>
      <c r="KN11" s="219">
        <v>0</v>
      </c>
      <c r="KO11" s="223">
        <v>0</v>
      </c>
      <c r="KP11" s="224">
        <v>0</v>
      </c>
      <c r="KQ11" s="127"/>
      <c r="KR11" s="109">
        <v>3187769</v>
      </c>
      <c r="KS11" s="109">
        <v>5837034</v>
      </c>
      <c r="KT11" s="109">
        <v>5240378</v>
      </c>
      <c r="KU11" s="109">
        <v>4098004</v>
      </c>
      <c r="KV11" s="109">
        <v>4203638</v>
      </c>
      <c r="KW11" s="110">
        <v>22566823</v>
      </c>
      <c r="KX11" s="298">
        <v>22566823</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192214</v>
      </c>
      <c r="LO11" s="109">
        <v>0</v>
      </c>
      <c r="LP11" s="109">
        <v>1601912</v>
      </c>
      <c r="LQ11" s="109">
        <v>1464003</v>
      </c>
      <c r="LR11" s="109">
        <v>537646</v>
      </c>
      <c r="LS11" s="110">
        <v>3795775</v>
      </c>
      <c r="LT11" s="298">
        <v>3795775</v>
      </c>
      <c r="LU11" s="129">
        <v>0</v>
      </c>
      <c r="LV11" s="109">
        <v>0</v>
      </c>
      <c r="LW11" s="110">
        <v>0</v>
      </c>
      <c r="LX11" s="132"/>
      <c r="LY11" s="109">
        <v>817344</v>
      </c>
      <c r="LZ11" s="109">
        <v>1074430</v>
      </c>
      <c r="MA11" s="109">
        <v>1730599</v>
      </c>
      <c r="MB11" s="109">
        <v>2127081</v>
      </c>
      <c r="MC11" s="109">
        <v>2688084</v>
      </c>
      <c r="MD11" s="110">
        <v>8437538</v>
      </c>
      <c r="ME11" s="111">
        <v>8437538</v>
      </c>
      <c r="MF11" s="129">
        <v>0</v>
      </c>
      <c r="MG11" s="109">
        <v>0</v>
      </c>
      <c r="MH11" s="110">
        <v>0</v>
      </c>
      <c r="MI11" s="132"/>
      <c r="MJ11" s="109">
        <v>1925225</v>
      </c>
      <c r="MK11" s="109">
        <v>2813178</v>
      </c>
      <c r="ML11" s="109">
        <v>13975724</v>
      </c>
      <c r="MM11" s="109">
        <v>22439584</v>
      </c>
      <c r="MN11" s="109">
        <v>17533487</v>
      </c>
      <c r="MO11" s="110">
        <v>58687198</v>
      </c>
      <c r="MP11" s="130">
        <v>58687198</v>
      </c>
      <c r="MQ11" s="129">
        <v>0</v>
      </c>
      <c r="MR11" s="109">
        <v>0</v>
      </c>
      <c r="MS11" s="110">
        <v>0</v>
      </c>
      <c r="MT11" s="132"/>
      <c r="MU11" s="109">
        <v>331112</v>
      </c>
      <c r="MV11" s="109">
        <v>572611</v>
      </c>
      <c r="MW11" s="109">
        <v>7800242</v>
      </c>
      <c r="MX11" s="109">
        <v>10298725</v>
      </c>
      <c r="MY11" s="109">
        <v>9441770</v>
      </c>
      <c r="MZ11" s="110">
        <v>28444460</v>
      </c>
      <c r="NA11" s="130">
        <v>28444460</v>
      </c>
      <c r="NB11" s="129">
        <v>0</v>
      </c>
      <c r="NC11" s="109">
        <v>0</v>
      </c>
      <c r="ND11" s="110">
        <v>0</v>
      </c>
      <c r="NE11" s="132"/>
      <c r="NF11" s="109">
        <v>1594113</v>
      </c>
      <c r="NG11" s="109">
        <v>2240567</v>
      </c>
      <c r="NH11" s="109">
        <v>6175482</v>
      </c>
      <c r="NI11" s="109">
        <v>10735193</v>
      </c>
      <c r="NJ11" s="109">
        <v>5658110</v>
      </c>
      <c r="NK11" s="110">
        <v>26403465</v>
      </c>
      <c r="NL11" s="298">
        <v>26403465</v>
      </c>
      <c r="NM11" s="129">
        <v>0</v>
      </c>
      <c r="NN11" s="109">
        <v>0</v>
      </c>
      <c r="NO11" s="110">
        <v>0</v>
      </c>
      <c r="NP11" s="132"/>
      <c r="NQ11" s="109">
        <v>0</v>
      </c>
      <c r="NR11" s="109">
        <v>0</v>
      </c>
      <c r="NS11" s="109">
        <v>0</v>
      </c>
      <c r="NT11" s="109">
        <v>1107042</v>
      </c>
      <c r="NU11" s="109">
        <v>1124737</v>
      </c>
      <c r="NV11" s="110">
        <v>2231779</v>
      </c>
      <c r="NW11" s="111">
        <v>2231779</v>
      </c>
      <c r="NX11" s="129">
        <v>0</v>
      </c>
      <c r="NY11" s="109">
        <v>0</v>
      </c>
      <c r="NZ11" s="110">
        <v>0</v>
      </c>
      <c r="OA11" s="132"/>
      <c r="OB11" s="109">
        <v>0</v>
      </c>
      <c r="OC11" s="109">
        <v>0</v>
      </c>
      <c r="OD11" s="109">
        <v>0</v>
      </c>
      <c r="OE11" s="109">
        <v>298624</v>
      </c>
      <c r="OF11" s="109">
        <v>1308870</v>
      </c>
      <c r="OG11" s="110">
        <v>1607494</v>
      </c>
      <c r="OH11" s="111">
        <v>1607494</v>
      </c>
      <c r="OI11" s="129">
        <v>3906785</v>
      </c>
      <c r="OJ11" s="109">
        <v>6368700</v>
      </c>
      <c r="OK11" s="128">
        <v>10275485</v>
      </c>
      <c r="OL11" s="108">
        <v>0</v>
      </c>
      <c r="OM11" s="109">
        <v>64286546</v>
      </c>
      <c r="ON11" s="109">
        <v>67954516</v>
      </c>
      <c r="OO11" s="109">
        <v>78798280</v>
      </c>
      <c r="OP11" s="109">
        <v>88907570</v>
      </c>
      <c r="OQ11" s="109">
        <v>66096221</v>
      </c>
      <c r="OR11" s="110">
        <v>366043133</v>
      </c>
      <c r="OS11" s="130">
        <v>376318618</v>
      </c>
    </row>
    <row r="12" spans="2:409" ht="21" customHeight="1" x14ac:dyDescent="0.2">
      <c r="B12" s="472" t="s">
        <v>14</v>
      </c>
      <c r="C12" s="100">
        <v>1053257</v>
      </c>
      <c r="D12" s="104">
        <v>2292555</v>
      </c>
      <c r="E12" s="103">
        <v>3345812</v>
      </c>
      <c r="F12" s="99">
        <v>0</v>
      </c>
      <c r="G12" s="104">
        <v>14258146</v>
      </c>
      <c r="H12" s="104">
        <v>22594733</v>
      </c>
      <c r="I12" s="104">
        <v>19611948</v>
      </c>
      <c r="J12" s="104">
        <v>17730245</v>
      </c>
      <c r="K12" s="104">
        <v>12957817</v>
      </c>
      <c r="L12" s="102">
        <v>87152889</v>
      </c>
      <c r="M12" s="106">
        <v>90498701</v>
      </c>
      <c r="N12" s="100">
        <v>165185</v>
      </c>
      <c r="O12" s="104">
        <v>789534</v>
      </c>
      <c r="P12" s="103">
        <v>954719</v>
      </c>
      <c r="Q12" s="100">
        <v>0</v>
      </c>
      <c r="R12" s="104">
        <v>3617362</v>
      </c>
      <c r="S12" s="104">
        <v>7290794</v>
      </c>
      <c r="T12" s="104">
        <v>5152302</v>
      </c>
      <c r="U12" s="104">
        <v>6825621</v>
      </c>
      <c r="V12" s="104">
        <v>7060499</v>
      </c>
      <c r="W12" s="103">
        <v>29946578</v>
      </c>
      <c r="X12" s="106">
        <v>30901297</v>
      </c>
      <c r="Y12" s="100">
        <v>0</v>
      </c>
      <c r="Z12" s="104">
        <v>0</v>
      </c>
      <c r="AA12" s="103">
        <v>0</v>
      </c>
      <c r="AB12" s="100">
        <v>0</v>
      </c>
      <c r="AC12" s="104">
        <v>1591940</v>
      </c>
      <c r="AD12" s="104">
        <v>2805686</v>
      </c>
      <c r="AE12" s="104">
        <v>2770266</v>
      </c>
      <c r="AF12" s="104">
        <v>3744627</v>
      </c>
      <c r="AG12" s="104">
        <v>3734207</v>
      </c>
      <c r="AH12" s="103">
        <v>14646726</v>
      </c>
      <c r="AI12" s="106">
        <v>14646726</v>
      </c>
      <c r="AJ12" s="100">
        <v>0</v>
      </c>
      <c r="AK12" s="104">
        <v>0</v>
      </c>
      <c r="AL12" s="103">
        <v>0</v>
      </c>
      <c r="AM12" s="100">
        <v>0</v>
      </c>
      <c r="AN12" s="104">
        <v>0</v>
      </c>
      <c r="AO12" s="104">
        <v>186540</v>
      </c>
      <c r="AP12" s="104">
        <v>41452</v>
      </c>
      <c r="AQ12" s="104">
        <v>553046</v>
      </c>
      <c r="AR12" s="104">
        <v>834137</v>
      </c>
      <c r="AS12" s="103">
        <v>1615175</v>
      </c>
      <c r="AT12" s="106">
        <v>1615175</v>
      </c>
      <c r="AU12" s="100">
        <v>62047</v>
      </c>
      <c r="AV12" s="104">
        <v>466968</v>
      </c>
      <c r="AW12" s="103">
        <v>529015</v>
      </c>
      <c r="AX12" s="100">
        <v>0</v>
      </c>
      <c r="AY12" s="104">
        <v>1045094</v>
      </c>
      <c r="AZ12" s="104">
        <v>3095699</v>
      </c>
      <c r="BA12" s="104">
        <v>1272316</v>
      </c>
      <c r="BB12" s="104">
        <v>1513004</v>
      </c>
      <c r="BC12" s="104">
        <v>1736158</v>
      </c>
      <c r="BD12" s="103">
        <v>8662271</v>
      </c>
      <c r="BE12" s="106">
        <v>9191286</v>
      </c>
      <c r="BF12" s="100">
        <v>0</v>
      </c>
      <c r="BG12" s="104">
        <v>125019</v>
      </c>
      <c r="BH12" s="102">
        <v>125019</v>
      </c>
      <c r="BI12" s="101">
        <v>0</v>
      </c>
      <c r="BJ12" s="104">
        <v>186381</v>
      </c>
      <c r="BK12" s="104">
        <v>132604</v>
      </c>
      <c r="BL12" s="104">
        <v>132277</v>
      </c>
      <c r="BM12" s="104">
        <v>0</v>
      </c>
      <c r="BN12" s="104">
        <v>14560</v>
      </c>
      <c r="BO12" s="103">
        <v>465822</v>
      </c>
      <c r="BP12" s="106">
        <v>590841</v>
      </c>
      <c r="BQ12" s="100">
        <v>103138</v>
      </c>
      <c r="BR12" s="104">
        <v>197547</v>
      </c>
      <c r="BS12" s="103">
        <v>300685</v>
      </c>
      <c r="BT12" s="100">
        <v>0</v>
      </c>
      <c r="BU12" s="104">
        <v>793947</v>
      </c>
      <c r="BV12" s="104">
        <v>1070265</v>
      </c>
      <c r="BW12" s="104">
        <v>935991</v>
      </c>
      <c r="BX12" s="104">
        <v>1014944</v>
      </c>
      <c r="BY12" s="104">
        <v>741437</v>
      </c>
      <c r="BZ12" s="103">
        <v>4556584</v>
      </c>
      <c r="CA12" s="106">
        <v>4857269</v>
      </c>
      <c r="CB12" s="100">
        <v>111893</v>
      </c>
      <c r="CC12" s="104">
        <v>236583</v>
      </c>
      <c r="CD12" s="103">
        <v>348476</v>
      </c>
      <c r="CE12" s="100">
        <v>0</v>
      </c>
      <c r="CF12" s="104">
        <v>4789347</v>
      </c>
      <c r="CG12" s="104">
        <v>6535909</v>
      </c>
      <c r="CH12" s="104">
        <v>6182616</v>
      </c>
      <c r="CI12" s="104">
        <v>1238006</v>
      </c>
      <c r="CJ12" s="104">
        <v>1088358</v>
      </c>
      <c r="CK12" s="103">
        <v>19834236</v>
      </c>
      <c r="CL12" s="106">
        <v>20182712</v>
      </c>
      <c r="CM12" s="100">
        <v>0</v>
      </c>
      <c r="CN12" s="104">
        <v>0</v>
      </c>
      <c r="CO12" s="103">
        <v>0</v>
      </c>
      <c r="CP12" s="101">
        <v>0</v>
      </c>
      <c r="CQ12" s="104">
        <v>4470524</v>
      </c>
      <c r="CR12" s="104">
        <v>5316937</v>
      </c>
      <c r="CS12" s="104">
        <v>5467427</v>
      </c>
      <c r="CT12" s="104">
        <v>835037</v>
      </c>
      <c r="CU12" s="104">
        <v>997927</v>
      </c>
      <c r="CV12" s="103">
        <v>17087852</v>
      </c>
      <c r="CW12" s="106">
        <v>17087852</v>
      </c>
      <c r="CX12" s="100">
        <v>111893</v>
      </c>
      <c r="CY12" s="104">
        <v>236583</v>
      </c>
      <c r="CZ12" s="103">
        <v>348476</v>
      </c>
      <c r="DA12" s="100">
        <v>0</v>
      </c>
      <c r="DB12" s="104">
        <v>318823</v>
      </c>
      <c r="DC12" s="104">
        <v>1218972</v>
      </c>
      <c r="DD12" s="104">
        <v>715189</v>
      </c>
      <c r="DE12" s="104">
        <v>402969</v>
      </c>
      <c r="DF12" s="104">
        <v>90431</v>
      </c>
      <c r="DG12" s="103">
        <v>2746384</v>
      </c>
      <c r="DH12" s="106">
        <v>3094860</v>
      </c>
      <c r="DI12" s="100">
        <v>13794</v>
      </c>
      <c r="DJ12" s="104">
        <v>0</v>
      </c>
      <c r="DK12" s="102">
        <v>13794</v>
      </c>
      <c r="DL12" s="101">
        <v>0</v>
      </c>
      <c r="DM12" s="104">
        <v>528417</v>
      </c>
      <c r="DN12" s="104">
        <v>1419262</v>
      </c>
      <c r="DO12" s="104">
        <v>1210078</v>
      </c>
      <c r="DP12" s="104">
        <v>1661998</v>
      </c>
      <c r="DQ12" s="104">
        <v>639453</v>
      </c>
      <c r="DR12" s="103">
        <v>5459208</v>
      </c>
      <c r="DS12" s="106">
        <v>5473002</v>
      </c>
      <c r="DT12" s="100">
        <v>13794</v>
      </c>
      <c r="DU12" s="104">
        <v>0</v>
      </c>
      <c r="DV12" s="103">
        <v>13794</v>
      </c>
      <c r="DW12" s="100">
        <v>0</v>
      </c>
      <c r="DX12" s="104">
        <v>528417</v>
      </c>
      <c r="DY12" s="104">
        <v>1333470</v>
      </c>
      <c r="DZ12" s="104">
        <v>1210078</v>
      </c>
      <c r="EA12" s="104">
        <v>1661998</v>
      </c>
      <c r="EB12" s="104">
        <v>639453</v>
      </c>
      <c r="EC12" s="103">
        <v>5373416</v>
      </c>
      <c r="ED12" s="106">
        <v>5387210</v>
      </c>
      <c r="EE12" s="100">
        <v>0</v>
      </c>
      <c r="EF12" s="102">
        <v>0</v>
      </c>
      <c r="EG12" s="103">
        <v>0</v>
      </c>
      <c r="EH12" s="100">
        <v>0</v>
      </c>
      <c r="EI12" s="104">
        <v>0</v>
      </c>
      <c r="EJ12" s="104">
        <v>85792</v>
      </c>
      <c r="EK12" s="104">
        <v>0</v>
      </c>
      <c r="EL12" s="104">
        <v>0</v>
      </c>
      <c r="EM12" s="104">
        <v>0</v>
      </c>
      <c r="EN12" s="102">
        <v>85792</v>
      </c>
      <c r="EO12" s="106">
        <v>85792</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460432</v>
      </c>
      <c r="FM12" s="104">
        <v>561561</v>
      </c>
      <c r="FN12" s="103">
        <v>1021993</v>
      </c>
      <c r="FO12" s="100">
        <v>0</v>
      </c>
      <c r="FP12" s="104">
        <v>701911</v>
      </c>
      <c r="FQ12" s="104">
        <v>2474433</v>
      </c>
      <c r="FR12" s="104">
        <v>1660474</v>
      </c>
      <c r="FS12" s="104">
        <v>1195642</v>
      </c>
      <c r="FT12" s="104">
        <v>1140335</v>
      </c>
      <c r="FU12" s="103">
        <v>7172795</v>
      </c>
      <c r="FV12" s="106">
        <v>8194788</v>
      </c>
      <c r="FW12" s="105">
        <v>168805</v>
      </c>
      <c r="FX12" s="104">
        <v>475111</v>
      </c>
      <c r="FY12" s="102">
        <v>643916</v>
      </c>
      <c r="FZ12" s="101">
        <v>0</v>
      </c>
      <c r="GA12" s="104">
        <v>533141</v>
      </c>
      <c r="GB12" s="104">
        <v>2249733</v>
      </c>
      <c r="GC12" s="104">
        <v>1402618</v>
      </c>
      <c r="GD12" s="104">
        <v>1059926</v>
      </c>
      <c r="GE12" s="104">
        <v>1115135</v>
      </c>
      <c r="GF12" s="103">
        <v>6360553</v>
      </c>
      <c r="GG12" s="296">
        <v>7004469</v>
      </c>
      <c r="GH12" s="105">
        <v>13300</v>
      </c>
      <c r="GI12" s="104">
        <v>21000</v>
      </c>
      <c r="GJ12" s="102">
        <v>34300</v>
      </c>
      <c r="GK12" s="101">
        <v>0</v>
      </c>
      <c r="GL12" s="104">
        <v>0</v>
      </c>
      <c r="GM12" s="104">
        <v>105700</v>
      </c>
      <c r="GN12" s="104">
        <v>145156</v>
      </c>
      <c r="GO12" s="104">
        <v>37716</v>
      </c>
      <c r="GP12" s="104">
        <v>0</v>
      </c>
      <c r="GQ12" s="103">
        <v>288572</v>
      </c>
      <c r="GR12" s="106">
        <v>322872</v>
      </c>
      <c r="GS12" s="100">
        <v>278327</v>
      </c>
      <c r="GT12" s="104">
        <v>65450</v>
      </c>
      <c r="GU12" s="103">
        <v>343777</v>
      </c>
      <c r="GV12" s="100">
        <v>0</v>
      </c>
      <c r="GW12" s="104">
        <v>168770</v>
      </c>
      <c r="GX12" s="104">
        <v>119000</v>
      </c>
      <c r="GY12" s="104">
        <v>112700</v>
      </c>
      <c r="GZ12" s="104">
        <v>98000</v>
      </c>
      <c r="HA12" s="104">
        <v>25200</v>
      </c>
      <c r="HB12" s="102">
        <v>523670</v>
      </c>
      <c r="HC12" s="106">
        <v>867447</v>
      </c>
      <c r="HD12" s="100">
        <v>301953</v>
      </c>
      <c r="HE12" s="104">
        <v>704877</v>
      </c>
      <c r="HF12" s="102">
        <v>1006830</v>
      </c>
      <c r="HG12" s="101">
        <v>0</v>
      </c>
      <c r="HH12" s="104">
        <v>4621109</v>
      </c>
      <c r="HI12" s="104">
        <v>4874335</v>
      </c>
      <c r="HJ12" s="104">
        <v>5406478</v>
      </c>
      <c r="HK12" s="104">
        <v>6808978</v>
      </c>
      <c r="HL12" s="104">
        <v>3029172</v>
      </c>
      <c r="HM12" s="103">
        <v>24740072</v>
      </c>
      <c r="HN12" s="99">
        <v>25746902</v>
      </c>
      <c r="HO12" s="306"/>
      <c r="HP12" s="307"/>
      <c r="HQ12" s="308"/>
      <c r="HR12" s="309"/>
      <c r="HS12" s="307"/>
      <c r="HT12" s="307"/>
      <c r="HU12" s="307"/>
      <c r="HV12" s="307"/>
      <c r="HW12" s="307"/>
      <c r="HX12" s="310"/>
      <c r="HY12" s="311"/>
      <c r="HZ12" s="118">
        <v>29012</v>
      </c>
      <c r="IA12" s="119">
        <v>67075</v>
      </c>
      <c r="IB12" s="120">
        <v>96087</v>
      </c>
      <c r="IC12" s="121">
        <v>0</v>
      </c>
      <c r="ID12" s="122">
        <v>2386014</v>
      </c>
      <c r="IE12" s="123">
        <v>4296934</v>
      </c>
      <c r="IF12" s="124">
        <v>6066251</v>
      </c>
      <c r="IG12" s="122">
        <v>5093065</v>
      </c>
      <c r="IH12" s="124">
        <v>2723126</v>
      </c>
      <c r="II12" s="125">
        <v>20565390</v>
      </c>
      <c r="IJ12" s="126">
        <v>20661477</v>
      </c>
      <c r="IK12" s="219">
        <v>0</v>
      </c>
      <c r="IL12" s="223">
        <v>0</v>
      </c>
      <c r="IM12" s="224">
        <v>0</v>
      </c>
      <c r="IN12" s="127"/>
      <c r="IO12" s="109">
        <v>48692</v>
      </c>
      <c r="IP12" s="109">
        <v>95844</v>
      </c>
      <c r="IQ12" s="109">
        <v>0</v>
      </c>
      <c r="IR12" s="109">
        <v>209034</v>
      </c>
      <c r="IS12" s="109">
        <v>0</v>
      </c>
      <c r="IT12" s="128">
        <v>353570</v>
      </c>
      <c r="IU12" s="298">
        <v>353570</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859601</v>
      </c>
      <c r="JL12" s="109">
        <v>1691226</v>
      </c>
      <c r="JM12" s="109">
        <v>1214297</v>
      </c>
      <c r="JN12" s="109">
        <v>603175</v>
      </c>
      <c r="JO12" s="109">
        <v>372372</v>
      </c>
      <c r="JP12" s="110">
        <v>4740671</v>
      </c>
      <c r="JQ12" s="298">
        <v>4740671</v>
      </c>
      <c r="JR12" s="129">
        <v>0</v>
      </c>
      <c r="JS12" s="109">
        <v>0</v>
      </c>
      <c r="JT12" s="128">
        <v>0</v>
      </c>
      <c r="JU12" s="108">
        <v>0</v>
      </c>
      <c r="JV12" s="109">
        <v>201046</v>
      </c>
      <c r="JW12" s="109">
        <v>114578</v>
      </c>
      <c r="JX12" s="109">
        <v>-343</v>
      </c>
      <c r="JY12" s="109">
        <v>37227</v>
      </c>
      <c r="JZ12" s="109">
        <v>0</v>
      </c>
      <c r="KA12" s="110">
        <v>352508</v>
      </c>
      <c r="KB12" s="298">
        <v>352508</v>
      </c>
      <c r="KC12" s="221">
        <v>29012</v>
      </c>
      <c r="KD12" s="217">
        <v>67075</v>
      </c>
      <c r="KE12" s="110">
        <v>96087</v>
      </c>
      <c r="KF12" s="108">
        <v>0</v>
      </c>
      <c r="KG12" s="109">
        <v>672224</v>
      </c>
      <c r="KH12" s="109">
        <v>991665</v>
      </c>
      <c r="KI12" s="109">
        <v>646050</v>
      </c>
      <c r="KJ12" s="109">
        <v>503273</v>
      </c>
      <c r="KK12" s="109">
        <v>682449</v>
      </c>
      <c r="KL12" s="110">
        <v>3495661</v>
      </c>
      <c r="KM12" s="130">
        <v>3591748</v>
      </c>
      <c r="KN12" s="219">
        <v>0</v>
      </c>
      <c r="KO12" s="223">
        <v>0</v>
      </c>
      <c r="KP12" s="224">
        <v>0</v>
      </c>
      <c r="KQ12" s="127"/>
      <c r="KR12" s="109">
        <v>604787</v>
      </c>
      <c r="KS12" s="109">
        <v>1059794</v>
      </c>
      <c r="KT12" s="109">
        <v>3738933</v>
      </c>
      <c r="KU12" s="109">
        <v>2446830</v>
      </c>
      <c r="KV12" s="109">
        <v>1381362</v>
      </c>
      <c r="KW12" s="110">
        <v>9231706</v>
      </c>
      <c r="KX12" s="298">
        <v>9231706</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176186</v>
      </c>
      <c r="LP12" s="109">
        <v>0</v>
      </c>
      <c r="LQ12" s="109">
        <v>451458</v>
      </c>
      <c r="LR12" s="109">
        <v>0</v>
      </c>
      <c r="LS12" s="110">
        <v>627644</v>
      </c>
      <c r="LT12" s="298">
        <v>627644</v>
      </c>
      <c r="LU12" s="129">
        <v>0</v>
      </c>
      <c r="LV12" s="109">
        <v>0</v>
      </c>
      <c r="LW12" s="110">
        <v>0</v>
      </c>
      <c r="LX12" s="132"/>
      <c r="LY12" s="109">
        <v>-336</v>
      </c>
      <c r="LZ12" s="109">
        <v>167641</v>
      </c>
      <c r="MA12" s="109">
        <v>467314</v>
      </c>
      <c r="MB12" s="109">
        <v>842068</v>
      </c>
      <c r="MC12" s="109">
        <v>286943</v>
      </c>
      <c r="MD12" s="110">
        <v>1763630</v>
      </c>
      <c r="ME12" s="111">
        <v>1763630</v>
      </c>
      <c r="MF12" s="129">
        <v>0</v>
      </c>
      <c r="MG12" s="109">
        <v>0</v>
      </c>
      <c r="MH12" s="110">
        <v>0</v>
      </c>
      <c r="MI12" s="132"/>
      <c r="MJ12" s="109">
        <v>399296</v>
      </c>
      <c r="MK12" s="109">
        <v>1837720</v>
      </c>
      <c r="ML12" s="109">
        <v>7292557</v>
      </c>
      <c r="MM12" s="109">
        <v>12125157</v>
      </c>
      <c r="MN12" s="109">
        <v>9215942</v>
      </c>
      <c r="MO12" s="110">
        <v>30870672</v>
      </c>
      <c r="MP12" s="130">
        <v>30870672</v>
      </c>
      <c r="MQ12" s="129">
        <v>0</v>
      </c>
      <c r="MR12" s="109">
        <v>0</v>
      </c>
      <c r="MS12" s="110">
        <v>0</v>
      </c>
      <c r="MT12" s="132"/>
      <c r="MU12" s="109">
        <v>0</v>
      </c>
      <c r="MV12" s="109">
        <v>0</v>
      </c>
      <c r="MW12" s="109">
        <v>4572371</v>
      </c>
      <c r="MX12" s="109">
        <v>7521599</v>
      </c>
      <c r="MY12" s="109">
        <v>5041619</v>
      </c>
      <c r="MZ12" s="110">
        <v>17135589</v>
      </c>
      <c r="NA12" s="130">
        <v>17135589</v>
      </c>
      <c r="NB12" s="129">
        <v>0</v>
      </c>
      <c r="NC12" s="109">
        <v>0</v>
      </c>
      <c r="ND12" s="110">
        <v>0</v>
      </c>
      <c r="NE12" s="132"/>
      <c r="NF12" s="109">
        <v>399296</v>
      </c>
      <c r="NG12" s="109">
        <v>1837720</v>
      </c>
      <c r="NH12" s="109">
        <v>2434152</v>
      </c>
      <c r="NI12" s="109">
        <v>4074164</v>
      </c>
      <c r="NJ12" s="109">
        <v>2927367</v>
      </c>
      <c r="NK12" s="110">
        <v>11672699</v>
      </c>
      <c r="NL12" s="298">
        <v>11672699</v>
      </c>
      <c r="NM12" s="129">
        <v>0</v>
      </c>
      <c r="NN12" s="109">
        <v>0</v>
      </c>
      <c r="NO12" s="110">
        <v>0</v>
      </c>
      <c r="NP12" s="132"/>
      <c r="NQ12" s="109">
        <v>0</v>
      </c>
      <c r="NR12" s="109">
        <v>0</v>
      </c>
      <c r="NS12" s="109">
        <v>0</v>
      </c>
      <c r="NT12" s="109">
        <v>245550</v>
      </c>
      <c r="NU12" s="109">
        <v>263479</v>
      </c>
      <c r="NV12" s="110">
        <v>509029</v>
      </c>
      <c r="NW12" s="111">
        <v>509029</v>
      </c>
      <c r="NX12" s="129">
        <v>0</v>
      </c>
      <c r="NY12" s="109">
        <v>0</v>
      </c>
      <c r="NZ12" s="110">
        <v>0</v>
      </c>
      <c r="OA12" s="132"/>
      <c r="OB12" s="109">
        <v>0</v>
      </c>
      <c r="OC12" s="109">
        <v>0</v>
      </c>
      <c r="OD12" s="109">
        <v>286034</v>
      </c>
      <c r="OE12" s="109">
        <v>283844</v>
      </c>
      <c r="OF12" s="109">
        <v>983477</v>
      </c>
      <c r="OG12" s="110">
        <v>1553355</v>
      </c>
      <c r="OH12" s="111">
        <v>1553355</v>
      </c>
      <c r="OI12" s="129">
        <v>1082269</v>
      </c>
      <c r="OJ12" s="109">
        <v>2359630</v>
      </c>
      <c r="OK12" s="128">
        <v>3441899</v>
      </c>
      <c r="OL12" s="108">
        <v>0</v>
      </c>
      <c r="OM12" s="109">
        <v>17043456</v>
      </c>
      <c r="ON12" s="109">
        <v>28729387</v>
      </c>
      <c r="OO12" s="109">
        <v>32970756</v>
      </c>
      <c r="OP12" s="109">
        <v>34948467</v>
      </c>
      <c r="OQ12" s="109">
        <v>24896885</v>
      </c>
      <c r="OR12" s="110">
        <v>138588951</v>
      </c>
      <c r="OS12" s="130">
        <v>142030850</v>
      </c>
    </row>
    <row r="13" spans="2:409" ht="21" customHeight="1" x14ac:dyDescent="0.2">
      <c r="B13" s="472" t="s">
        <v>7</v>
      </c>
      <c r="C13" s="100">
        <v>1122818</v>
      </c>
      <c r="D13" s="104">
        <v>670797</v>
      </c>
      <c r="E13" s="103">
        <v>1793615</v>
      </c>
      <c r="F13" s="99">
        <v>0</v>
      </c>
      <c r="G13" s="104">
        <v>11359504</v>
      </c>
      <c r="H13" s="104">
        <v>9154422</v>
      </c>
      <c r="I13" s="104">
        <v>8591008</v>
      </c>
      <c r="J13" s="104">
        <v>10783893</v>
      </c>
      <c r="K13" s="104">
        <v>6730953</v>
      </c>
      <c r="L13" s="99">
        <v>46619780</v>
      </c>
      <c r="M13" s="106">
        <v>48413395</v>
      </c>
      <c r="N13" s="100">
        <v>228105</v>
      </c>
      <c r="O13" s="104">
        <v>139510</v>
      </c>
      <c r="P13" s="103">
        <v>367615</v>
      </c>
      <c r="Q13" s="100">
        <v>0</v>
      </c>
      <c r="R13" s="104">
        <v>2692348</v>
      </c>
      <c r="S13" s="104">
        <v>2784270</v>
      </c>
      <c r="T13" s="104">
        <v>2447655</v>
      </c>
      <c r="U13" s="104">
        <v>5125126</v>
      </c>
      <c r="V13" s="104">
        <v>2579829</v>
      </c>
      <c r="W13" s="103">
        <v>15629228</v>
      </c>
      <c r="X13" s="106">
        <v>15996843</v>
      </c>
      <c r="Y13" s="100">
        <v>0</v>
      </c>
      <c r="Z13" s="104">
        <v>0</v>
      </c>
      <c r="AA13" s="103">
        <v>0</v>
      </c>
      <c r="AB13" s="100">
        <v>0</v>
      </c>
      <c r="AC13" s="104">
        <v>1275990</v>
      </c>
      <c r="AD13" s="104">
        <v>1184638</v>
      </c>
      <c r="AE13" s="104">
        <v>1425692</v>
      </c>
      <c r="AF13" s="104">
        <v>2521284</v>
      </c>
      <c r="AG13" s="104">
        <v>1031175</v>
      </c>
      <c r="AH13" s="103">
        <v>7438779</v>
      </c>
      <c r="AI13" s="106">
        <v>7438779</v>
      </c>
      <c r="AJ13" s="100">
        <v>0</v>
      </c>
      <c r="AK13" s="104">
        <v>0</v>
      </c>
      <c r="AL13" s="103">
        <v>0</v>
      </c>
      <c r="AM13" s="100">
        <v>0</v>
      </c>
      <c r="AN13" s="104">
        <v>40917</v>
      </c>
      <c r="AO13" s="104">
        <v>134617</v>
      </c>
      <c r="AP13" s="104">
        <v>20462</v>
      </c>
      <c r="AQ13" s="104">
        <v>312163</v>
      </c>
      <c r="AR13" s="104">
        <v>489137</v>
      </c>
      <c r="AS13" s="103">
        <v>997296</v>
      </c>
      <c r="AT13" s="106">
        <v>997296</v>
      </c>
      <c r="AU13" s="100">
        <v>0</v>
      </c>
      <c r="AV13" s="104">
        <v>51380</v>
      </c>
      <c r="AW13" s="103">
        <v>51380</v>
      </c>
      <c r="AX13" s="100">
        <v>0</v>
      </c>
      <c r="AY13" s="104">
        <v>588475</v>
      </c>
      <c r="AZ13" s="104">
        <v>783926</v>
      </c>
      <c r="BA13" s="104">
        <v>497382</v>
      </c>
      <c r="BB13" s="104">
        <v>1689582</v>
      </c>
      <c r="BC13" s="104">
        <v>705646</v>
      </c>
      <c r="BD13" s="103">
        <v>4265011</v>
      </c>
      <c r="BE13" s="106">
        <v>4316391</v>
      </c>
      <c r="BF13" s="100">
        <v>18196</v>
      </c>
      <c r="BG13" s="104">
        <v>0</v>
      </c>
      <c r="BH13" s="102">
        <v>18196</v>
      </c>
      <c r="BI13" s="101">
        <v>0</v>
      </c>
      <c r="BJ13" s="104">
        <v>69725</v>
      </c>
      <c r="BK13" s="104">
        <v>229596</v>
      </c>
      <c r="BL13" s="104">
        <v>18137</v>
      </c>
      <c r="BM13" s="104">
        <v>145556</v>
      </c>
      <c r="BN13" s="104">
        <v>0</v>
      </c>
      <c r="BO13" s="103">
        <v>463014</v>
      </c>
      <c r="BP13" s="106">
        <v>481210</v>
      </c>
      <c r="BQ13" s="100">
        <v>209909</v>
      </c>
      <c r="BR13" s="104">
        <v>88130</v>
      </c>
      <c r="BS13" s="103">
        <v>298039</v>
      </c>
      <c r="BT13" s="100">
        <v>0</v>
      </c>
      <c r="BU13" s="104">
        <v>717241</v>
      </c>
      <c r="BV13" s="104">
        <v>451493</v>
      </c>
      <c r="BW13" s="104">
        <v>485982</v>
      </c>
      <c r="BX13" s="104">
        <v>456541</v>
      </c>
      <c r="BY13" s="104">
        <v>353871</v>
      </c>
      <c r="BZ13" s="103">
        <v>2465128</v>
      </c>
      <c r="CA13" s="106">
        <v>2763167</v>
      </c>
      <c r="CB13" s="100">
        <v>54004</v>
      </c>
      <c r="CC13" s="104">
        <v>134419</v>
      </c>
      <c r="CD13" s="103">
        <v>188423</v>
      </c>
      <c r="CE13" s="100">
        <v>0</v>
      </c>
      <c r="CF13" s="104">
        <v>2883127</v>
      </c>
      <c r="CG13" s="104">
        <v>2063940</v>
      </c>
      <c r="CH13" s="104">
        <v>1589057</v>
      </c>
      <c r="CI13" s="104">
        <v>1417308</v>
      </c>
      <c r="CJ13" s="104">
        <v>471654</v>
      </c>
      <c r="CK13" s="103">
        <v>8425086</v>
      </c>
      <c r="CL13" s="106">
        <v>8613509</v>
      </c>
      <c r="CM13" s="100">
        <v>0</v>
      </c>
      <c r="CN13" s="104">
        <v>0</v>
      </c>
      <c r="CO13" s="103">
        <v>0</v>
      </c>
      <c r="CP13" s="101">
        <v>0</v>
      </c>
      <c r="CQ13" s="104">
        <v>2286704</v>
      </c>
      <c r="CR13" s="104">
        <v>1637316</v>
      </c>
      <c r="CS13" s="104">
        <v>1002503</v>
      </c>
      <c r="CT13" s="104">
        <v>910807</v>
      </c>
      <c r="CU13" s="104">
        <v>340092</v>
      </c>
      <c r="CV13" s="103">
        <v>6177422</v>
      </c>
      <c r="CW13" s="106">
        <v>6177422</v>
      </c>
      <c r="CX13" s="100">
        <v>54004</v>
      </c>
      <c r="CY13" s="104">
        <v>134419</v>
      </c>
      <c r="CZ13" s="103">
        <v>188423</v>
      </c>
      <c r="DA13" s="100">
        <v>0</v>
      </c>
      <c r="DB13" s="104">
        <v>596423</v>
      </c>
      <c r="DC13" s="104">
        <v>426624</v>
      </c>
      <c r="DD13" s="104">
        <v>586554</v>
      </c>
      <c r="DE13" s="104">
        <v>506501</v>
      </c>
      <c r="DF13" s="104">
        <v>131562</v>
      </c>
      <c r="DG13" s="103">
        <v>2247664</v>
      </c>
      <c r="DH13" s="106">
        <v>2436087</v>
      </c>
      <c r="DI13" s="100">
        <v>0</v>
      </c>
      <c r="DJ13" s="104">
        <v>0</v>
      </c>
      <c r="DK13" s="102">
        <v>0</v>
      </c>
      <c r="DL13" s="101">
        <v>0</v>
      </c>
      <c r="DM13" s="104">
        <v>482942</v>
      </c>
      <c r="DN13" s="104">
        <v>585597</v>
      </c>
      <c r="DO13" s="104">
        <v>802096</v>
      </c>
      <c r="DP13" s="104">
        <v>680179</v>
      </c>
      <c r="DQ13" s="104">
        <v>555059</v>
      </c>
      <c r="DR13" s="103">
        <v>3105873</v>
      </c>
      <c r="DS13" s="106">
        <v>3105873</v>
      </c>
      <c r="DT13" s="100">
        <v>0</v>
      </c>
      <c r="DU13" s="104">
        <v>0</v>
      </c>
      <c r="DV13" s="103">
        <v>0</v>
      </c>
      <c r="DW13" s="100">
        <v>0</v>
      </c>
      <c r="DX13" s="104">
        <v>482942</v>
      </c>
      <c r="DY13" s="104">
        <v>502386</v>
      </c>
      <c r="DZ13" s="104">
        <v>802096</v>
      </c>
      <c r="EA13" s="104">
        <v>680179</v>
      </c>
      <c r="EB13" s="104">
        <v>555059</v>
      </c>
      <c r="EC13" s="103">
        <v>3022662</v>
      </c>
      <c r="ED13" s="106">
        <v>3022662</v>
      </c>
      <c r="EE13" s="100">
        <v>0</v>
      </c>
      <c r="EF13" s="102">
        <v>0</v>
      </c>
      <c r="EG13" s="103">
        <v>0</v>
      </c>
      <c r="EH13" s="100">
        <v>0</v>
      </c>
      <c r="EI13" s="104">
        <v>0</v>
      </c>
      <c r="EJ13" s="104">
        <v>83211</v>
      </c>
      <c r="EK13" s="104">
        <v>0</v>
      </c>
      <c r="EL13" s="104">
        <v>0</v>
      </c>
      <c r="EM13" s="104">
        <v>0</v>
      </c>
      <c r="EN13" s="102">
        <v>83211</v>
      </c>
      <c r="EO13" s="106">
        <v>83211</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155932</v>
      </c>
      <c r="FM13" s="104">
        <v>85862</v>
      </c>
      <c r="FN13" s="103">
        <v>241794</v>
      </c>
      <c r="FO13" s="100">
        <v>0</v>
      </c>
      <c r="FP13" s="104">
        <v>392238</v>
      </c>
      <c r="FQ13" s="104">
        <v>886214</v>
      </c>
      <c r="FR13" s="104">
        <v>577136</v>
      </c>
      <c r="FS13" s="104">
        <v>741704</v>
      </c>
      <c r="FT13" s="104">
        <v>402927</v>
      </c>
      <c r="FU13" s="103">
        <v>3000219</v>
      </c>
      <c r="FV13" s="106">
        <v>3242013</v>
      </c>
      <c r="FW13" s="105">
        <v>28035</v>
      </c>
      <c r="FX13" s="104">
        <v>85862</v>
      </c>
      <c r="FY13" s="102">
        <v>113897</v>
      </c>
      <c r="FZ13" s="101">
        <v>0</v>
      </c>
      <c r="GA13" s="104">
        <v>373758</v>
      </c>
      <c r="GB13" s="104">
        <v>886214</v>
      </c>
      <c r="GC13" s="104">
        <v>549136</v>
      </c>
      <c r="GD13" s="104">
        <v>632329</v>
      </c>
      <c r="GE13" s="104">
        <v>389837</v>
      </c>
      <c r="GF13" s="103">
        <v>2831274</v>
      </c>
      <c r="GG13" s="296">
        <v>2945171</v>
      </c>
      <c r="GH13" s="105">
        <v>0</v>
      </c>
      <c r="GI13" s="104">
        <v>0</v>
      </c>
      <c r="GJ13" s="102">
        <v>0</v>
      </c>
      <c r="GK13" s="101">
        <v>0</v>
      </c>
      <c r="GL13" s="104">
        <v>18480</v>
      </c>
      <c r="GM13" s="104">
        <v>0</v>
      </c>
      <c r="GN13" s="104">
        <v>0</v>
      </c>
      <c r="GO13" s="104">
        <v>28875</v>
      </c>
      <c r="GP13" s="104">
        <v>13090</v>
      </c>
      <c r="GQ13" s="103">
        <v>60445</v>
      </c>
      <c r="GR13" s="106">
        <v>60445</v>
      </c>
      <c r="GS13" s="100">
        <v>127897</v>
      </c>
      <c r="GT13" s="104">
        <v>0</v>
      </c>
      <c r="GU13" s="103">
        <v>127897</v>
      </c>
      <c r="GV13" s="100">
        <v>0</v>
      </c>
      <c r="GW13" s="104">
        <v>0</v>
      </c>
      <c r="GX13" s="104">
        <v>0</v>
      </c>
      <c r="GY13" s="104">
        <v>28000</v>
      </c>
      <c r="GZ13" s="104">
        <v>80500</v>
      </c>
      <c r="HA13" s="104">
        <v>0</v>
      </c>
      <c r="HB13" s="102">
        <v>108500</v>
      </c>
      <c r="HC13" s="106">
        <v>236397</v>
      </c>
      <c r="HD13" s="100">
        <v>684777</v>
      </c>
      <c r="HE13" s="104">
        <v>311006</v>
      </c>
      <c r="HF13" s="102">
        <v>995783</v>
      </c>
      <c r="HG13" s="101">
        <v>0</v>
      </c>
      <c r="HH13" s="104">
        <v>4908849</v>
      </c>
      <c r="HI13" s="104">
        <v>2834401</v>
      </c>
      <c r="HJ13" s="104">
        <v>3175064</v>
      </c>
      <c r="HK13" s="104">
        <v>2819576</v>
      </c>
      <c r="HL13" s="104">
        <v>2721484</v>
      </c>
      <c r="HM13" s="103">
        <v>16459374</v>
      </c>
      <c r="HN13" s="99">
        <v>17455157</v>
      </c>
      <c r="HO13" s="306"/>
      <c r="HP13" s="307"/>
      <c r="HQ13" s="308"/>
      <c r="HR13" s="309"/>
      <c r="HS13" s="307"/>
      <c r="HT13" s="307"/>
      <c r="HU13" s="307"/>
      <c r="HV13" s="307"/>
      <c r="HW13" s="307"/>
      <c r="HX13" s="310"/>
      <c r="HY13" s="311"/>
      <c r="HZ13" s="118">
        <v>42744</v>
      </c>
      <c r="IA13" s="119">
        <v>0</v>
      </c>
      <c r="IB13" s="120">
        <v>42744</v>
      </c>
      <c r="IC13" s="133">
        <v>0</v>
      </c>
      <c r="ID13" s="119">
        <v>1901048</v>
      </c>
      <c r="IE13" s="134">
        <v>2130063</v>
      </c>
      <c r="IF13" s="120">
        <v>2407175</v>
      </c>
      <c r="IG13" s="119">
        <v>1272433</v>
      </c>
      <c r="IH13" s="120">
        <v>1352683</v>
      </c>
      <c r="II13" s="135">
        <v>9063402</v>
      </c>
      <c r="IJ13" s="126">
        <v>9106146</v>
      </c>
      <c r="IK13" s="219">
        <v>0</v>
      </c>
      <c r="IL13" s="223">
        <v>0</v>
      </c>
      <c r="IM13" s="224">
        <v>0</v>
      </c>
      <c r="IN13" s="127"/>
      <c r="IO13" s="109">
        <v>80187</v>
      </c>
      <c r="IP13" s="109">
        <v>0</v>
      </c>
      <c r="IQ13" s="109">
        <v>0</v>
      </c>
      <c r="IR13" s="109">
        <v>0</v>
      </c>
      <c r="IS13" s="109">
        <v>0</v>
      </c>
      <c r="IT13" s="128">
        <v>80187</v>
      </c>
      <c r="IU13" s="298">
        <v>80187</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1159873</v>
      </c>
      <c r="JL13" s="109">
        <v>1166472</v>
      </c>
      <c r="JM13" s="109">
        <v>335763</v>
      </c>
      <c r="JN13" s="109">
        <v>256415</v>
      </c>
      <c r="JO13" s="109">
        <v>632624</v>
      </c>
      <c r="JP13" s="110">
        <v>3551147</v>
      </c>
      <c r="JQ13" s="298">
        <v>3551147</v>
      </c>
      <c r="JR13" s="129">
        <v>0</v>
      </c>
      <c r="JS13" s="109">
        <v>0</v>
      </c>
      <c r="JT13" s="128">
        <v>0</v>
      </c>
      <c r="JU13" s="108">
        <v>0</v>
      </c>
      <c r="JV13" s="109">
        <v>139959</v>
      </c>
      <c r="JW13" s="109">
        <v>424529</v>
      </c>
      <c r="JX13" s="109">
        <v>371950</v>
      </c>
      <c r="JY13" s="109">
        <v>243740</v>
      </c>
      <c r="JZ13" s="109">
        <v>0</v>
      </c>
      <c r="KA13" s="110">
        <v>1180178</v>
      </c>
      <c r="KB13" s="298">
        <v>1180178</v>
      </c>
      <c r="KC13" s="221">
        <v>42744</v>
      </c>
      <c r="KD13" s="217">
        <v>0</v>
      </c>
      <c r="KE13" s="110">
        <v>42744</v>
      </c>
      <c r="KF13" s="108">
        <v>0</v>
      </c>
      <c r="KG13" s="109">
        <v>95746</v>
      </c>
      <c r="KH13" s="109">
        <v>113558</v>
      </c>
      <c r="KI13" s="109">
        <v>392555</v>
      </c>
      <c r="KJ13" s="109">
        <v>0</v>
      </c>
      <c r="KK13" s="109">
        <v>0</v>
      </c>
      <c r="KL13" s="110">
        <v>601859</v>
      </c>
      <c r="KM13" s="130">
        <v>644603</v>
      </c>
      <c r="KN13" s="219">
        <v>0</v>
      </c>
      <c r="KO13" s="223">
        <v>0</v>
      </c>
      <c r="KP13" s="224">
        <v>0</v>
      </c>
      <c r="KQ13" s="127"/>
      <c r="KR13" s="109">
        <v>197797</v>
      </c>
      <c r="KS13" s="109">
        <v>425504</v>
      </c>
      <c r="KT13" s="109">
        <v>1306907</v>
      </c>
      <c r="KU13" s="109">
        <v>772278</v>
      </c>
      <c r="KV13" s="109">
        <v>451889</v>
      </c>
      <c r="KW13" s="110">
        <v>3154375</v>
      </c>
      <c r="KX13" s="298">
        <v>3154375</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227486</v>
      </c>
      <c r="LZ13" s="109">
        <v>0</v>
      </c>
      <c r="MA13" s="109">
        <v>0</v>
      </c>
      <c r="MB13" s="109">
        <v>0</v>
      </c>
      <c r="MC13" s="109">
        <v>268170</v>
      </c>
      <c r="MD13" s="110">
        <v>495656</v>
      </c>
      <c r="ME13" s="111">
        <v>495656</v>
      </c>
      <c r="MF13" s="129">
        <v>0</v>
      </c>
      <c r="MG13" s="109">
        <v>0</v>
      </c>
      <c r="MH13" s="110">
        <v>0</v>
      </c>
      <c r="MI13" s="132"/>
      <c r="MJ13" s="109">
        <v>619512</v>
      </c>
      <c r="MK13" s="109">
        <v>420933</v>
      </c>
      <c r="ML13" s="109">
        <v>2582915</v>
      </c>
      <c r="MM13" s="109">
        <v>4469770</v>
      </c>
      <c r="MN13" s="109">
        <v>1478991</v>
      </c>
      <c r="MO13" s="110">
        <v>9572121</v>
      </c>
      <c r="MP13" s="130">
        <v>9572121</v>
      </c>
      <c r="MQ13" s="129">
        <v>0</v>
      </c>
      <c r="MR13" s="109">
        <v>0</v>
      </c>
      <c r="MS13" s="110">
        <v>0</v>
      </c>
      <c r="MT13" s="132"/>
      <c r="MU13" s="109">
        <v>0</v>
      </c>
      <c r="MV13" s="109">
        <v>202946</v>
      </c>
      <c r="MW13" s="109">
        <v>1561109</v>
      </c>
      <c r="MX13" s="109">
        <v>2975989</v>
      </c>
      <c r="MY13" s="109">
        <v>1478991</v>
      </c>
      <c r="MZ13" s="110">
        <v>6219035</v>
      </c>
      <c r="NA13" s="130">
        <v>6219035</v>
      </c>
      <c r="NB13" s="129">
        <v>0</v>
      </c>
      <c r="NC13" s="109">
        <v>0</v>
      </c>
      <c r="ND13" s="110">
        <v>0</v>
      </c>
      <c r="NE13" s="132"/>
      <c r="NF13" s="109">
        <v>619512</v>
      </c>
      <c r="NG13" s="109">
        <v>217987</v>
      </c>
      <c r="NH13" s="109">
        <v>1021806</v>
      </c>
      <c r="NI13" s="109">
        <v>1493781</v>
      </c>
      <c r="NJ13" s="109">
        <v>0</v>
      </c>
      <c r="NK13" s="110">
        <v>3353086</v>
      </c>
      <c r="NL13" s="298">
        <v>3353086</v>
      </c>
      <c r="NM13" s="129">
        <v>0</v>
      </c>
      <c r="NN13" s="109">
        <v>0</v>
      </c>
      <c r="NO13" s="110">
        <v>0</v>
      </c>
      <c r="NP13" s="132"/>
      <c r="NQ13" s="109">
        <v>0</v>
      </c>
      <c r="NR13" s="109">
        <v>0</v>
      </c>
      <c r="NS13" s="109">
        <v>0</v>
      </c>
      <c r="NT13" s="109">
        <v>0</v>
      </c>
      <c r="NU13" s="109">
        <v>0</v>
      </c>
      <c r="NV13" s="110">
        <v>0</v>
      </c>
      <c r="NW13" s="111">
        <v>0</v>
      </c>
      <c r="NX13" s="129">
        <v>0</v>
      </c>
      <c r="NY13" s="109">
        <v>0</v>
      </c>
      <c r="NZ13" s="110">
        <v>0</v>
      </c>
      <c r="OA13" s="132"/>
      <c r="OB13" s="109">
        <v>0</v>
      </c>
      <c r="OC13" s="109">
        <v>0</v>
      </c>
      <c r="OD13" s="109">
        <v>0</v>
      </c>
      <c r="OE13" s="109">
        <v>0</v>
      </c>
      <c r="OF13" s="109">
        <v>0</v>
      </c>
      <c r="OG13" s="110">
        <v>0</v>
      </c>
      <c r="OH13" s="111">
        <v>0</v>
      </c>
      <c r="OI13" s="129">
        <v>1165562</v>
      </c>
      <c r="OJ13" s="109">
        <v>670797</v>
      </c>
      <c r="OK13" s="128">
        <v>1836359</v>
      </c>
      <c r="OL13" s="108">
        <v>0</v>
      </c>
      <c r="OM13" s="109">
        <v>13880064</v>
      </c>
      <c r="ON13" s="109">
        <v>11705418</v>
      </c>
      <c r="OO13" s="109">
        <v>13581098</v>
      </c>
      <c r="OP13" s="109">
        <v>16526096</v>
      </c>
      <c r="OQ13" s="109">
        <v>9562627</v>
      </c>
      <c r="OR13" s="110">
        <v>65255303</v>
      </c>
      <c r="OS13" s="130">
        <v>67091662</v>
      </c>
    </row>
    <row r="14" spans="2:409" ht="21" customHeight="1" x14ac:dyDescent="0.2">
      <c r="B14" s="472" t="s">
        <v>8</v>
      </c>
      <c r="C14" s="100">
        <v>700810</v>
      </c>
      <c r="D14" s="104">
        <v>763461</v>
      </c>
      <c r="E14" s="103">
        <v>1464271</v>
      </c>
      <c r="F14" s="99">
        <v>0</v>
      </c>
      <c r="G14" s="104">
        <v>6169270</v>
      </c>
      <c r="H14" s="104">
        <v>5821581</v>
      </c>
      <c r="I14" s="104">
        <v>6240149</v>
      </c>
      <c r="J14" s="104">
        <v>7106745</v>
      </c>
      <c r="K14" s="104">
        <v>4214191</v>
      </c>
      <c r="L14" s="99">
        <v>29551936</v>
      </c>
      <c r="M14" s="106">
        <v>31016207</v>
      </c>
      <c r="N14" s="100">
        <v>122178</v>
      </c>
      <c r="O14" s="104">
        <v>161570</v>
      </c>
      <c r="P14" s="103">
        <v>283748</v>
      </c>
      <c r="Q14" s="100">
        <v>0</v>
      </c>
      <c r="R14" s="104">
        <v>1848032</v>
      </c>
      <c r="S14" s="104">
        <v>1784492</v>
      </c>
      <c r="T14" s="104">
        <v>2169266</v>
      </c>
      <c r="U14" s="104">
        <v>1979901</v>
      </c>
      <c r="V14" s="104">
        <v>2121997</v>
      </c>
      <c r="W14" s="103">
        <v>9903688</v>
      </c>
      <c r="X14" s="106">
        <v>10187436</v>
      </c>
      <c r="Y14" s="100">
        <v>0</v>
      </c>
      <c r="Z14" s="104">
        <v>0</v>
      </c>
      <c r="AA14" s="103">
        <v>0</v>
      </c>
      <c r="AB14" s="100">
        <v>0</v>
      </c>
      <c r="AC14" s="104">
        <v>686685</v>
      </c>
      <c r="AD14" s="104">
        <v>580565</v>
      </c>
      <c r="AE14" s="104">
        <v>1170301</v>
      </c>
      <c r="AF14" s="104">
        <v>925236</v>
      </c>
      <c r="AG14" s="104">
        <v>1238063</v>
      </c>
      <c r="AH14" s="103">
        <v>4600850</v>
      </c>
      <c r="AI14" s="106">
        <v>4600850</v>
      </c>
      <c r="AJ14" s="100">
        <v>0</v>
      </c>
      <c r="AK14" s="104">
        <v>0</v>
      </c>
      <c r="AL14" s="103">
        <v>0</v>
      </c>
      <c r="AM14" s="100">
        <v>0</v>
      </c>
      <c r="AN14" s="104">
        <v>0</v>
      </c>
      <c r="AO14" s="104">
        <v>20177</v>
      </c>
      <c r="AP14" s="104">
        <v>60810</v>
      </c>
      <c r="AQ14" s="104">
        <v>63882</v>
      </c>
      <c r="AR14" s="104">
        <v>126085</v>
      </c>
      <c r="AS14" s="103">
        <v>270954</v>
      </c>
      <c r="AT14" s="106">
        <v>270954</v>
      </c>
      <c r="AU14" s="100">
        <v>59220</v>
      </c>
      <c r="AV14" s="104">
        <v>63277</v>
      </c>
      <c r="AW14" s="103">
        <v>122497</v>
      </c>
      <c r="AX14" s="100">
        <v>0</v>
      </c>
      <c r="AY14" s="104">
        <v>812033</v>
      </c>
      <c r="AZ14" s="104">
        <v>717812</v>
      </c>
      <c r="BA14" s="104">
        <v>561988</v>
      </c>
      <c r="BB14" s="104">
        <v>581611</v>
      </c>
      <c r="BC14" s="104">
        <v>449625</v>
      </c>
      <c r="BD14" s="103">
        <v>3123069</v>
      </c>
      <c r="BE14" s="106">
        <v>3245566</v>
      </c>
      <c r="BF14" s="100">
        <v>0</v>
      </c>
      <c r="BG14" s="104">
        <v>77132</v>
      </c>
      <c r="BH14" s="102">
        <v>77132</v>
      </c>
      <c r="BI14" s="101">
        <v>0</v>
      </c>
      <c r="BJ14" s="104">
        <v>115269</v>
      </c>
      <c r="BK14" s="104">
        <v>202521</v>
      </c>
      <c r="BL14" s="104">
        <v>148331</v>
      </c>
      <c r="BM14" s="104">
        <v>70253</v>
      </c>
      <c r="BN14" s="104">
        <v>79317</v>
      </c>
      <c r="BO14" s="103">
        <v>615691</v>
      </c>
      <c r="BP14" s="106">
        <v>692823</v>
      </c>
      <c r="BQ14" s="100">
        <v>62958</v>
      </c>
      <c r="BR14" s="104">
        <v>21161</v>
      </c>
      <c r="BS14" s="103">
        <v>84119</v>
      </c>
      <c r="BT14" s="100">
        <v>0</v>
      </c>
      <c r="BU14" s="104">
        <v>234045</v>
      </c>
      <c r="BV14" s="104">
        <v>263417</v>
      </c>
      <c r="BW14" s="104">
        <v>227836</v>
      </c>
      <c r="BX14" s="104">
        <v>338919</v>
      </c>
      <c r="BY14" s="104">
        <v>228907</v>
      </c>
      <c r="BZ14" s="103">
        <v>1293124</v>
      </c>
      <c r="CA14" s="106">
        <v>1377243</v>
      </c>
      <c r="CB14" s="100">
        <v>35729</v>
      </c>
      <c r="CC14" s="104">
        <v>138251</v>
      </c>
      <c r="CD14" s="103">
        <v>173980</v>
      </c>
      <c r="CE14" s="100">
        <v>0</v>
      </c>
      <c r="CF14" s="104">
        <v>1843070</v>
      </c>
      <c r="CG14" s="104">
        <v>1513109</v>
      </c>
      <c r="CH14" s="104">
        <v>1587328</v>
      </c>
      <c r="CI14" s="104">
        <v>1370799</v>
      </c>
      <c r="CJ14" s="104">
        <v>566760</v>
      </c>
      <c r="CK14" s="103">
        <v>6881066</v>
      </c>
      <c r="CL14" s="106">
        <v>7055046</v>
      </c>
      <c r="CM14" s="100">
        <v>0</v>
      </c>
      <c r="CN14" s="104">
        <v>0</v>
      </c>
      <c r="CO14" s="103">
        <v>0</v>
      </c>
      <c r="CP14" s="101">
        <v>0</v>
      </c>
      <c r="CQ14" s="104">
        <v>1364067</v>
      </c>
      <c r="CR14" s="104">
        <v>1306408</v>
      </c>
      <c r="CS14" s="104">
        <v>836252</v>
      </c>
      <c r="CT14" s="104">
        <v>921775</v>
      </c>
      <c r="CU14" s="104">
        <v>369220</v>
      </c>
      <c r="CV14" s="103">
        <v>4797722</v>
      </c>
      <c r="CW14" s="106">
        <v>4797722</v>
      </c>
      <c r="CX14" s="100">
        <v>35729</v>
      </c>
      <c r="CY14" s="104">
        <v>138251</v>
      </c>
      <c r="CZ14" s="103">
        <v>173980</v>
      </c>
      <c r="DA14" s="100">
        <v>0</v>
      </c>
      <c r="DB14" s="104">
        <v>479003</v>
      </c>
      <c r="DC14" s="104">
        <v>206701</v>
      </c>
      <c r="DD14" s="104">
        <v>751076</v>
      </c>
      <c r="DE14" s="104">
        <v>449024</v>
      </c>
      <c r="DF14" s="104">
        <v>197540</v>
      </c>
      <c r="DG14" s="103">
        <v>2083344</v>
      </c>
      <c r="DH14" s="106">
        <v>2257324</v>
      </c>
      <c r="DI14" s="100">
        <v>0</v>
      </c>
      <c r="DJ14" s="104">
        <v>60874</v>
      </c>
      <c r="DK14" s="102">
        <v>60874</v>
      </c>
      <c r="DL14" s="101">
        <v>0</v>
      </c>
      <c r="DM14" s="104">
        <v>180180</v>
      </c>
      <c r="DN14" s="104">
        <v>383296</v>
      </c>
      <c r="DO14" s="104">
        <v>502802</v>
      </c>
      <c r="DP14" s="104">
        <v>1417691</v>
      </c>
      <c r="DQ14" s="104">
        <v>18802</v>
      </c>
      <c r="DR14" s="103">
        <v>2502771</v>
      </c>
      <c r="DS14" s="106">
        <v>2563645</v>
      </c>
      <c r="DT14" s="100">
        <v>0</v>
      </c>
      <c r="DU14" s="104">
        <v>60874</v>
      </c>
      <c r="DV14" s="103">
        <v>60874</v>
      </c>
      <c r="DW14" s="100">
        <v>0</v>
      </c>
      <c r="DX14" s="104">
        <v>86893</v>
      </c>
      <c r="DY14" s="104">
        <v>383296</v>
      </c>
      <c r="DZ14" s="104">
        <v>502802</v>
      </c>
      <c r="EA14" s="104">
        <v>1384262</v>
      </c>
      <c r="EB14" s="104">
        <v>18802</v>
      </c>
      <c r="EC14" s="103">
        <v>2376055</v>
      </c>
      <c r="ED14" s="106">
        <v>2436929</v>
      </c>
      <c r="EE14" s="100">
        <v>0</v>
      </c>
      <c r="EF14" s="102">
        <v>0</v>
      </c>
      <c r="EG14" s="103">
        <v>0</v>
      </c>
      <c r="EH14" s="100">
        <v>0</v>
      </c>
      <c r="EI14" s="104">
        <v>93287</v>
      </c>
      <c r="EJ14" s="104">
        <v>0</v>
      </c>
      <c r="EK14" s="104">
        <v>0</v>
      </c>
      <c r="EL14" s="104">
        <v>33429</v>
      </c>
      <c r="EM14" s="104">
        <v>0</v>
      </c>
      <c r="EN14" s="102">
        <v>126716</v>
      </c>
      <c r="EO14" s="106">
        <v>126716</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100338</v>
      </c>
      <c r="FM14" s="104">
        <v>164633</v>
      </c>
      <c r="FN14" s="103">
        <v>264971</v>
      </c>
      <c r="FO14" s="100">
        <v>0</v>
      </c>
      <c r="FP14" s="104">
        <v>527632</v>
      </c>
      <c r="FQ14" s="104">
        <v>632674</v>
      </c>
      <c r="FR14" s="104">
        <v>546644</v>
      </c>
      <c r="FS14" s="104">
        <v>477239</v>
      </c>
      <c r="FT14" s="104">
        <v>308770</v>
      </c>
      <c r="FU14" s="103">
        <v>2492959</v>
      </c>
      <c r="FV14" s="106">
        <v>2757930</v>
      </c>
      <c r="FW14" s="105">
        <v>100338</v>
      </c>
      <c r="FX14" s="104">
        <v>70833</v>
      </c>
      <c r="FY14" s="102">
        <v>171171</v>
      </c>
      <c r="FZ14" s="101">
        <v>0</v>
      </c>
      <c r="GA14" s="104">
        <v>337582</v>
      </c>
      <c r="GB14" s="104">
        <v>632674</v>
      </c>
      <c r="GC14" s="104">
        <v>488992</v>
      </c>
      <c r="GD14" s="104">
        <v>477239</v>
      </c>
      <c r="GE14" s="104">
        <v>242270</v>
      </c>
      <c r="GF14" s="103">
        <v>2178757</v>
      </c>
      <c r="GG14" s="296">
        <v>2349928</v>
      </c>
      <c r="GH14" s="105">
        <v>0</v>
      </c>
      <c r="GI14" s="104">
        <v>0</v>
      </c>
      <c r="GJ14" s="102">
        <v>0</v>
      </c>
      <c r="GK14" s="101">
        <v>0</v>
      </c>
      <c r="GL14" s="104">
        <v>0</v>
      </c>
      <c r="GM14" s="104">
        <v>0</v>
      </c>
      <c r="GN14" s="104">
        <v>0</v>
      </c>
      <c r="GO14" s="104">
        <v>0</v>
      </c>
      <c r="GP14" s="104">
        <v>0</v>
      </c>
      <c r="GQ14" s="103">
        <v>0</v>
      </c>
      <c r="GR14" s="106">
        <v>0</v>
      </c>
      <c r="GS14" s="100">
        <v>0</v>
      </c>
      <c r="GT14" s="104">
        <v>93800</v>
      </c>
      <c r="GU14" s="103">
        <v>93800</v>
      </c>
      <c r="GV14" s="100">
        <v>0</v>
      </c>
      <c r="GW14" s="104">
        <v>190050</v>
      </c>
      <c r="GX14" s="104">
        <v>0</v>
      </c>
      <c r="GY14" s="104">
        <v>57652</v>
      </c>
      <c r="GZ14" s="104">
        <v>0</v>
      </c>
      <c r="HA14" s="104">
        <v>66500</v>
      </c>
      <c r="HB14" s="102">
        <v>314202</v>
      </c>
      <c r="HC14" s="106">
        <v>408002</v>
      </c>
      <c r="HD14" s="100">
        <v>442565</v>
      </c>
      <c r="HE14" s="104">
        <v>238133</v>
      </c>
      <c r="HF14" s="102">
        <v>680698</v>
      </c>
      <c r="HG14" s="101">
        <v>0</v>
      </c>
      <c r="HH14" s="104">
        <v>1770356</v>
      </c>
      <c r="HI14" s="104">
        <v>1508010</v>
      </c>
      <c r="HJ14" s="104">
        <v>1434109</v>
      </c>
      <c r="HK14" s="104">
        <v>1861115</v>
      </c>
      <c r="HL14" s="104">
        <v>1197862</v>
      </c>
      <c r="HM14" s="103">
        <v>7771452</v>
      </c>
      <c r="HN14" s="99">
        <v>8452150</v>
      </c>
      <c r="HO14" s="306"/>
      <c r="HP14" s="307"/>
      <c r="HQ14" s="308"/>
      <c r="HR14" s="309"/>
      <c r="HS14" s="307"/>
      <c r="HT14" s="307"/>
      <c r="HU14" s="307"/>
      <c r="HV14" s="307"/>
      <c r="HW14" s="307"/>
      <c r="HX14" s="310"/>
      <c r="HY14" s="311"/>
      <c r="HZ14" s="118">
        <v>0</v>
      </c>
      <c r="IA14" s="119">
        <v>0</v>
      </c>
      <c r="IB14" s="120">
        <v>0</v>
      </c>
      <c r="IC14" s="121">
        <v>0</v>
      </c>
      <c r="ID14" s="122">
        <v>1541627</v>
      </c>
      <c r="IE14" s="123">
        <v>1641156</v>
      </c>
      <c r="IF14" s="124">
        <v>749867</v>
      </c>
      <c r="IG14" s="122">
        <v>2543564</v>
      </c>
      <c r="IH14" s="124">
        <v>733208</v>
      </c>
      <c r="II14" s="125">
        <v>7209422</v>
      </c>
      <c r="IJ14" s="126">
        <v>7209422</v>
      </c>
      <c r="IK14" s="219">
        <v>0</v>
      </c>
      <c r="IL14" s="223">
        <v>0</v>
      </c>
      <c r="IM14" s="224">
        <v>0</v>
      </c>
      <c r="IN14" s="127"/>
      <c r="IO14" s="109">
        <v>0</v>
      </c>
      <c r="IP14" s="109">
        <v>0</v>
      </c>
      <c r="IQ14" s="109">
        <v>0</v>
      </c>
      <c r="IR14" s="109">
        <v>215000</v>
      </c>
      <c r="IS14" s="109">
        <v>0</v>
      </c>
      <c r="IT14" s="128">
        <v>215000</v>
      </c>
      <c r="IU14" s="298">
        <v>215000</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1235343</v>
      </c>
      <c r="JL14" s="109">
        <v>750495</v>
      </c>
      <c r="JM14" s="109">
        <v>162373</v>
      </c>
      <c r="JN14" s="109">
        <v>782492</v>
      </c>
      <c r="JO14" s="109">
        <v>278128</v>
      </c>
      <c r="JP14" s="110">
        <v>3208831</v>
      </c>
      <c r="JQ14" s="298">
        <v>3208831</v>
      </c>
      <c r="JR14" s="129">
        <v>0</v>
      </c>
      <c r="JS14" s="109">
        <v>0</v>
      </c>
      <c r="JT14" s="128">
        <v>0</v>
      </c>
      <c r="JU14" s="108">
        <v>0</v>
      </c>
      <c r="JV14" s="109">
        <v>0</v>
      </c>
      <c r="JW14" s="109">
        <v>48452</v>
      </c>
      <c r="JX14" s="109">
        <v>0</v>
      </c>
      <c r="JY14" s="109">
        <v>0</v>
      </c>
      <c r="JZ14" s="109">
        <v>0</v>
      </c>
      <c r="KA14" s="110">
        <v>48452</v>
      </c>
      <c r="KB14" s="298">
        <v>48452</v>
      </c>
      <c r="KC14" s="221">
        <v>0</v>
      </c>
      <c r="KD14" s="217">
        <v>0</v>
      </c>
      <c r="KE14" s="110">
        <v>0</v>
      </c>
      <c r="KF14" s="108">
        <v>0</v>
      </c>
      <c r="KG14" s="109">
        <v>306284</v>
      </c>
      <c r="KH14" s="109">
        <v>0</v>
      </c>
      <c r="KI14" s="109">
        <v>368805</v>
      </c>
      <c r="KJ14" s="109">
        <v>453215</v>
      </c>
      <c r="KK14" s="109">
        <v>0</v>
      </c>
      <c r="KL14" s="110">
        <v>1128304</v>
      </c>
      <c r="KM14" s="130">
        <v>1128304</v>
      </c>
      <c r="KN14" s="219">
        <v>0</v>
      </c>
      <c r="KO14" s="223">
        <v>0</v>
      </c>
      <c r="KP14" s="224">
        <v>0</v>
      </c>
      <c r="KQ14" s="127"/>
      <c r="KR14" s="109">
        <v>0</v>
      </c>
      <c r="KS14" s="109">
        <v>842209</v>
      </c>
      <c r="KT14" s="109">
        <v>218689</v>
      </c>
      <c r="KU14" s="109">
        <v>662854</v>
      </c>
      <c r="KV14" s="109">
        <v>0</v>
      </c>
      <c r="KW14" s="110">
        <v>1723752</v>
      </c>
      <c r="KX14" s="298">
        <v>1723752</v>
      </c>
      <c r="KY14" s="129">
        <v>0</v>
      </c>
      <c r="KZ14" s="109">
        <v>0</v>
      </c>
      <c r="LA14" s="110">
        <v>0</v>
      </c>
      <c r="LB14" s="132"/>
      <c r="LC14" s="109">
        <v>0</v>
      </c>
      <c r="LD14" s="109">
        <v>0</v>
      </c>
      <c r="LE14" s="109">
        <v>0</v>
      </c>
      <c r="LF14" s="109">
        <v>186173</v>
      </c>
      <c r="LG14" s="109">
        <v>199070</v>
      </c>
      <c r="LH14" s="110">
        <v>385243</v>
      </c>
      <c r="LI14" s="111">
        <v>385243</v>
      </c>
      <c r="LJ14" s="129">
        <v>0</v>
      </c>
      <c r="LK14" s="109">
        <v>0</v>
      </c>
      <c r="LL14" s="110">
        <v>0</v>
      </c>
      <c r="LM14" s="132"/>
      <c r="LN14" s="109">
        <v>0</v>
      </c>
      <c r="LO14" s="109">
        <v>0</v>
      </c>
      <c r="LP14" s="109">
        <v>0</v>
      </c>
      <c r="LQ14" s="109">
        <v>243830</v>
      </c>
      <c r="LR14" s="109">
        <v>256010</v>
      </c>
      <c r="LS14" s="110">
        <v>499840</v>
      </c>
      <c r="LT14" s="298">
        <v>499840</v>
      </c>
      <c r="LU14" s="129">
        <v>0</v>
      </c>
      <c r="LV14" s="109">
        <v>0</v>
      </c>
      <c r="LW14" s="110">
        <v>0</v>
      </c>
      <c r="LX14" s="132"/>
      <c r="LY14" s="109">
        <v>0</v>
      </c>
      <c r="LZ14" s="109">
        <v>0</v>
      </c>
      <c r="MA14" s="109">
        <v>0</v>
      </c>
      <c r="MB14" s="109">
        <v>0</v>
      </c>
      <c r="MC14" s="109">
        <v>0</v>
      </c>
      <c r="MD14" s="110">
        <v>0</v>
      </c>
      <c r="ME14" s="111">
        <v>0</v>
      </c>
      <c r="MF14" s="129">
        <v>0</v>
      </c>
      <c r="MG14" s="109">
        <v>0</v>
      </c>
      <c r="MH14" s="110">
        <v>0</v>
      </c>
      <c r="MI14" s="132"/>
      <c r="MJ14" s="109">
        <v>346962</v>
      </c>
      <c r="MK14" s="109">
        <v>1121472</v>
      </c>
      <c r="ML14" s="109">
        <v>2813799</v>
      </c>
      <c r="MM14" s="109">
        <v>3260479</v>
      </c>
      <c r="MN14" s="109">
        <v>1443173</v>
      </c>
      <c r="MO14" s="110">
        <v>8985885</v>
      </c>
      <c r="MP14" s="130">
        <v>8985885</v>
      </c>
      <c r="MQ14" s="129">
        <v>0</v>
      </c>
      <c r="MR14" s="109">
        <v>0</v>
      </c>
      <c r="MS14" s="110">
        <v>0</v>
      </c>
      <c r="MT14" s="132"/>
      <c r="MU14" s="109">
        <v>0</v>
      </c>
      <c r="MV14" s="109">
        <v>407613</v>
      </c>
      <c r="MW14" s="109">
        <v>1005611</v>
      </c>
      <c r="MX14" s="109">
        <v>1807960</v>
      </c>
      <c r="MY14" s="109">
        <v>1181406</v>
      </c>
      <c r="MZ14" s="110">
        <v>4402590</v>
      </c>
      <c r="NA14" s="130">
        <v>4402590</v>
      </c>
      <c r="NB14" s="129">
        <v>0</v>
      </c>
      <c r="NC14" s="109">
        <v>0</v>
      </c>
      <c r="ND14" s="110">
        <v>0</v>
      </c>
      <c r="NE14" s="132"/>
      <c r="NF14" s="109">
        <v>346962</v>
      </c>
      <c r="NG14" s="109">
        <v>483637</v>
      </c>
      <c r="NH14" s="109">
        <v>1808188</v>
      </c>
      <c r="NI14" s="109">
        <v>1452519</v>
      </c>
      <c r="NJ14" s="109">
        <v>261767</v>
      </c>
      <c r="NK14" s="110">
        <v>4353073</v>
      </c>
      <c r="NL14" s="298">
        <v>4353073</v>
      </c>
      <c r="NM14" s="129">
        <v>0</v>
      </c>
      <c r="NN14" s="109">
        <v>0</v>
      </c>
      <c r="NO14" s="110">
        <v>0</v>
      </c>
      <c r="NP14" s="132"/>
      <c r="NQ14" s="109">
        <v>0</v>
      </c>
      <c r="NR14" s="109">
        <v>0</v>
      </c>
      <c r="NS14" s="109">
        <v>0</v>
      </c>
      <c r="NT14" s="109">
        <v>0</v>
      </c>
      <c r="NU14" s="109">
        <v>0</v>
      </c>
      <c r="NV14" s="110">
        <v>0</v>
      </c>
      <c r="NW14" s="111">
        <v>0</v>
      </c>
      <c r="NX14" s="129">
        <v>0</v>
      </c>
      <c r="NY14" s="109">
        <v>0</v>
      </c>
      <c r="NZ14" s="110">
        <v>0</v>
      </c>
      <c r="OA14" s="132"/>
      <c r="OB14" s="109">
        <v>0</v>
      </c>
      <c r="OC14" s="109">
        <v>230222</v>
      </c>
      <c r="OD14" s="109">
        <v>0</v>
      </c>
      <c r="OE14" s="109">
        <v>0</v>
      </c>
      <c r="OF14" s="109">
        <v>0</v>
      </c>
      <c r="OG14" s="110">
        <v>230222</v>
      </c>
      <c r="OH14" s="111">
        <v>230222</v>
      </c>
      <c r="OI14" s="129">
        <v>700810</v>
      </c>
      <c r="OJ14" s="109">
        <v>763461</v>
      </c>
      <c r="OK14" s="128">
        <v>1464271</v>
      </c>
      <c r="OL14" s="108">
        <v>0</v>
      </c>
      <c r="OM14" s="109">
        <v>8057859</v>
      </c>
      <c r="ON14" s="109">
        <v>8584209</v>
      </c>
      <c r="OO14" s="109">
        <v>9803815</v>
      </c>
      <c r="OP14" s="109">
        <v>12910788</v>
      </c>
      <c r="OQ14" s="109">
        <v>6390572</v>
      </c>
      <c r="OR14" s="110">
        <v>45747243</v>
      </c>
      <c r="OS14" s="130">
        <v>47211514</v>
      </c>
    </row>
    <row r="15" spans="2:409" ht="21" customHeight="1" x14ac:dyDescent="0.2">
      <c r="B15" s="472" t="s">
        <v>9</v>
      </c>
      <c r="C15" s="100">
        <v>1275572</v>
      </c>
      <c r="D15" s="104">
        <v>1795359</v>
      </c>
      <c r="E15" s="103">
        <v>3070931</v>
      </c>
      <c r="F15" s="101">
        <v>0</v>
      </c>
      <c r="G15" s="104">
        <v>9317059</v>
      </c>
      <c r="H15" s="104">
        <v>11640136</v>
      </c>
      <c r="I15" s="104">
        <v>11917928</v>
      </c>
      <c r="J15" s="104">
        <v>14771389</v>
      </c>
      <c r="K15" s="104">
        <v>9173562</v>
      </c>
      <c r="L15" s="99">
        <v>56820074</v>
      </c>
      <c r="M15" s="106">
        <v>59891005</v>
      </c>
      <c r="N15" s="100">
        <v>405962</v>
      </c>
      <c r="O15" s="104">
        <v>516372</v>
      </c>
      <c r="P15" s="103">
        <v>922334</v>
      </c>
      <c r="Q15" s="100">
        <v>0</v>
      </c>
      <c r="R15" s="104">
        <v>4007564</v>
      </c>
      <c r="S15" s="104">
        <v>4586259</v>
      </c>
      <c r="T15" s="104">
        <v>4434437</v>
      </c>
      <c r="U15" s="104">
        <v>5987505</v>
      </c>
      <c r="V15" s="104">
        <v>5168253</v>
      </c>
      <c r="W15" s="103">
        <v>24184018</v>
      </c>
      <c r="X15" s="106">
        <v>25106352</v>
      </c>
      <c r="Y15" s="100">
        <v>0</v>
      </c>
      <c r="Z15" s="104">
        <v>0</v>
      </c>
      <c r="AA15" s="103">
        <v>0</v>
      </c>
      <c r="AB15" s="100">
        <v>0</v>
      </c>
      <c r="AC15" s="104">
        <v>1716034</v>
      </c>
      <c r="AD15" s="104">
        <v>1928544</v>
      </c>
      <c r="AE15" s="104">
        <v>2292395</v>
      </c>
      <c r="AF15" s="104">
        <v>3421814</v>
      </c>
      <c r="AG15" s="104">
        <v>3194030</v>
      </c>
      <c r="AH15" s="103">
        <v>12552817</v>
      </c>
      <c r="AI15" s="106">
        <v>12552817</v>
      </c>
      <c r="AJ15" s="100">
        <v>0</v>
      </c>
      <c r="AK15" s="104">
        <v>0</v>
      </c>
      <c r="AL15" s="103">
        <v>0</v>
      </c>
      <c r="AM15" s="100">
        <v>0</v>
      </c>
      <c r="AN15" s="104">
        <v>42256</v>
      </c>
      <c r="AO15" s="104">
        <v>54500</v>
      </c>
      <c r="AP15" s="104">
        <v>0</v>
      </c>
      <c r="AQ15" s="104">
        <v>607621</v>
      </c>
      <c r="AR15" s="104">
        <v>722753</v>
      </c>
      <c r="AS15" s="103">
        <v>1427130</v>
      </c>
      <c r="AT15" s="106">
        <v>1427130</v>
      </c>
      <c r="AU15" s="100">
        <v>221572</v>
      </c>
      <c r="AV15" s="104">
        <v>351520</v>
      </c>
      <c r="AW15" s="103">
        <v>573092</v>
      </c>
      <c r="AX15" s="100">
        <v>0</v>
      </c>
      <c r="AY15" s="104">
        <v>1672908</v>
      </c>
      <c r="AZ15" s="104">
        <v>1701174</v>
      </c>
      <c r="BA15" s="104">
        <v>1190788</v>
      </c>
      <c r="BB15" s="104">
        <v>1012629</v>
      </c>
      <c r="BC15" s="104">
        <v>704570</v>
      </c>
      <c r="BD15" s="103">
        <v>6282069</v>
      </c>
      <c r="BE15" s="106">
        <v>6855161</v>
      </c>
      <c r="BF15" s="100">
        <v>18679</v>
      </c>
      <c r="BG15" s="104">
        <v>47000</v>
      </c>
      <c r="BH15" s="102">
        <v>65679</v>
      </c>
      <c r="BI15" s="101">
        <v>0</v>
      </c>
      <c r="BJ15" s="104">
        <v>67580</v>
      </c>
      <c r="BK15" s="104">
        <v>246547</v>
      </c>
      <c r="BL15" s="104">
        <v>172763</v>
      </c>
      <c r="BM15" s="104">
        <v>195111</v>
      </c>
      <c r="BN15" s="104">
        <v>98851</v>
      </c>
      <c r="BO15" s="103">
        <v>780852</v>
      </c>
      <c r="BP15" s="106">
        <v>846531</v>
      </c>
      <c r="BQ15" s="100">
        <v>165711</v>
      </c>
      <c r="BR15" s="104">
        <v>117852</v>
      </c>
      <c r="BS15" s="103">
        <v>283563</v>
      </c>
      <c r="BT15" s="100">
        <v>0</v>
      </c>
      <c r="BU15" s="104">
        <v>508786</v>
      </c>
      <c r="BV15" s="104">
        <v>655494</v>
      </c>
      <c r="BW15" s="104">
        <v>778491</v>
      </c>
      <c r="BX15" s="104">
        <v>750330</v>
      </c>
      <c r="BY15" s="104">
        <v>448049</v>
      </c>
      <c r="BZ15" s="103">
        <v>3141150</v>
      </c>
      <c r="CA15" s="106">
        <v>3424713</v>
      </c>
      <c r="CB15" s="100">
        <v>109680</v>
      </c>
      <c r="CC15" s="104">
        <v>346076</v>
      </c>
      <c r="CD15" s="103">
        <v>455756</v>
      </c>
      <c r="CE15" s="100">
        <v>0</v>
      </c>
      <c r="CF15" s="104">
        <v>2808807</v>
      </c>
      <c r="CG15" s="104">
        <v>2329289</v>
      </c>
      <c r="CH15" s="104">
        <v>1674165</v>
      </c>
      <c r="CI15" s="104">
        <v>1815549</v>
      </c>
      <c r="CJ15" s="104">
        <v>292477</v>
      </c>
      <c r="CK15" s="103">
        <v>8920287</v>
      </c>
      <c r="CL15" s="106">
        <v>9376043</v>
      </c>
      <c r="CM15" s="100">
        <v>0</v>
      </c>
      <c r="CN15" s="104">
        <v>0</v>
      </c>
      <c r="CO15" s="103">
        <v>0</v>
      </c>
      <c r="CP15" s="101">
        <v>0</v>
      </c>
      <c r="CQ15" s="104">
        <v>2443329</v>
      </c>
      <c r="CR15" s="104">
        <v>1575482</v>
      </c>
      <c r="CS15" s="104">
        <v>1200563</v>
      </c>
      <c r="CT15" s="104">
        <v>1165980</v>
      </c>
      <c r="CU15" s="104">
        <v>219706</v>
      </c>
      <c r="CV15" s="103">
        <v>6605060</v>
      </c>
      <c r="CW15" s="106">
        <v>6605060</v>
      </c>
      <c r="CX15" s="100">
        <v>109680</v>
      </c>
      <c r="CY15" s="104">
        <v>346076</v>
      </c>
      <c r="CZ15" s="103">
        <v>455756</v>
      </c>
      <c r="DA15" s="100">
        <v>0</v>
      </c>
      <c r="DB15" s="104">
        <v>365478</v>
      </c>
      <c r="DC15" s="104">
        <v>753807</v>
      </c>
      <c r="DD15" s="104">
        <v>473602</v>
      </c>
      <c r="DE15" s="104">
        <v>649569</v>
      </c>
      <c r="DF15" s="104">
        <v>72771</v>
      </c>
      <c r="DG15" s="103">
        <v>2315227</v>
      </c>
      <c r="DH15" s="106">
        <v>2770983</v>
      </c>
      <c r="DI15" s="100">
        <v>12652</v>
      </c>
      <c r="DJ15" s="104">
        <v>39996</v>
      </c>
      <c r="DK15" s="102">
        <v>52648</v>
      </c>
      <c r="DL15" s="101">
        <v>0</v>
      </c>
      <c r="DM15" s="104">
        <v>247927</v>
      </c>
      <c r="DN15" s="104">
        <v>430249</v>
      </c>
      <c r="DO15" s="104">
        <v>997911</v>
      </c>
      <c r="DP15" s="104">
        <v>1693986</v>
      </c>
      <c r="DQ15" s="104">
        <v>659354</v>
      </c>
      <c r="DR15" s="103">
        <v>4029427</v>
      </c>
      <c r="DS15" s="106">
        <v>4082075</v>
      </c>
      <c r="DT15" s="100">
        <v>12652</v>
      </c>
      <c r="DU15" s="104">
        <v>39996</v>
      </c>
      <c r="DV15" s="103">
        <v>52648</v>
      </c>
      <c r="DW15" s="100">
        <v>0</v>
      </c>
      <c r="DX15" s="104">
        <v>186425</v>
      </c>
      <c r="DY15" s="104">
        <v>386299</v>
      </c>
      <c r="DZ15" s="104">
        <v>565660</v>
      </c>
      <c r="EA15" s="104">
        <v>1607563</v>
      </c>
      <c r="EB15" s="104">
        <v>659354</v>
      </c>
      <c r="EC15" s="103">
        <v>3405301</v>
      </c>
      <c r="ED15" s="106">
        <v>3457949</v>
      </c>
      <c r="EE15" s="100">
        <v>0</v>
      </c>
      <c r="EF15" s="102">
        <v>0</v>
      </c>
      <c r="EG15" s="103">
        <v>0</v>
      </c>
      <c r="EH15" s="100">
        <v>0</v>
      </c>
      <c r="EI15" s="104">
        <v>61502</v>
      </c>
      <c r="EJ15" s="104">
        <v>43950</v>
      </c>
      <c r="EK15" s="104">
        <v>432251</v>
      </c>
      <c r="EL15" s="104">
        <v>86423</v>
      </c>
      <c r="EM15" s="104">
        <v>0</v>
      </c>
      <c r="EN15" s="102">
        <v>624126</v>
      </c>
      <c r="EO15" s="106">
        <v>624126</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312795</v>
      </c>
      <c r="FM15" s="104">
        <v>245238</v>
      </c>
      <c r="FN15" s="103">
        <v>558033</v>
      </c>
      <c r="FO15" s="100">
        <v>0</v>
      </c>
      <c r="FP15" s="104">
        <v>1017050</v>
      </c>
      <c r="FQ15" s="104">
        <v>1094303</v>
      </c>
      <c r="FR15" s="104">
        <v>619542</v>
      </c>
      <c r="FS15" s="104">
        <v>1011255</v>
      </c>
      <c r="FT15" s="104">
        <v>678286</v>
      </c>
      <c r="FU15" s="103">
        <v>4420436</v>
      </c>
      <c r="FV15" s="106">
        <v>4978469</v>
      </c>
      <c r="FW15" s="105">
        <v>128576</v>
      </c>
      <c r="FX15" s="104">
        <v>191198</v>
      </c>
      <c r="FY15" s="102">
        <v>319774</v>
      </c>
      <c r="FZ15" s="101">
        <v>0</v>
      </c>
      <c r="GA15" s="104">
        <v>623070</v>
      </c>
      <c r="GB15" s="104">
        <v>1073975</v>
      </c>
      <c r="GC15" s="104">
        <v>619542</v>
      </c>
      <c r="GD15" s="104">
        <v>1011255</v>
      </c>
      <c r="GE15" s="104">
        <v>678286</v>
      </c>
      <c r="GF15" s="103">
        <v>4006128</v>
      </c>
      <c r="GG15" s="296">
        <v>4325902</v>
      </c>
      <c r="GH15" s="105">
        <v>37779</v>
      </c>
      <c r="GI15" s="104">
        <v>0</v>
      </c>
      <c r="GJ15" s="102">
        <v>37779</v>
      </c>
      <c r="GK15" s="101">
        <v>0</v>
      </c>
      <c r="GL15" s="104">
        <v>32928</v>
      </c>
      <c r="GM15" s="104">
        <v>20328</v>
      </c>
      <c r="GN15" s="104">
        <v>0</v>
      </c>
      <c r="GO15" s="104">
        <v>0</v>
      </c>
      <c r="GP15" s="104">
        <v>0</v>
      </c>
      <c r="GQ15" s="103">
        <v>53256</v>
      </c>
      <c r="GR15" s="106">
        <v>91035</v>
      </c>
      <c r="GS15" s="100">
        <v>146440</v>
      </c>
      <c r="GT15" s="104">
        <v>54040</v>
      </c>
      <c r="GU15" s="103">
        <v>200480</v>
      </c>
      <c r="GV15" s="100">
        <v>0</v>
      </c>
      <c r="GW15" s="104">
        <v>361052</v>
      </c>
      <c r="GX15" s="104">
        <v>0</v>
      </c>
      <c r="GY15" s="104">
        <v>0</v>
      </c>
      <c r="GZ15" s="104">
        <v>0</v>
      </c>
      <c r="HA15" s="104">
        <v>0</v>
      </c>
      <c r="HB15" s="102">
        <v>361052</v>
      </c>
      <c r="HC15" s="106">
        <v>561532</v>
      </c>
      <c r="HD15" s="100">
        <v>434483</v>
      </c>
      <c r="HE15" s="104">
        <v>647677</v>
      </c>
      <c r="HF15" s="102">
        <v>1082160</v>
      </c>
      <c r="HG15" s="101">
        <v>0</v>
      </c>
      <c r="HH15" s="104">
        <v>1235711</v>
      </c>
      <c r="HI15" s="104">
        <v>3200036</v>
      </c>
      <c r="HJ15" s="104">
        <v>4191873</v>
      </c>
      <c r="HK15" s="104">
        <v>4263094</v>
      </c>
      <c r="HL15" s="104">
        <v>2375192</v>
      </c>
      <c r="HM15" s="103">
        <v>15265906</v>
      </c>
      <c r="HN15" s="99">
        <v>16348066</v>
      </c>
      <c r="HO15" s="306"/>
      <c r="HP15" s="307"/>
      <c r="HQ15" s="308"/>
      <c r="HR15" s="309"/>
      <c r="HS15" s="307"/>
      <c r="HT15" s="307"/>
      <c r="HU15" s="307"/>
      <c r="HV15" s="307"/>
      <c r="HW15" s="307"/>
      <c r="HX15" s="310"/>
      <c r="HY15" s="311"/>
      <c r="HZ15" s="115">
        <v>38048</v>
      </c>
      <c r="IA15" s="136">
        <v>0</v>
      </c>
      <c r="IB15" s="116">
        <v>38048</v>
      </c>
      <c r="IC15" s="133">
        <v>0</v>
      </c>
      <c r="ID15" s="119">
        <v>2223557</v>
      </c>
      <c r="IE15" s="134">
        <v>2086035</v>
      </c>
      <c r="IF15" s="120">
        <v>3889106</v>
      </c>
      <c r="IG15" s="119">
        <v>1774889</v>
      </c>
      <c r="IH15" s="120">
        <v>1281439</v>
      </c>
      <c r="II15" s="135">
        <v>11255026</v>
      </c>
      <c r="IJ15" s="117">
        <v>11293074</v>
      </c>
      <c r="IK15" s="219">
        <v>0</v>
      </c>
      <c r="IL15" s="223">
        <v>0</v>
      </c>
      <c r="IM15" s="224">
        <v>0</v>
      </c>
      <c r="IN15" s="127"/>
      <c r="IO15" s="109">
        <v>0</v>
      </c>
      <c r="IP15" s="109">
        <v>103919</v>
      </c>
      <c r="IQ15" s="109">
        <v>0</v>
      </c>
      <c r="IR15" s="109">
        <v>408995</v>
      </c>
      <c r="IS15" s="109">
        <v>0</v>
      </c>
      <c r="IT15" s="128">
        <v>512914</v>
      </c>
      <c r="IU15" s="298">
        <v>512914</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520627</v>
      </c>
      <c r="JL15" s="109">
        <v>830583</v>
      </c>
      <c r="JM15" s="109">
        <v>1804391</v>
      </c>
      <c r="JN15" s="109">
        <v>294342</v>
      </c>
      <c r="JO15" s="109">
        <v>221906</v>
      </c>
      <c r="JP15" s="110">
        <v>4671849</v>
      </c>
      <c r="JQ15" s="298">
        <v>4671849</v>
      </c>
      <c r="JR15" s="129">
        <v>0</v>
      </c>
      <c r="JS15" s="109">
        <v>0</v>
      </c>
      <c r="JT15" s="128">
        <v>0</v>
      </c>
      <c r="JU15" s="108">
        <v>0</v>
      </c>
      <c r="JV15" s="109">
        <v>0</v>
      </c>
      <c r="JW15" s="109">
        <v>0</v>
      </c>
      <c r="JX15" s="109">
        <v>0</v>
      </c>
      <c r="JY15" s="109">
        <v>0</v>
      </c>
      <c r="JZ15" s="109">
        <v>76651</v>
      </c>
      <c r="KA15" s="110">
        <v>76651</v>
      </c>
      <c r="KB15" s="298">
        <v>76651</v>
      </c>
      <c r="KC15" s="221">
        <v>38048</v>
      </c>
      <c r="KD15" s="217">
        <v>0</v>
      </c>
      <c r="KE15" s="110">
        <v>38048</v>
      </c>
      <c r="KF15" s="108">
        <v>0</v>
      </c>
      <c r="KG15" s="109">
        <v>702930</v>
      </c>
      <c r="KH15" s="109">
        <v>145342</v>
      </c>
      <c r="KI15" s="109">
        <v>602087</v>
      </c>
      <c r="KJ15" s="109">
        <v>237876</v>
      </c>
      <c r="KK15" s="109">
        <v>124980</v>
      </c>
      <c r="KL15" s="110">
        <v>1813215</v>
      </c>
      <c r="KM15" s="130">
        <v>1851263</v>
      </c>
      <c r="KN15" s="219">
        <v>0</v>
      </c>
      <c r="KO15" s="223">
        <v>0</v>
      </c>
      <c r="KP15" s="224">
        <v>0</v>
      </c>
      <c r="KQ15" s="127"/>
      <c r="KR15" s="109">
        <v>0</v>
      </c>
      <c r="KS15" s="109">
        <v>652502</v>
      </c>
      <c r="KT15" s="109">
        <v>1310262</v>
      </c>
      <c r="KU15" s="109">
        <v>645140</v>
      </c>
      <c r="KV15" s="109">
        <v>0</v>
      </c>
      <c r="KW15" s="110">
        <v>2607904</v>
      </c>
      <c r="KX15" s="298">
        <v>2607904</v>
      </c>
      <c r="KY15" s="129">
        <v>0</v>
      </c>
      <c r="KZ15" s="109">
        <v>0</v>
      </c>
      <c r="LA15" s="110">
        <v>0</v>
      </c>
      <c r="LB15" s="132"/>
      <c r="LC15" s="109">
        <v>0</v>
      </c>
      <c r="LD15" s="109">
        <v>154954</v>
      </c>
      <c r="LE15" s="109">
        <v>172366</v>
      </c>
      <c r="LF15" s="109">
        <v>188536</v>
      </c>
      <c r="LG15" s="109">
        <v>0</v>
      </c>
      <c r="LH15" s="110">
        <v>515856</v>
      </c>
      <c r="LI15" s="111">
        <v>515856</v>
      </c>
      <c r="LJ15" s="129">
        <v>0</v>
      </c>
      <c r="LK15" s="109">
        <v>0</v>
      </c>
      <c r="LL15" s="110">
        <v>0</v>
      </c>
      <c r="LM15" s="132"/>
      <c r="LN15" s="109">
        <v>0</v>
      </c>
      <c r="LO15" s="109">
        <v>0</v>
      </c>
      <c r="LP15" s="109">
        <v>0</v>
      </c>
      <c r="LQ15" s="109">
        <v>0</v>
      </c>
      <c r="LR15" s="109">
        <v>0</v>
      </c>
      <c r="LS15" s="110">
        <v>0</v>
      </c>
      <c r="LT15" s="298">
        <v>0</v>
      </c>
      <c r="LU15" s="129">
        <v>0</v>
      </c>
      <c r="LV15" s="109">
        <v>0</v>
      </c>
      <c r="LW15" s="110">
        <v>0</v>
      </c>
      <c r="LX15" s="132"/>
      <c r="LY15" s="109">
        <v>0</v>
      </c>
      <c r="LZ15" s="109">
        <v>198735</v>
      </c>
      <c r="MA15" s="109">
        <v>0</v>
      </c>
      <c r="MB15" s="109">
        <v>0</v>
      </c>
      <c r="MC15" s="109">
        <v>857902</v>
      </c>
      <c r="MD15" s="110">
        <v>1056637</v>
      </c>
      <c r="ME15" s="111">
        <v>1056637</v>
      </c>
      <c r="MF15" s="129">
        <v>0</v>
      </c>
      <c r="MG15" s="109">
        <v>0</v>
      </c>
      <c r="MH15" s="110">
        <v>0</v>
      </c>
      <c r="MI15" s="132"/>
      <c r="MJ15" s="109">
        <v>424030</v>
      </c>
      <c r="MK15" s="109">
        <v>1335797</v>
      </c>
      <c r="ML15" s="109">
        <v>3354363</v>
      </c>
      <c r="MM15" s="109">
        <v>5220915</v>
      </c>
      <c r="MN15" s="109">
        <v>5461913</v>
      </c>
      <c r="MO15" s="110">
        <v>15797018</v>
      </c>
      <c r="MP15" s="130">
        <v>15797018</v>
      </c>
      <c r="MQ15" s="129">
        <v>0</v>
      </c>
      <c r="MR15" s="109">
        <v>0</v>
      </c>
      <c r="MS15" s="110">
        <v>0</v>
      </c>
      <c r="MT15" s="132"/>
      <c r="MU15" s="109">
        <v>190862</v>
      </c>
      <c r="MV15" s="109">
        <v>0</v>
      </c>
      <c r="MW15" s="109">
        <v>1481221</v>
      </c>
      <c r="MX15" s="109">
        <v>3763206</v>
      </c>
      <c r="MY15" s="109">
        <v>3600856</v>
      </c>
      <c r="MZ15" s="110">
        <v>9036145</v>
      </c>
      <c r="NA15" s="130">
        <v>9036145</v>
      </c>
      <c r="NB15" s="129">
        <v>0</v>
      </c>
      <c r="NC15" s="109">
        <v>0</v>
      </c>
      <c r="ND15" s="110">
        <v>0</v>
      </c>
      <c r="NE15" s="132"/>
      <c r="NF15" s="109">
        <v>233168</v>
      </c>
      <c r="NG15" s="109">
        <v>1335797</v>
      </c>
      <c r="NH15" s="109">
        <v>1873142</v>
      </c>
      <c r="NI15" s="109">
        <v>1457709</v>
      </c>
      <c r="NJ15" s="109">
        <v>1861057</v>
      </c>
      <c r="NK15" s="110">
        <v>6760873</v>
      </c>
      <c r="NL15" s="298">
        <v>6760873</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0</v>
      </c>
      <c r="OE15" s="109">
        <v>0</v>
      </c>
      <c r="OF15" s="109">
        <v>0</v>
      </c>
      <c r="OG15" s="110">
        <v>0</v>
      </c>
      <c r="OH15" s="111">
        <v>0</v>
      </c>
      <c r="OI15" s="129">
        <v>1313620</v>
      </c>
      <c r="OJ15" s="109">
        <v>1795359</v>
      </c>
      <c r="OK15" s="128">
        <v>3108979</v>
      </c>
      <c r="OL15" s="108">
        <v>0</v>
      </c>
      <c r="OM15" s="109">
        <v>11964646</v>
      </c>
      <c r="ON15" s="109">
        <v>15061968</v>
      </c>
      <c r="OO15" s="109">
        <v>19161397</v>
      </c>
      <c r="OP15" s="109">
        <v>21767193</v>
      </c>
      <c r="OQ15" s="109">
        <v>15916914</v>
      </c>
      <c r="OR15" s="110">
        <v>83872118</v>
      </c>
      <c r="OS15" s="130">
        <v>86981097</v>
      </c>
    </row>
    <row r="16" spans="2:409" ht="21" customHeight="1" x14ac:dyDescent="0.2">
      <c r="B16" s="472" t="s">
        <v>10</v>
      </c>
      <c r="C16" s="100">
        <v>1573830</v>
      </c>
      <c r="D16" s="104">
        <v>2877347</v>
      </c>
      <c r="E16" s="103">
        <v>4451177</v>
      </c>
      <c r="F16" s="159">
        <v>0</v>
      </c>
      <c r="G16" s="104">
        <v>18899311</v>
      </c>
      <c r="H16" s="104">
        <v>13853852</v>
      </c>
      <c r="I16" s="104">
        <v>14588767</v>
      </c>
      <c r="J16" s="104">
        <v>13907302</v>
      </c>
      <c r="K16" s="104">
        <v>11701484</v>
      </c>
      <c r="L16" s="99">
        <v>72950716</v>
      </c>
      <c r="M16" s="106">
        <v>77401893</v>
      </c>
      <c r="N16" s="100">
        <v>444562</v>
      </c>
      <c r="O16" s="104">
        <v>961936</v>
      </c>
      <c r="P16" s="103">
        <v>1406498</v>
      </c>
      <c r="Q16" s="100">
        <v>0</v>
      </c>
      <c r="R16" s="104">
        <v>6885622</v>
      </c>
      <c r="S16" s="104">
        <v>5540568</v>
      </c>
      <c r="T16" s="104">
        <v>5896222</v>
      </c>
      <c r="U16" s="104">
        <v>4766797</v>
      </c>
      <c r="V16" s="104">
        <v>4829604</v>
      </c>
      <c r="W16" s="103">
        <v>27918813</v>
      </c>
      <c r="X16" s="106">
        <v>29325311</v>
      </c>
      <c r="Y16" s="100">
        <v>0</v>
      </c>
      <c r="Z16" s="104">
        <v>0</v>
      </c>
      <c r="AA16" s="103">
        <v>0</v>
      </c>
      <c r="AB16" s="100">
        <v>0</v>
      </c>
      <c r="AC16" s="104">
        <v>3350750</v>
      </c>
      <c r="AD16" s="104">
        <v>2288876</v>
      </c>
      <c r="AE16" s="104">
        <v>4057987</v>
      </c>
      <c r="AF16" s="104">
        <v>2861219</v>
      </c>
      <c r="AG16" s="104">
        <v>2613789</v>
      </c>
      <c r="AH16" s="103">
        <v>15172621</v>
      </c>
      <c r="AI16" s="106">
        <v>15172621</v>
      </c>
      <c r="AJ16" s="100">
        <v>0</v>
      </c>
      <c r="AK16" s="104">
        <v>0</v>
      </c>
      <c r="AL16" s="103">
        <v>0</v>
      </c>
      <c r="AM16" s="100">
        <v>0</v>
      </c>
      <c r="AN16" s="104">
        <v>0</v>
      </c>
      <c r="AO16" s="104">
        <v>187390</v>
      </c>
      <c r="AP16" s="104">
        <v>88096</v>
      </c>
      <c r="AQ16" s="104">
        <v>189751</v>
      </c>
      <c r="AR16" s="104">
        <v>482436</v>
      </c>
      <c r="AS16" s="103">
        <v>947673</v>
      </c>
      <c r="AT16" s="106">
        <v>947673</v>
      </c>
      <c r="AU16" s="100">
        <v>220485</v>
      </c>
      <c r="AV16" s="104">
        <v>616116</v>
      </c>
      <c r="AW16" s="103">
        <v>836601</v>
      </c>
      <c r="AX16" s="100">
        <v>0</v>
      </c>
      <c r="AY16" s="104">
        <v>2196046</v>
      </c>
      <c r="AZ16" s="104">
        <v>1834903</v>
      </c>
      <c r="BA16" s="104">
        <v>759798</v>
      </c>
      <c r="BB16" s="104">
        <v>941960</v>
      </c>
      <c r="BC16" s="104">
        <v>720449</v>
      </c>
      <c r="BD16" s="103">
        <v>6453156</v>
      </c>
      <c r="BE16" s="106">
        <v>7289757</v>
      </c>
      <c r="BF16" s="100">
        <v>46711</v>
      </c>
      <c r="BG16" s="104">
        <v>108450</v>
      </c>
      <c r="BH16" s="102">
        <v>155161</v>
      </c>
      <c r="BI16" s="101">
        <v>0</v>
      </c>
      <c r="BJ16" s="104">
        <v>211721</v>
      </c>
      <c r="BK16" s="104">
        <v>305567</v>
      </c>
      <c r="BL16" s="104">
        <v>48778</v>
      </c>
      <c r="BM16" s="104">
        <v>23355</v>
      </c>
      <c r="BN16" s="104">
        <v>51158</v>
      </c>
      <c r="BO16" s="103">
        <v>640579</v>
      </c>
      <c r="BP16" s="106">
        <v>795740</v>
      </c>
      <c r="BQ16" s="100">
        <v>177366</v>
      </c>
      <c r="BR16" s="104">
        <v>237370</v>
      </c>
      <c r="BS16" s="103">
        <v>414736</v>
      </c>
      <c r="BT16" s="100">
        <v>0</v>
      </c>
      <c r="BU16" s="104">
        <v>1127105</v>
      </c>
      <c r="BV16" s="104">
        <v>923832</v>
      </c>
      <c r="BW16" s="104">
        <v>941563</v>
      </c>
      <c r="BX16" s="104">
        <v>750512</v>
      </c>
      <c r="BY16" s="104">
        <v>961772</v>
      </c>
      <c r="BZ16" s="103">
        <v>4704784</v>
      </c>
      <c r="CA16" s="106">
        <v>5119520</v>
      </c>
      <c r="CB16" s="100">
        <v>71292</v>
      </c>
      <c r="CC16" s="104">
        <v>136591</v>
      </c>
      <c r="CD16" s="103">
        <v>207883</v>
      </c>
      <c r="CE16" s="100">
        <v>0</v>
      </c>
      <c r="CF16" s="104">
        <v>5775496</v>
      </c>
      <c r="CG16" s="104">
        <v>4313604</v>
      </c>
      <c r="CH16" s="104">
        <v>2850270</v>
      </c>
      <c r="CI16" s="104">
        <v>1148631</v>
      </c>
      <c r="CJ16" s="104">
        <v>431076</v>
      </c>
      <c r="CK16" s="103">
        <v>14519077</v>
      </c>
      <c r="CL16" s="106">
        <v>14726960</v>
      </c>
      <c r="CM16" s="100">
        <v>0</v>
      </c>
      <c r="CN16" s="104">
        <v>0</v>
      </c>
      <c r="CO16" s="103">
        <v>0</v>
      </c>
      <c r="CP16" s="101">
        <v>0</v>
      </c>
      <c r="CQ16" s="104">
        <v>4851930</v>
      </c>
      <c r="CR16" s="104">
        <v>3559115</v>
      </c>
      <c r="CS16" s="104">
        <v>2634461</v>
      </c>
      <c r="CT16" s="104">
        <v>1056432</v>
      </c>
      <c r="CU16" s="104">
        <v>286270</v>
      </c>
      <c r="CV16" s="103">
        <v>12388208</v>
      </c>
      <c r="CW16" s="106">
        <v>12388208</v>
      </c>
      <c r="CX16" s="100">
        <v>71292</v>
      </c>
      <c r="CY16" s="104">
        <v>136591</v>
      </c>
      <c r="CZ16" s="103">
        <v>207883</v>
      </c>
      <c r="DA16" s="100">
        <v>0</v>
      </c>
      <c r="DB16" s="104">
        <v>923566</v>
      </c>
      <c r="DC16" s="104">
        <v>754489</v>
      </c>
      <c r="DD16" s="104">
        <v>215809</v>
      </c>
      <c r="DE16" s="104">
        <v>92199</v>
      </c>
      <c r="DF16" s="104">
        <v>144806</v>
      </c>
      <c r="DG16" s="103">
        <v>2130869</v>
      </c>
      <c r="DH16" s="106">
        <v>2338752</v>
      </c>
      <c r="DI16" s="100">
        <v>0</v>
      </c>
      <c r="DJ16" s="104">
        <v>154186</v>
      </c>
      <c r="DK16" s="102">
        <v>154186</v>
      </c>
      <c r="DL16" s="101">
        <v>0</v>
      </c>
      <c r="DM16" s="104">
        <v>589351</v>
      </c>
      <c r="DN16" s="104">
        <v>-1495571</v>
      </c>
      <c r="DO16" s="104">
        <v>1539983</v>
      </c>
      <c r="DP16" s="104">
        <v>1470181</v>
      </c>
      <c r="DQ16" s="104">
        <v>122290</v>
      </c>
      <c r="DR16" s="103">
        <v>2226234</v>
      </c>
      <c r="DS16" s="106">
        <v>2380420</v>
      </c>
      <c r="DT16" s="100">
        <v>0</v>
      </c>
      <c r="DU16" s="104">
        <v>154186</v>
      </c>
      <c r="DV16" s="103">
        <v>154186</v>
      </c>
      <c r="DW16" s="100">
        <v>0</v>
      </c>
      <c r="DX16" s="104">
        <v>394352</v>
      </c>
      <c r="DY16" s="104">
        <v>-1584393</v>
      </c>
      <c r="DZ16" s="104">
        <v>1486781</v>
      </c>
      <c r="EA16" s="104">
        <v>1470181</v>
      </c>
      <c r="EB16" s="104">
        <v>85371</v>
      </c>
      <c r="EC16" s="103">
        <v>1852292</v>
      </c>
      <c r="ED16" s="106">
        <v>2006478</v>
      </c>
      <c r="EE16" s="100">
        <v>0</v>
      </c>
      <c r="EF16" s="102">
        <v>0</v>
      </c>
      <c r="EG16" s="103">
        <v>0</v>
      </c>
      <c r="EH16" s="100">
        <v>0</v>
      </c>
      <c r="EI16" s="104">
        <v>194999</v>
      </c>
      <c r="EJ16" s="104">
        <v>88822</v>
      </c>
      <c r="EK16" s="104">
        <v>53202</v>
      </c>
      <c r="EL16" s="104">
        <v>0</v>
      </c>
      <c r="EM16" s="104">
        <v>36919</v>
      </c>
      <c r="EN16" s="102">
        <v>373942</v>
      </c>
      <c r="EO16" s="106">
        <v>373942</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464594</v>
      </c>
      <c r="FM16" s="104">
        <v>916675</v>
      </c>
      <c r="FN16" s="103">
        <v>1381269</v>
      </c>
      <c r="FO16" s="100">
        <v>0</v>
      </c>
      <c r="FP16" s="104">
        <v>763931</v>
      </c>
      <c r="FQ16" s="104">
        <v>1507169</v>
      </c>
      <c r="FR16" s="104">
        <v>1108681</v>
      </c>
      <c r="FS16" s="104">
        <v>828226</v>
      </c>
      <c r="FT16" s="104">
        <v>660569</v>
      </c>
      <c r="FU16" s="103">
        <v>4868576</v>
      </c>
      <c r="FV16" s="106">
        <v>6249845</v>
      </c>
      <c r="FW16" s="105">
        <v>210308</v>
      </c>
      <c r="FX16" s="104">
        <v>578435</v>
      </c>
      <c r="FY16" s="102">
        <v>788743</v>
      </c>
      <c r="FZ16" s="101">
        <v>0</v>
      </c>
      <c r="GA16" s="104">
        <v>682871</v>
      </c>
      <c r="GB16" s="104">
        <v>1286474</v>
      </c>
      <c r="GC16" s="104">
        <v>956991</v>
      </c>
      <c r="GD16" s="104">
        <v>664657</v>
      </c>
      <c r="GE16" s="104">
        <v>569324</v>
      </c>
      <c r="GF16" s="103">
        <v>4160317</v>
      </c>
      <c r="GG16" s="296">
        <v>4949060</v>
      </c>
      <c r="GH16" s="105">
        <v>133186</v>
      </c>
      <c r="GI16" s="104">
        <v>40040</v>
      </c>
      <c r="GJ16" s="102">
        <v>173226</v>
      </c>
      <c r="GK16" s="101">
        <v>0</v>
      </c>
      <c r="GL16" s="104">
        <v>12600</v>
      </c>
      <c r="GM16" s="104">
        <v>90328</v>
      </c>
      <c r="GN16" s="104">
        <v>28000</v>
      </c>
      <c r="GO16" s="104">
        <v>12600</v>
      </c>
      <c r="GP16" s="104">
        <v>91245</v>
      </c>
      <c r="GQ16" s="103">
        <v>234773</v>
      </c>
      <c r="GR16" s="106">
        <v>407999</v>
      </c>
      <c r="GS16" s="100">
        <v>121100</v>
      </c>
      <c r="GT16" s="104">
        <v>298200</v>
      </c>
      <c r="GU16" s="103">
        <v>419300</v>
      </c>
      <c r="GV16" s="100">
        <v>0</v>
      </c>
      <c r="GW16" s="104">
        <v>68460</v>
      </c>
      <c r="GX16" s="104">
        <v>130367</v>
      </c>
      <c r="GY16" s="104">
        <v>123690</v>
      </c>
      <c r="GZ16" s="104">
        <v>150969</v>
      </c>
      <c r="HA16" s="104">
        <v>0</v>
      </c>
      <c r="HB16" s="102">
        <v>473486</v>
      </c>
      <c r="HC16" s="106">
        <v>892786</v>
      </c>
      <c r="HD16" s="100">
        <v>593382</v>
      </c>
      <c r="HE16" s="104">
        <v>707959</v>
      </c>
      <c r="HF16" s="102">
        <v>1301341</v>
      </c>
      <c r="HG16" s="101">
        <v>0</v>
      </c>
      <c r="HH16" s="104">
        <v>4884911</v>
      </c>
      <c r="HI16" s="104">
        <v>3988082</v>
      </c>
      <c r="HJ16" s="104">
        <v>3193611</v>
      </c>
      <c r="HK16" s="104">
        <v>5693467</v>
      </c>
      <c r="HL16" s="104">
        <v>5657945</v>
      </c>
      <c r="HM16" s="103">
        <v>23418016</v>
      </c>
      <c r="HN16" s="99">
        <v>24719357</v>
      </c>
      <c r="HO16" s="306"/>
      <c r="HP16" s="307"/>
      <c r="HQ16" s="308"/>
      <c r="HR16" s="309"/>
      <c r="HS16" s="307"/>
      <c r="HT16" s="307"/>
      <c r="HU16" s="307"/>
      <c r="HV16" s="307"/>
      <c r="HW16" s="307"/>
      <c r="HX16" s="310"/>
      <c r="HY16" s="311"/>
      <c r="HZ16" s="137">
        <v>40399</v>
      </c>
      <c r="IA16" s="122">
        <v>70030</v>
      </c>
      <c r="IB16" s="137">
        <v>110429</v>
      </c>
      <c r="IC16" s="121">
        <v>0</v>
      </c>
      <c r="ID16" s="122">
        <v>2035436</v>
      </c>
      <c r="IE16" s="123">
        <v>3071218</v>
      </c>
      <c r="IF16" s="124">
        <v>3515268</v>
      </c>
      <c r="IG16" s="122">
        <v>2696055</v>
      </c>
      <c r="IH16" s="124">
        <v>3084800</v>
      </c>
      <c r="II16" s="125">
        <v>14402777</v>
      </c>
      <c r="IJ16" s="137">
        <v>14513206</v>
      </c>
      <c r="IK16" s="219">
        <v>0</v>
      </c>
      <c r="IL16" s="223">
        <v>0</v>
      </c>
      <c r="IM16" s="224">
        <v>0</v>
      </c>
      <c r="IN16" s="127"/>
      <c r="IO16" s="109">
        <v>32893</v>
      </c>
      <c r="IP16" s="109">
        <v>108325</v>
      </c>
      <c r="IQ16" s="109">
        <v>169712</v>
      </c>
      <c r="IR16" s="109">
        <v>0</v>
      </c>
      <c r="IS16" s="109">
        <v>0</v>
      </c>
      <c r="IT16" s="128">
        <v>310930</v>
      </c>
      <c r="IU16" s="298">
        <v>310930</v>
      </c>
      <c r="IV16" s="129">
        <v>0</v>
      </c>
      <c r="IW16" s="109">
        <v>0</v>
      </c>
      <c r="IX16" s="110">
        <v>0</v>
      </c>
      <c r="IY16" s="131"/>
      <c r="IZ16" s="109">
        <v>0</v>
      </c>
      <c r="JA16" s="109">
        <v>9355</v>
      </c>
      <c r="JB16" s="109">
        <v>0</v>
      </c>
      <c r="JC16" s="109">
        <v>9355</v>
      </c>
      <c r="JD16" s="109">
        <v>0</v>
      </c>
      <c r="JE16" s="110">
        <v>18710</v>
      </c>
      <c r="JF16" s="111">
        <v>18710</v>
      </c>
      <c r="JG16" s="129">
        <v>0</v>
      </c>
      <c r="JH16" s="109">
        <v>0</v>
      </c>
      <c r="JI16" s="128">
        <v>0</v>
      </c>
      <c r="JJ16" s="108">
        <v>0</v>
      </c>
      <c r="JK16" s="109">
        <v>1077049</v>
      </c>
      <c r="JL16" s="109">
        <v>935167</v>
      </c>
      <c r="JM16" s="109">
        <v>151180</v>
      </c>
      <c r="JN16" s="109">
        <v>503572</v>
      </c>
      <c r="JO16" s="109">
        <v>36815</v>
      </c>
      <c r="JP16" s="110">
        <v>2703783</v>
      </c>
      <c r="JQ16" s="298">
        <v>2703783</v>
      </c>
      <c r="JR16" s="129">
        <v>0</v>
      </c>
      <c r="JS16" s="109">
        <v>0</v>
      </c>
      <c r="JT16" s="128">
        <v>0</v>
      </c>
      <c r="JU16" s="108">
        <v>0</v>
      </c>
      <c r="JV16" s="109">
        <v>44324</v>
      </c>
      <c r="JW16" s="109">
        <v>0</v>
      </c>
      <c r="JX16" s="109">
        <v>256362</v>
      </c>
      <c r="JY16" s="109">
        <v>288151</v>
      </c>
      <c r="JZ16" s="109">
        <v>0</v>
      </c>
      <c r="KA16" s="110">
        <v>588837</v>
      </c>
      <c r="KB16" s="298">
        <v>588837</v>
      </c>
      <c r="KC16" s="221">
        <v>40399</v>
      </c>
      <c r="KD16" s="217">
        <v>70030</v>
      </c>
      <c r="KE16" s="110">
        <v>110429</v>
      </c>
      <c r="KF16" s="108">
        <v>0</v>
      </c>
      <c r="KG16" s="109">
        <v>198606</v>
      </c>
      <c r="KH16" s="109">
        <v>156201</v>
      </c>
      <c r="KI16" s="109">
        <v>812783</v>
      </c>
      <c r="KJ16" s="109">
        <v>214308</v>
      </c>
      <c r="KK16" s="109">
        <v>235612</v>
      </c>
      <c r="KL16" s="110">
        <v>1617510</v>
      </c>
      <c r="KM16" s="130">
        <v>1727939</v>
      </c>
      <c r="KN16" s="219">
        <v>0</v>
      </c>
      <c r="KO16" s="223">
        <v>0</v>
      </c>
      <c r="KP16" s="224">
        <v>0</v>
      </c>
      <c r="KQ16" s="127"/>
      <c r="KR16" s="109">
        <v>414022</v>
      </c>
      <c r="KS16" s="109">
        <v>1390799</v>
      </c>
      <c r="KT16" s="109">
        <v>1119923</v>
      </c>
      <c r="KU16" s="109">
        <v>783894</v>
      </c>
      <c r="KV16" s="109">
        <v>1819489</v>
      </c>
      <c r="KW16" s="110">
        <v>5528127</v>
      </c>
      <c r="KX16" s="298">
        <v>5528127</v>
      </c>
      <c r="KY16" s="129">
        <v>0</v>
      </c>
      <c r="KZ16" s="109">
        <v>0</v>
      </c>
      <c r="LA16" s="110">
        <v>0</v>
      </c>
      <c r="LB16" s="132"/>
      <c r="LC16" s="109">
        <v>268542</v>
      </c>
      <c r="LD16" s="109">
        <v>302320</v>
      </c>
      <c r="LE16" s="109">
        <v>672900</v>
      </c>
      <c r="LF16" s="109">
        <v>0</v>
      </c>
      <c r="LG16" s="109">
        <v>688659</v>
      </c>
      <c r="LH16" s="110">
        <v>1932421</v>
      </c>
      <c r="LI16" s="111">
        <v>1932421</v>
      </c>
      <c r="LJ16" s="129">
        <v>0</v>
      </c>
      <c r="LK16" s="109">
        <v>0</v>
      </c>
      <c r="LL16" s="110">
        <v>0</v>
      </c>
      <c r="LM16" s="132"/>
      <c r="LN16" s="109">
        <v>0</v>
      </c>
      <c r="LO16" s="109">
        <v>0</v>
      </c>
      <c r="LP16" s="109">
        <v>0</v>
      </c>
      <c r="LQ16" s="109">
        <v>636240</v>
      </c>
      <c r="LR16" s="109">
        <v>0</v>
      </c>
      <c r="LS16" s="110">
        <v>636240</v>
      </c>
      <c r="LT16" s="298">
        <v>636240</v>
      </c>
      <c r="LU16" s="129">
        <v>0</v>
      </c>
      <c r="LV16" s="109">
        <v>0</v>
      </c>
      <c r="LW16" s="110">
        <v>0</v>
      </c>
      <c r="LX16" s="132"/>
      <c r="LY16" s="109">
        <v>0</v>
      </c>
      <c r="LZ16" s="109">
        <v>169051</v>
      </c>
      <c r="MA16" s="109">
        <v>332408</v>
      </c>
      <c r="MB16" s="109">
        <v>260535</v>
      </c>
      <c r="MC16" s="109">
        <v>304225</v>
      </c>
      <c r="MD16" s="110">
        <v>1066219</v>
      </c>
      <c r="ME16" s="111">
        <v>1066219</v>
      </c>
      <c r="MF16" s="129">
        <v>0</v>
      </c>
      <c r="MG16" s="109">
        <v>0</v>
      </c>
      <c r="MH16" s="110">
        <v>0</v>
      </c>
      <c r="MI16" s="132"/>
      <c r="MJ16" s="109">
        <v>207455</v>
      </c>
      <c r="MK16" s="109">
        <v>837469</v>
      </c>
      <c r="ML16" s="109">
        <v>3773505</v>
      </c>
      <c r="MM16" s="109">
        <v>6004421</v>
      </c>
      <c r="MN16" s="109">
        <v>5697971</v>
      </c>
      <c r="MO16" s="110">
        <v>16520821</v>
      </c>
      <c r="MP16" s="130">
        <v>16520821</v>
      </c>
      <c r="MQ16" s="129">
        <v>0</v>
      </c>
      <c r="MR16" s="109">
        <v>0</v>
      </c>
      <c r="MS16" s="110">
        <v>0</v>
      </c>
      <c r="MT16" s="132"/>
      <c r="MU16" s="109">
        <v>0</v>
      </c>
      <c r="MV16" s="109">
        <v>379397</v>
      </c>
      <c r="MW16" s="109">
        <v>2702715</v>
      </c>
      <c r="MX16" s="109">
        <v>4491614</v>
      </c>
      <c r="MY16" s="109">
        <v>4848388</v>
      </c>
      <c r="MZ16" s="110">
        <v>12422114</v>
      </c>
      <c r="NA16" s="130">
        <v>12422114</v>
      </c>
      <c r="NB16" s="129">
        <v>0</v>
      </c>
      <c r="NC16" s="109">
        <v>0</v>
      </c>
      <c r="ND16" s="110">
        <v>0</v>
      </c>
      <c r="NE16" s="132"/>
      <c r="NF16" s="109">
        <v>207455</v>
      </c>
      <c r="NG16" s="109">
        <v>458072</v>
      </c>
      <c r="NH16" s="109">
        <v>1070790</v>
      </c>
      <c r="NI16" s="109">
        <v>1512807</v>
      </c>
      <c r="NJ16" s="109">
        <v>537162</v>
      </c>
      <c r="NK16" s="110">
        <v>3786286</v>
      </c>
      <c r="NL16" s="298">
        <v>3786286</v>
      </c>
      <c r="NM16" s="129">
        <v>0</v>
      </c>
      <c r="NN16" s="109">
        <v>0</v>
      </c>
      <c r="NO16" s="110">
        <v>0</v>
      </c>
      <c r="NP16" s="132"/>
      <c r="NQ16" s="109">
        <v>0</v>
      </c>
      <c r="NR16" s="109">
        <v>0</v>
      </c>
      <c r="NS16" s="109">
        <v>0</v>
      </c>
      <c r="NT16" s="109">
        <v>0</v>
      </c>
      <c r="NU16" s="109">
        <v>0</v>
      </c>
      <c r="NV16" s="110">
        <v>0</v>
      </c>
      <c r="NW16" s="111">
        <v>0</v>
      </c>
      <c r="NX16" s="129">
        <v>0</v>
      </c>
      <c r="NY16" s="109">
        <v>0</v>
      </c>
      <c r="NZ16" s="110">
        <v>0</v>
      </c>
      <c r="OA16" s="132"/>
      <c r="OB16" s="109">
        <v>0</v>
      </c>
      <c r="OC16" s="109">
        <v>0</v>
      </c>
      <c r="OD16" s="109">
        <v>0</v>
      </c>
      <c r="OE16" s="109">
        <v>0</v>
      </c>
      <c r="OF16" s="109">
        <v>312421</v>
      </c>
      <c r="OG16" s="110">
        <v>312421</v>
      </c>
      <c r="OH16" s="111">
        <v>312421</v>
      </c>
      <c r="OI16" s="129">
        <v>1614229</v>
      </c>
      <c r="OJ16" s="109">
        <v>2947377</v>
      </c>
      <c r="OK16" s="128">
        <v>4561606</v>
      </c>
      <c r="OL16" s="108">
        <v>0</v>
      </c>
      <c r="OM16" s="109">
        <v>21142202</v>
      </c>
      <c r="ON16" s="109">
        <v>17762539</v>
      </c>
      <c r="OO16" s="109">
        <v>21877540</v>
      </c>
      <c r="OP16" s="109">
        <v>22607778</v>
      </c>
      <c r="OQ16" s="109">
        <v>20484255</v>
      </c>
      <c r="OR16" s="110">
        <v>103874314</v>
      </c>
      <c r="OS16" s="130">
        <v>108435920</v>
      </c>
    </row>
    <row r="17" spans="2:409" ht="21" customHeight="1" x14ac:dyDescent="0.2">
      <c r="B17" s="472" t="s">
        <v>11</v>
      </c>
      <c r="C17" s="100">
        <v>470750</v>
      </c>
      <c r="D17" s="104">
        <v>616705</v>
      </c>
      <c r="E17" s="158">
        <v>1087455</v>
      </c>
      <c r="F17" s="101">
        <v>0</v>
      </c>
      <c r="G17" s="104">
        <v>4954016</v>
      </c>
      <c r="H17" s="104">
        <v>3894942</v>
      </c>
      <c r="I17" s="104">
        <v>5740591</v>
      </c>
      <c r="J17" s="104">
        <v>6868519</v>
      </c>
      <c r="K17" s="104">
        <v>3221318</v>
      </c>
      <c r="L17" s="99">
        <v>24679386</v>
      </c>
      <c r="M17" s="106">
        <v>25766841</v>
      </c>
      <c r="N17" s="100">
        <v>83414</v>
      </c>
      <c r="O17" s="104">
        <v>53489</v>
      </c>
      <c r="P17" s="103">
        <v>136903</v>
      </c>
      <c r="Q17" s="100">
        <v>0</v>
      </c>
      <c r="R17" s="104">
        <v>1539592</v>
      </c>
      <c r="S17" s="104">
        <v>915509</v>
      </c>
      <c r="T17" s="104">
        <v>1253775</v>
      </c>
      <c r="U17" s="104">
        <v>2135280</v>
      </c>
      <c r="V17" s="104">
        <v>1044841</v>
      </c>
      <c r="W17" s="103">
        <v>6888997</v>
      </c>
      <c r="X17" s="106">
        <v>7025900</v>
      </c>
      <c r="Y17" s="100">
        <v>0</v>
      </c>
      <c r="Z17" s="104">
        <v>0</v>
      </c>
      <c r="AA17" s="103">
        <v>0</v>
      </c>
      <c r="AB17" s="100">
        <v>0</v>
      </c>
      <c r="AC17" s="104">
        <v>416204</v>
      </c>
      <c r="AD17" s="104">
        <v>224365</v>
      </c>
      <c r="AE17" s="104">
        <v>630113</v>
      </c>
      <c r="AF17" s="104">
        <v>1020131</v>
      </c>
      <c r="AG17" s="104">
        <v>414933</v>
      </c>
      <c r="AH17" s="103">
        <v>2705746</v>
      </c>
      <c r="AI17" s="106">
        <v>2705746</v>
      </c>
      <c r="AJ17" s="100">
        <v>0</v>
      </c>
      <c r="AK17" s="104">
        <v>0</v>
      </c>
      <c r="AL17" s="103">
        <v>0</v>
      </c>
      <c r="AM17" s="100">
        <v>0</v>
      </c>
      <c r="AN17" s="104">
        <v>0</v>
      </c>
      <c r="AO17" s="104">
        <v>0</v>
      </c>
      <c r="AP17" s="104">
        <v>97125</v>
      </c>
      <c r="AQ17" s="104">
        <v>158578</v>
      </c>
      <c r="AR17" s="104">
        <v>178852</v>
      </c>
      <c r="AS17" s="103">
        <v>434555</v>
      </c>
      <c r="AT17" s="106">
        <v>434555</v>
      </c>
      <c r="AU17" s="100">
        <v>49198</v>
      </c>
      <c r="AV17" s="104">
        <v>16956</v>
      </c>
      <c r="AW17" s="103">
        <v>66154</v>
      </c>
      <c r="AX17" s="100">
        <v>0</v>
      </c>
      <c r="AY17" s="104">
        <v>914482</v>
      </c>
      <c r="AZ17" s="104">
        <v>450646</v>
      </c>
      <c r="BA17" s="104">
        <v>275156</v>
      </c>
      <c r="BB17" s="104">
        <v>647801</v>
      </c>
      <c r="BC17" s="104">
        <v>266536</v>
      </c>
      <c r="BD17" s="103">
        <v>2554621</v>
      </c>
      <c r="BE17" s="106">
        <v>2620775</v>
      </c>
      <c r="BF17" s="100">
        <v>0</v>
      </c>
      <c r="BG17" s="104">
        <v>26292</v>
      </c>
      <c r="BH17" s="102">
        <v>26292</v>
      </c>
      <c r="BI17" s="101">
        <v>0</v>
      </c>
      <c r="BJ17" s="104">
        <v>90165</v>
      </c>
      <c r="BK17" s="104">
        <v>26438</v>
      </c>
      <c r="BL17" s="104">
        <v>27472</v>
      </c>
      <c r="BM17" s="104">
        <v>26768</v>
      </c>
      <c r="BN17" s="104">
        <v>66325</v>
      </c>
      <c r="BO17" s="103">
        <v>237168</v>
      </c>
      <c r="BP17" s="106">
        <v>263460</v>
      </c>
      <c r="BQ17" s="100">
        <v>34216</v>
      </c>
      <c r="BR17" s="104">
        <v>10241</v>
      </c>
      <c r="BS17" s="103">
        <v>44457</v>
      </c>
      <c r="BT17" s="100">
        <v>0</v>
      </c>
      <c r="BU17" s="104">
        <v>118741</v>
      </c>
      <c r="BV17" s="104">
        <v>214060</v>
      </c>
      <c r="BW17" s="104">
        <v>223909</v>
      </c>
      <c r="BX17" s="104">
        <v>282002</v>
      </c>
      <c r="BY17" s="104">
        <v>118195</v>
      </c>
      <c r="BZ17" s="103">
        <v>956907</v>
      </c>
      <c r="CA17" s="106">
        <v>1001364</v>
      </c>
      <c r="CB17" s="100">
        <v>38106</v>
      </c>
      <c r="CC17" s="104">
        <v>199471</v>
      </c>
      <c r="CD17" s="103">
        <v>237577</v>
      </c>
      <c r="CE17" s="100">
        <v>0</v>
      </c>
      <c r="CF17" s="104">
        <v>1200415</v>
      </c>
      <c r="CG17" s="104">
        <v>1096285</v>
      </c>
      <c r="CH17" s="104">
        <v>1220515</v>
      </c>
      <c r="CI17" s="104">
        <v>1002560</v>
      </c>
      <c r="CJ17" s="104">
        <v>377943</v>
      </c>
      <c r="CK17" s="103">
        <v>4897718</v>
      </c>
      <c r="CL17" s="106">
        <v>5135295</v>
      </c>
      <c r="CM17" s="100">
        <v>0</v>
      </c>
      <c r="CN17" s="104">
        <v>0</v>
      </c>
      <c r="CO17" s="103">
        <v>0</v>
      </c>
      <c r="CP17" s="101">
        <v>0</v>
      </c>
      <c r="CQ17" s="104">
        <v>783154</v>
      </c>
      <c r="CR17" s="104">
        <v>706967</v>
      </c>
      <c r="CS17" s="104">
        <v>510497</v>
      </c>
      <c r="CT17" s="104">
        <v>840131</v>
      </c>
      <c r="CU17" s="104">
        <v>343662</v>
      </c>
      <c r="CV17" s="103">
        <v>3184411</v>
      </c>
      <c r="CW17" s="106">
        <v>3184411</v>
      </c>
      <c r="CX17" s="100">
        <v>38106</v>
      </c>
      <c r="CY17" s="104">
        <v>199471</v>
      </c>
      <c r="CZ17" s="103">
        <v>237577</v>
      </c>
      <c r="DA17" s="100">
        <v>0</v>
      </c>
      <c r="DB17" s="104">
        <v>417261</v>
      </c>
      <c r="DC17" s="104">
        <v>389318</v>
      </c>
      <c r="DD17" s="104">
        <v>710018</v>
      </c>
      <c r="DE17" s="104">
        <v>162429</v>
      </c>
      <c r="DF17" s="104">
        <v>34281</v>
      </c>
      <c r="DG17" s="103">
        <v>1713307</v>
      </c>
      <c r="DH17" s="106">
        <v>1950884</v>
      </c>
      <c r="DI17" s="100">
        <v>0</v>
      </c>
      <c r="DJ17" s="104">
        <v>0</v>
      </c>
      <c r="DK17" s="102">
        <v>0</v>
      </c>
      <c r="DL17" s="101">
        <v>0</v>
      </c>
      <c r="DM17" s="104">
        <v>199660</v>
      </c>
      <c r="DN17" s="104">
        <v>26755</v>
      </c>
      <c r="DO17" s="104">
        <v>458823</v>
      </c>
      <c r="DP17" s="104">
        <v>136826</v>
      </c>
      <c r="DQ17" s="104">
        <v>474035</v>
      </c>
      <c r="DR17" s="103">
        <v>1296099</v>
      </c>
      <c r="DS17" s="106">
        <v>1296099</v>
      </c>
      <c r="DT17" s="100">
        <v>0</v>
      </c>
      <c r="DU17" s="104">
        <v>0</v>
      </c>
      <c r="DV17" s="103">
        <v>0</v>
      </c>
      <c r="DW17" s="100">
        <v>0</v>
      </c>
      <c r="DX17" s="104">
        <v>199660</v>
      </c>
      <c r="DY17" s="104">
        <v>26755</v>
      </c>
      <c r="DZ17" s="104">
        <v>121534</v>
      </c>
      <c r="EA17" s="104">
        <v>101371</v>
      </c>
      <c r="EB17" s="104">
        <v>363383</v>
      </c>
      <c r="EC17" s="103">
        <v>812703</v>
      </c>
      <c r="ED17" s="106">
        <v>812703</v>
      </c>
      <c r="EE17" s="100">
        <v>0</v>
      </c>
      <c r="EF17" s="102">
        <v>0</v>
      </c>
      <c r="EG17" s="103">
        <v>0</v>
      </c>
      <c r="EH17" s="100">
        <v>0</v>
      </c>
      <c r="EI17" s="104">
        <v>0</v>
      </c>
      <c r="EJ17" s="104">
        <v>0</v>
      </c>
      <c r="EK17" s="104">
        <v>337289</v>
      </c>
      <c r="EL17" s="104">
        <v>35455</v>
      </c>
      <c r="EM17" s="104">
        <v>110652</v>
      </c>
      <c r="EN17" s="102">
        <v>483396</v>
      </c>
      <c r="EO17" s="106">
        <v>483396</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240443</v>
      </c>
      <c r="FM17" s="104">
        <v>204302</v>
      </c>
      <c r="FN17" s="103">
        <v>444745</v>
      </c>
      <c r="FO17" s="100">
        <v>0</v>
      </c>
      <c r="FP17" s="104">
        <v>323554</v>
      </c>
      <c r="FQ17" s="104">
        <v>355075</v>
      </c>
      <c r="FR17" s="104">
        <v>599285</v>
      </c>
      <c r="FS17" s="104">
        <v>600271</v>
      </c>
      <c r="FT17" s="104">
        <v>181559</v>
      </c>
      <c r="FU17" s="103">
        <v>2059744</v>
      </c>
      <c r="FV17" s="106">
        <v>2504489</v>
      </c>
      <c r="FW17" s="105">
        <v>47943</v>
      </c>
      <c r="FX17" s="104">
        <v>105126</v>
      </c>
      <c r="FY17" s="102">
        <v>153069</v>
      </c>
      <c r="FZ17" s="101">
        <v>0</v>
      </c>
      <c r="GA17" s="104">
        <v>271383</v>
      </c>
      <c r="GB17" s="104">
        <v>355075</v>
      </c>
      <c r="GC17" s="104">
        <v>385981</v>
      </c>
      <c r="GD17" s="104">
        <v>542871</v>
      </c>
      <c r="GE17" s="104">
        <v>181559</v>
      </c>
      <c r="GF17" s="103">
        <v>1736869</v>
      </c>
      <c r="GG17" s="296">
        <v>1889938</v>
      </c>
      <c r="GH17" s="105">
        <v>0</v>
      </c>
      <c r="GI17" s="104">
        <v>51051</v>
      </c>
      <c r="GJ17" s="102">
        <v>51051</v>
      </c>
      <c r="GK17" s="101">
        <v>0</v>
      </c>
      <c r="GL17" s="104">
        <v>34384</v>
      </c>
      <c r="GM17" s="104">
        <v>0</v>
      </c>
      <c r="GN17" s="104">
        <v>19404</v>
      </c>
      <c r="GO17" s="104">
        <v>13300</v>
      </c>
      <c r="GP17" s="104">
        <v>0</v>
      </c>
      <c r="GQ17" s="103">
        <v>67088</v>
      </c>
      <c r="GR17" s="106">
        <v>118139</v>
      </c>
      <c r="GS17" s="100">
        <v>192500</v>
      </c>
      <c r="GT17" s="104">
        <v>48125</v>
      </c>
      <c r="GU17" s="103">
        <v>240625</v>
      </c>
      <c r="GV17" s="100">
        <v>0</v>
      </c>
      <c r="GW17" s="104">
        <v>17787</v>
      </c>
      <c r="GX17" s="104">
        <v>0</v>
      </c>
      <c r="GY17" s="104">
        <v>193900</v>
      </c>
      <c r="GZ17" s="104">
        <v>44100</v>
      </c>
      <c r="HA17" s="104">
        <v>0</v>
      </c>
      <c r="HB17" s="102">
        <v>255787</v>
      </c>
      <c r="HC17" s="106">
        <v>496412</v>
      </c>
      <c r="HD17" s="100">
        <v>108787</v>
      </c>
      <c r="HE17" s="104">
        <v>159443</v>
      </c>
      <c r="HF17" s="102">
        <v>268230</v>
      </c>
      <c r="HG17" s="101">
        <v>0</v>
      </c>
      <c r="HH17" s="104">
        <v>1690795</v>
      </c>
      <c r="HI17" s="104">
        <v>1501318</v>
      </c>
      <c r="HJ17" s="104">
        <v>2208193</v>
      </c>
      <c r="HK17" s="104">
        <v>2993582</v>
      </c>
      <c r="HL17" s="104">
        <v>1142940</v>
      </c>
      <c r="HM17" s="103">
        <v>9536828</v>
      </c>
      <c r="HN17" s="99">
        <v>9805058</v>
      </c>
      <c r="HO17" s="306"/>
      <c r="HP17" s="307"/>
      <c r="HQ17" s="308"/>
      <c r="HR17" s="309"/>
      <c r="HS17" s="307"/>
      <c r="HT17" s="307"/>
      <c r="HU17" s="307"/>
      <c r="HV17" s="307"/>
      <c r="HW17" s="307"/>
      <c r="HX17" s="310"/>
      <c r="HY17" s="311"/>
      <c r="HZ17" s="118">
        <v>0</v>
      </c>
      <c r="IA17" s="119">
        <v>61362</v>
      </c>
      <c r="IB17" s="120">
        <v>61362</v>
      </c>
      <c r="IC17" s="133">
        <v>0</v>
      </c>
      <c r="ID17" s="119">
        <v>1672632</v>
      </c>
      <c r="IE17" s="134">
        <v>899350</v>
      </c>
      <c r="IF17" s="120">
        <v>846655</v>
      </c>
      <c r="IG17" s="119">
        <v>1484702</v>
      </c>
      <c r="IH17" s="120">
        <v>146219</v>
      </c>
      <c r="II17" s="135">
        <v>5049558</v>
      </c>
      <c r="IJ17" s="126">
        <v>5110920</v>
      </c>
      <c r="IK17" s="219">
        <v>0</v>
      </c>
      <c r="IL17" s="223">
        <v>0</v>
      </c>
      <c r="IM17" s="224">
        <v>0</v>
      </c>
      <c r="IN17" s="127"/>
      <c r="IO17" s="109">
        <v>68271</v>
      </c>
      <c r="IP17" s="109">
        <v>187420</v>
      </c>
      <c r="IQ17" s="109">
        <v>0</v>
      </c>
      <c r="IR17" s="109">
        <v>408720</v>
      </c>
      <c r="IS17" s="109">
        <v>0</v>
      </c>
      <c r="IT17" s="128">
        <v>664411</v>
      </c>
      <c r="IU17" s="298">
        <v>664411</v>
      </c>
      <c r="IV17" s="129">
        <v>0</v>
      </c>
      <c r="IW17" s="109">
        <v>0</v>
      </c>
      <c r="IX17" s="110">
        <v>0</v>
      </c>
      <c r="IY17" s="131"/>
      <c r="IZ17" s="109">
        <v>153827</v>
      </c>
      <c r="JA17" s="109">
        <v>11002</v>
      </c>
      <c r="JB17" s="109">
        <v>0</v>
      </c>
      <c r="JC17" s="109">
        <v>50913</v>
      </c>
      <c r="JD17" s="109">
        <v>0</v>
      </c>
      <c r="JE17" s="110">
        <v>215742</v>
      </c>
      <c r="JF17" s="111">
        <v>215742</v>
      </c>
      <c r="JG17" s="129">
        <v>0</v>
      </c>
      <c r="JH17" s="109">
        <v>0</v>
      </c>
      <c r="JI17" s="128">
        <v>0</v>
      </c>
      <c r="JJ17" s="108">
        <v>0</v>
      </c>
      <c r="JK17" s="109">
        <v>953671</v>
      </c>
      <c r="JL17" s="109">
        <v>44129</v>
      </c>
      <c r="JM17" s="109">
        <v>188329</v>
      </c>
      <c r="JN17" s="109">
        <v>336391</v>
      </c>
      <c r="JO17" s="109">
        <v>146219</v>
      </c>
      <c r="JP17" s="110">
        <v>1668739</v>
      </c>
      <c r="JQ17" s="298">
        <v>1668739</v>
      </c>
      <c r="JR17" s="129">
        <v>0</v>
      </c>
      <c r="JS17" s="109">
        <v>0</v>
      </c>
      <c r="JT17" s="128">
        <v>0</v>
      </c>
      <c r="JU17" s="108">
        <v>0</v>
      </c>
      <c r="JV17" s="109">
        <v>84181</v>
      </c>
      <c r="JW17" s="109">
        <v>0</v>
      </c>
      <c r="JX17" s="109">
        <v>0</v>
      </c>
      <c r="JY17" s="109">
        <v>0</v>
      </c>
      <c r="JZ17" s="109">
        <v>0</v>
      </c>
      <c r="KA17" s="110">
        <v>84181</v>
      </c>
      <c r="KB17" s="298">
        <v>84181</v>
      </c>
      <c r="KC17" s="221">
        <v>0</v>
      </c>
      <c r="KD17" s="217">
        <v>61362</v>
      </c>
      <c r="KE17" s="110">
        <v>61362</v>
      </c>
      <c r="KF17" s="108">
        <v>0</v>
      </c>
      <c r="KG17" s="109">
        <v>209304</v>
      </c>
      <c r="KH17" s="109">
        <v>143910</v>
      </c>
      <c r="KI17" s="109">
        <v>0</v>
      </c>
      <c r="KJ17" s="109">
        <v>461650</v>
      </c>
      <c r="KK17" s="109">
        <v>0</v>
      </c>
      <c r="KL17" s="110">
        <v>814864</v>
      </c>
      <c r="KM17" s="130">
        <v>876226</v>
      </c>
      <c r="KN17" s="219">
        <v>0</v>
      </c>
      <c r="KO17" s="223">
        <v>0</v>
      </c>
      <c r="KP17" s="224">
        <v>0</v>
      </c>
      <c r="KQ17" s="127"/>
      <c r="KR17" s="109">
        <v>203378</v>
      </c>
      <c r="KS17" s="109">
        <v>512889</v>
      </c>
      <c r="KT17" s="109">
        <v>658326</v>
      </c>
      <c r="KU17" s="109">
        <v>227028</v>
      </c>
      <c r="KV17" s="109">
        <v>0</v>
      </c>
      <c r="KW17" s="110">
        <v>1601621</v>
      </c>
      <c r="KX17" s="298">
        <v>1601621</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8">
        <v>0</v>
      </c>
      <c r="LU17" s="129">
        <v>0</v>
      </c>
      <c r="LV17" s="109">
        <v>0</v>
      </c>
      <c r="LW17" s="110">
        <v>0</v>
      </c>
      <c r="LX17" s="132"/>
      <c r="LY17" s="109">
        <v>0</v>
      </c>
      <c r="LZ17" s="109">
        <v>0</v>
      </c>
      <c r="MA17" s="109">
        <v>0</v>
      </c>
      <c r="MB17" s="109">
        <v>0</v>
      </c>
      <c r="MC17" s="109">
        <v>0</v>
      </c>
      <c r="MD17" s="110">
        <v>0</v>
      </c>
      <c r="ME17" s="111">
        <v>0</v>
      </c>
      <c r="MF17" s="129">
        <v>0</v>
      </c>
      <c r="MG17" s="109">
        <v>0</v>
      </c>
      <c r="MH17" s="110">
        <v>0</v>
      </c>
      <c r="MI17" s="132"/>
      <c r="MJ17" s="109">
        <v>195258</v>
      </c>
      <c r="MK17" s="109">
        <v>663649</v>
      </c>
      <c r="ML17" s="109">
        <v>3221016</v>
      </c>
      <c r="MM17" s="109">
        <v>2705197</v>
      </c>
      <c r="MN17" s="109">
        <v>1478201</v>
      </c>
      <c r="MO17" s="110">
        <v>8263321</v>
      </c>
      <c r="MP17" s="130">
        <v>8263321</v>
      </c>
      <c r="MQ17" s="129">
        <v>0</v>
      </c>
      <c r="MR17" s="109">
        <v>0</v>
      </c>
      <c r="MS17" s="110">
        <v>0</v>
      </c>
      <c r="MT17" s="132"/>
      <c r="MU17" s="109">
        <v>0</v>
      </c>
      <c r="MV17" s="109">
        <v>0</v>
      </c>
      <c r="MW17" s="109">
        <v>1423108</v>
      </c>
      <c r="MX17" s="109">
        <v>1997499</v>
      </c>
      <c r="MY17" s="109">
        <v>1478201</v>
      </c>
      <c r="MZ17" s="110">
        <v>4898808</v>
      </c>
      <c r="NA17" s="130">
        <v>4898808</v>
      </c>
      <c r="NB17" s="129">
        <v>0</v>
      </c>
      <c r="NC17" s="109">
        <v>0</v>
      </c>
      <c r="ND17" s="110">
        <v>0</v>
      </c>
      <c r="NE17" s="132"/>
      <c r="NF17" s="109">
        <v>195258</v>
      </c>
      <c r="NG17" s="109">
        <v>663649</v>
      </c>
      <c r="NH17" s="109">
        <v>1797908</v>
      </c>
      <c r="NI17" s="109">
        <v>707698</v>
      </c>
      <c r="NJ17" s="109">
        <v>0</v>
      </c>
      <c r="NK17" s="110">
        <v>3364513</v>
      </c>
      <c r="NL17" s="298">
        <v>3364513</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0</v>
      </c>
      <c r="OC17" s="109">
        <v>0</v>
      </c>
      <c r="OD17" s="109">
        <v>0</v>
      </c>
      <c r="OE17" s="109">
        <v>0</v>
      </c>
      <c r="OF17" s="109">
        <v>0</v>
      </c>
      <c r="OG17" s="110">
        <v>0</v>
      </c>
      <c r="OH17" s="111">
        <v>0</v>
      </c>
      <c r="OI17" s="129">
        <v>470750</v>
      </c>
      <c r="OJ17" s="109">
        <v>678067</v>
      </c>
      <c r="OK17" s="128">
        <v>1148817</v>
      </c>
      <c r="OL17" s="108">
        <v>0</v>
      </c>
      <c r="OM17" s="109">
        <v>6821906</v>
      </c>
      <c r="ON17" s="109">
        <v>5457941</v>
      </c>
      <c r="OO17" s="109">
        <v>9808262</v>
      </c>
      <c r="OP17" s="109">
        <v>11058418</v>
      </c>
      <c r="OQ17" s="109">
        <v>4845738</v>
      </c>
      <c r="OR17" s="110">
        <v>37992265</v>
      </c>
      <c r="OS17" s="130">
        <v>39141082</v>
      </c>
    </row>
    <row r="18" spans="2:409" ht="21" customHeight="1" x14ac:dyDescent="0.2">
      <c r="B18" s="472" t="s">
        <v>12</v>
      </c>
      <c r="C18" s="100">
        <v>985097</v>
      </c>
      <c r="D18" s="104">
        <v>1436838</v>
      </c>
      <c r="E18" s="103">
        <v>2421935</v>
      </c>
      <c r="F18" s="99">
        <v>0</v>
      </c>
      <c r="G18" s="104">
        <v>6474692</v>
      </c>
      <c r="H18" s="157">
        <v>7293547</v>
      </c>
      <c r="I18" s="157">
        <v>6709548</v>
      </c>
      <c r="J18" s="157">
        <v>7630956</v>
      </c>
      <c r="K18" s="157">
        <v>5384923</v>
      </c>
      <c r="L18" s="102">
        <v>33493666</v>
      </c>
      <c r="M18" s="106">
        <v>35915601</v>
      </c>
      <c r="N18" s="100">
        <v>197870</v>
      </c>
      <c r="O18" s="104">
        <v>475628</v>
      </c>
      <c r="P18" s="103">
        <v>673498</v>
      </c>
      <c r="Q18" s="100">
        <v>0</v>
      </c>
      <c r="R18" s="104">
        <v>2052340</v>
      </c>
      <c r="S18" s="104">
        <v>2663411</v>
      </c>
      <c r="T18" s="104">
        <v>2248242</v>
      </c>
      <c r="U18" s="104">
        <v>2400026</v>
      </c>
      <c r="V18" s="104">
        <v>2938664</v>
      </c>
      <c r="W18" s="103">
        <v>12302683</v>
      </c>
      <c r="X18" s="106">
        <v>12976181</v>
      </c>
      <c r="Y18" s="100">
        <v>0</v>
      </c>
      <c r="Z18" s="104">
        <v>0</v>
      </c>
      <c r="AA18" s="103">
        <v>0</v>
      </c>
      <c r="AB18" s="100">
        <v>0</v>
      </c>
      <c r="AC18" s="104">
        <v>1238938</v>
      </c>
      <c r="AD18" s="104">
        <v>1344439</v>
      </c>
      <c r="AE18" s="104">
        <v>1397793</v>
      </c>
      <c r="AF18" s="104">
        <v>1420344</v>
      </c>
      <c r="AG18" s="104">
        <v>2009423</v>
      </c>
      <c r="AH18" s="103">
        <v>7410937</v>
      </c>
      <c r="AI18" s="106">
        <v>7410937</v>
      </c>
      <c r="AJ18" s="100">
        <v>0</v>
      </c>
      <c r="AK18" s="104">
        <v>0</v>
      </c>
      <c r="AL18" s="103">
        <v>0</v>
      </c>
      <c r="AM18" s="100">
        <v>0</v>
      </c>
      <c r="AN18" s="104">
        <v>0</v>
      </c>
      <c r="AO18" s="104">
        <v>144377</v>
      </c>
      <c r="AP18" s="104">
        <v>71611</v>
      </c>
      <c r="AQ18" s="104">
        <v>73692</v>
      </c>
      <c r="AR18" s="104">
        <v>277906</v>
      </c>
      <c r="AS18" s="103">
        <v>567586</v>
      </c>
      <c r="AT18" s="106">
        <v>567586</v>
      </c>
      <c r="AU18" s="100">
        <v>109872</v>
      </c>
      <c r="AV18" s="104">
        <v>402233</v>
      </c>
      <c r="AW18" s="103">
        <v>512105</v>
      </c>
      <c r="AX18" s="100">
        <v>0</v>
      </c>
      <c r="AY18" s="104">
        <v>574052</v>
      </c>
      <c r="AZ18" s="104">
        <v>741618</v>
      </c>
      <c r="BA18" s="104">
        <v>476823</v>
      </c>
      <c r="BB18" s="104">
        <v>580675</v>
      </c>
      <c r="BC18" s="104">
        <v>476160</v>
      </c>
      <c r="BD18" s="103">
        <v>2849328</v>
      </c>
      <c r="BE18" s="106">
        <v>3361433</v>
      </c>
      <c r="BF18" s="100">
        <v>34672</v>
      </c>
      <c r="BG18" s="104">
        <v>18137</v>
      </c>
      <c r="BH18" s="102">
        <v>52809</v>
      </c>
      <c r="BI18" s="101">
        <v>0</v>
      </c>
      <c r="BJ18" s="104">
        <v>43917</v>
      </c>
      <c r="BK18" s="104">
        <v>155525</v>
      </c>
      <c r="BL18" s="104">
        <v>0</v>
      </c>
      <c r="BM18" s="104">
        <v>77326</v>
      </c>
      <c r="BN18" s="104">
        <v>0</v>
      </c>
      <c r="BO18" s="103">
        <v>276768</v>
      </c>
      <c r="BP18" s="106">
        <v>329577</v>
      </c>
      <c r="BQ18" s="100">
        <v>53326</v>
      </c>
      <c r="BR18" s="104">
        <v>55258</v>
      </c>
      <c r="BS18" s="103">
        <v>108584</v>
      </c>
      <c r="BT18" s="100">
        <v>0</v>
      </c>
      <c r="BU18" s="104">
        <v>195433</v>
      </c>
      <c r="BV18" s="104">
        <v>277452</v>
      </c>
      <c r="BW18" s="104">
        <v>302015</v>
      </c>
      <c r="BX18" s="104">
        <v>247989</v>
      </c>
      <c r="BY18" s="104">
        <v>175175</v>
      </c>
      <c r="BZ18" s="103">
        <v>1198064</v>
      </c>
      <c r="CA18" s="106">
        <v>1306648</v>
      </c>
      <c r="CB18" s="100">
        <v>258349</v>
      </c>
      <c r="CC18" s="104">
        <v>205845</v>
      </c>
      <c r="CD18" s="103">
        <v>464194</v>
      </c>
      <c r="CE18" s="100">
        <v>0</v>
      </c>
      <c r="CF18" s="104">
        <v>2629473</v>
      </c>
      <c r="CG18" s="104">
        <v>1635991</v>
      </c>
      <c r="CH18" s="104">
        <v>1204950</v>
      </c>
      <c r="CI18" s="104">
        <v>1113298</v>
      </c>
      <c r="CJ18" s="104">
        <v>524767</v>
      </c>
      <c r="CK18" s="103">
        <v>7108479</v>
      </c>
      <c r="CL18" s="106">
        <v>7572673</v>
      </c>
      <c r="CM18" s="100">
        <v>0</v>
      </c>
      <c r="CN18" s="104">
        <v>0</v>
      </c>
      <c r="CO18" s="103">
        <v>0</v>
      </c>
      <c r="CP18" s="101">
        <v>0</v>
      </c>
      <c r="CQ18" s="104">
        <v>2156632</v>
      </c>
      <c r="CR18" s="104">
        <v>1256403</v>
      </c>
      <c r="CS18" s="104">
        <v>691730</v>
      </c>
      <c r="CT18" s="104">
        <v>749931</v>
      </c>
      <c r="CU18" s="104">
        <v>524767</v>
      </c>
      <c r="CV18" s="103">
        <v>5379463</v>
      </c>
      <c r="CW18" s="106">
        <v>5379463</v>
      </c>
      <c r="CX18" s="100">
        <v>258349</v>
      </c>
      <c r="CY18" s="104">
        <v>205845</v>
      </c>
      <c r="CZ18" s="103">
        <v>464194</v>
      </c>
      <c r="DA18" s="100">
        <v>0</v>
      </c>
      <c r="DB18" s="104">
        <v>472841</v>
      </c>
      <c r="DC18" s="104">
        <v>379588</v>
      </c>
      <c r="DD18" s="104">
        <v>513220</v>
      </c>
      <c r="DE18" s="104">
        <v>363367</v>
      </c>
      <c r="DF18" s="104">
        <v>0</v>
      </c>
      <c r="DG18" s="103">
        <v>1729016</v>
      </c>
      <c r="DH18" s="106">
        <v>2193210</v>
      </c>
      <c r="DI18" s="100">
        <v>0</v>
      </c>
      <c r="DJ18" s="104">
        <v>0</v>
      </c>
      <c r="DK18" s="102">
        <v>0</v>
      </c>
      <c r="DL18" s="101">
        <v>0</v>
      </c>
      <c r="DM18" s="104">
        <v>537437</v>
      </c>
      <c r="DN18" s="104">
        <v>352539</v>
      </c>
      <c r="DO18" s="104">
        <v>698658</v>
      </c>
      <c r="DP18" s="104">
        <v>631603</v>
      </c>
      <c r="DQ18" s="104">
        <v>701547</v>
      </c>
      <c r="DR18" s="103">
        <v>2921784</v>
      </c>
      <c r="DS18" s="106">
        <v>2921784</v>
      </c>
      <c r="DT18" s="100">
        <v>0</v>
      </c>
      <c r="DU18" s="104">
        <v>0</v>
      </c>
      <c r="DV18" s="103">
        <v>0</v>
      </c>
      <c r="DW18" s="100">
        <v>0</v>
      </c>
      <c r="DX18" s="104">
        <v>455282</v>
      </c>
      <c r="DY18" s="104">
        <v>352539</v>
      </c>
      <c r="DZ18" s="104">
        <v>698658</v>
      </c>
      <c r="EA18" s="104">
        <v>631603</v>
      </c>
      <c r="EB18" s="104">
        <v>701547</v>
      </c>
      <c r="EC18" s="103">
        <v>2839629</v>
      </c>
      <c r="ED18" s="106">
        <v>2839629</v>
      </c>
      <c r="EE18" s="100">
        <v>0</v>
      </c>
      <c r="EF18" s="102">
        <v>0</v>
      </c>
      <c r="EG18" s="103">
        <v>0</v>
      </c>
      <c r="EH18" s="100">
        <v>0</v>
      </c>
      <c r="EI18" s="104">
        <v>82155</v>
      </c>
      <c r="EJ18" s="104">
        <v>0</v>
      </c>
      <c r="EK18" s="104">
        <v>0</v>
      </c>
      <c r="EL18" s="104">
        <v>0</v>
      </c>
      <c r="EM18" s="104">
        <v>0</v>
      </c>
      <c r="EN18" s="102">
        <v>82155</v>
      </c>
      <c r="EO18" s="106">
        <v>82155</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168406</v>
      </c>
      <c r="FM18" s="104">
        <v>469014</v>
      </c>
      <c r="FN18" s="103">
        <v>637420</v>
      </c>
      <c r="FO18" s="100">
        <v>0</v>
      </c>
      <c r="FP18" s="104">
        <v>437367</v>
      </c>
      <c r="FQ18" s="104">
        <v>654143</v>
      </c>
      <c r="FR18" s="104">
        <v>417102</v>
      </c>
      <c r="FS18" s="104">
        <v>823718</v>
      </c>
      <c r="FT18" s="104">
        <v>408940</v>
      </c>
      <c r="FU18" s="103">
        <v>2741270</v>
      </c>
      <c r="FV18" s="106">
        <v>3378690</v>
      </c>
      <c r="FW18" s="105">
        <v>93716</v>
      </c>
      <c r="FX18" s="104">
        <v>272496</v>
      </c>
      <c r="FY18" s="102">
        <v>366212</v>
      </c>
      <c r="FZ18" s="101">
        <v>0</v>
      </c>
      <c r="GA18" s="104">
        <v>240639</v>
      </c>
      <c r="GB18" s="104">
        <v>623343</v>
      </c>
      <c r="GC18" s="104">
        <v>417102</v>
      </c>
      <c r="GD18" s="104">
        <v>712348</v>
      </c>
      <c r="GE18" s="104">
        <v>397775</v>
      </c>
      <c r="GF18" s="103">
        <v>2391207</v>
      </c>
      <c r="GG18" s="296">
        <v>2757419</v>
      </c>
      <c r="GH18" s="105">
        <v>13090</v>
      </c>
      <c r="GI18" s="104">
        <v>81158</v>
      </c>
      <c r="GJ18" s="102">
        <v>94248</v>
      </c>
      <c r="GK18" s="101">
        <v>0</v>
      </c>
      <c r="GL18" s="104">
        <v>28728</v>
      </c>
      <c r="GM18" s="104">
        <v>0</v>
      </c>
      <c r="GN18" s="104">
        <v>0</v>
      </c>
      <c r="GO18" s="104">
        <v>25410</v>
      </c>
      <c r="GP18" s="104">
        <v>11165</v>
      </c>
      <c r="GQ18" s="103">
        <v>65303</v>
      </c>
      <c r="GR18" s="106">
        <v>159551</v>
      </c>
      <c r="GS18" s="100">
        <v>61600</v>
      </c>
      <c r="GT18" s="104">
        <v>115360</v>
      </c>
      <c r="GU18" s="103">
        <v>176960</v>
      </c>
      <c r="GV18" s="100">
        <v>0</v>
      </c>
      <c r="GW18" s="104">
        <v>168000</v>
      </c>
      <c r="GX18" s="104">
        <v>30800</v>
      </c>
      <c r="GY18" s="104">
        <v>0</v>
      </c>
      <c r="GZ18" s="104">
        <v>85960</v>
      </c>
      <c r="HA18" s="104">
        <v>0</v>
      </c>
      <c r="HB18" s="102">
        <v>284760</v>
      </c>
      <c r="HC18" s="106">
        <v>461720</v>
      </c>
      <c r="HD18" s="100">
        <v>360472</v>
      </c>
      <c r="HE18" s="104">
        <v>286351</v>
      </c>
      <c r="HF18" s="102">
        <v>646823</v>
      </c>
      <c r="HG18" s="101">
        <v>0</v>
      </c>
      <c r="HH18" s="104">
        <v>818075</v>
      </c>
      <c r="HI18" s="104">
        <v>1987463</v>
      </c>
      <c r="HJ18" s="104">
        <v>2140596</v>
      </c>
      <c r="HK18" s="104">
        <v>2662311</v>
      </c>
      <c r="HL18" s="104">
        <v>811005</v>
      </c>
      <c r="HM18" s="103">
        <v>8419450</v>
      </c>
      <c r="HN18" s="99">
        <v>9066273</v>
      </c>
      <c r="HO18" s="306"/>
      <c r="HP18" s="307"/>
      <c r="HQ18" s="308"/>
      <c r="HR18" s="309"/>
      <c r="HS18" s="307"/>
      <c r="HT18" s="307"/>
      <c r="HU18" s="307"/>
      <c r="HV18" s="307"/>
      <c r="HW18" s="307"/>
      <c r="HX18" s="310"/>
      <c r="HY18" s="311"/>
      <c r="HZ18" s="137">
        <v>0</v>
      </c>
      <c r="IA18" s="122">
        <v>0</v>
      </c>
      <c r="IB18" s="137">
        <v>0</v>
      </c>
      <c r="IC18" s="121">
        <v>0</v>
      </c>
      <c r="ID18" s="122">
        <v>1409386</v>
      </c>
      <c r="IE18" s="123">
        <v>1965040</v>
      </c>
      <c r="IF18" s="124">
        <v>887682</v>
      </c>
      <c r="IG18" s="122">
        <v>1706170</v>
      </c>
      <c r="IH18" s="124">
        <v>477390</v>
      </c>
      <c r="II18" s="125">
        <v>6445668</v>
      </c>
      <c r="IJ18" s="137">
        <v>6445668</v>
      </c>
      <c r="IK18" s="219">
        <v>0</v>
      </c>
      <c r="IL18" s="223">
        <v>0</v>
      </c>
      <c r="IM18" s="224">
        <v>0</v>
      </c>
      <c r="IN18" s="127"/>
      <c r="IO18" s="109">
        <v>0</v>
      </c>
      <c r="IP18" s="109">
        <v>0</v>
      </c>
      <c r="IQ18" s="109">
        <v>0</v>
      </c>
      <c r="IR18" s="109">
        <v>0</v>
      </c>
      <c r="IS18" s="109">
        <v>0</v>
      </c>
      <c r="IT18" s="128">
        <v>0</v>
      </c>
      <c r="IU18" s="298">
        <v>0</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770686</v>
      </c>
      <c r="JL18" s="109">
        <v>624854</v>
      </c>
      <c r="JM18" s="109">
        <v>434466</v>
      </c>
      <c r="JN18" s="109">
        <v>331784</v>
      </c>
      <c r="JO18" s="109">
        <v>252000</v>
      </c>
      <c r="JP18" s="110">
        <v>2413790</v>
      </c>
      <c r="JQ18" s="298">
        <v>2413790</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227123</v>
      </c>
      <c r="KH18" s="109">
        <v>318713</v>
      </c>
      <c r="KI18" s="109">
        <v>219947</v>
      </c>
      <c r="KJ18" s="109">
        <v>678569</v>
      </c>
      <c r="KK18" s="109">
        <v>0</v>
      </c>
      <c r="KL18" s="110">
        <v>1444352</v>
      </c>
      <c r="KM18" s="130">
        <v>1444352</v>
      </c>
      <c r="KN18" s="219">
        <v>0</v>
      </c>
      <c r="KO18" s="223">
        <v>0</v>
      </c>
      <c r="KP18" s="224">
        <v>0</v>
      </c>
      <c r="KQ18" s="127"/>
      <c r="KR18" s="109">
        <v>411577</v>
      </c>
      <c r="KS18" s="109">
        <v>213787</v>
      </c>
      <c r="KT18" s="109">
        <v>0</v>
      </c>
      <c r="KU18" s="109">
        <v>219558</v>
      </c>
      <c r="KV18" s="109">
        <v>226055</v>
      </c>
      <c r="KW18" s="110">
        <v>1070977</v>
      </c>
      <c r="KX18" s="298">
        <v>1070977</v>
      </c>
      <c r="KY18" s="129">
        <v>0</v>
      </c>
      <c r="KZ18" s="109">
        <v>0</v>
      </c>
      <c r="LA18" s="110">
        <v>0</v>
      </c>
      <c r="LB18" s="132"/>
      <c r="LC18" s="109">
        <v>0</v>
      </c>
      <c r="LD18" s="109">
        <v>158230</v>
      </c>
      <c r="LE18" s="109">
        <v>0</v>
      </c>
      <c r="LF18" s="109">
        <v>191265</v>
      </c>
      <c r="LG18" s="109">
        <v>0</v>
      </c>
      <c r="LH18" s="110">
        <v>349495</v>
      </c>
      <c r="LI18" s="111">
        <v>349495</v>
      </c>
      <c r="LJ18" s="129">
        <v>0</v>
      </c>
      <c r="LK18" s="109">
        <v>0</v>
      </c>
      <c r="LL18" s="110">
        <v>0</v>
      </c>
      <c r="LM18" s="132"/>
      <c r="LN18" s="109">
        <v>0</v>
      </c>
      <c r="LO18" s="109">
        <v>0</v>
      </c>
      <c r="LP18" s="109">
        <v>0</v>
      </c>
      <c r="LQ18" s="109">
        <v>0</v>
      </c>
      <c r="LR18" s="109">
        <v>0</v>
      </c>
      <c r="LS18" s="110">
        <v>0</v>
      </c>
      <c r="LT18" s="298">
        <v>0</v>
      </c>
      <c r="LU18" s="129">
        <v>0</v>
      </c>
      <c r="LV18" s="109">
        <v>0</v>
      </c>
      <c r="LW18" s="110">
        <v>0</v>
      </c>
      <c r="LX18" s="132"/>
      <c r="LY18" s="109">
        <v>0</v>
      </c>
      <c r="LZ18" s="109">
        <v>649456</v>
      </c>
      <c r="MA18" s="109">
        <v>233269</v>
      </c>
      <c r="MB18" s="109">
        <v>284994</v>
      </c>
      <c r="MC18" s="109">
        <v>-665</v>
      </c>
      <c r="MD18" s="110">
        <v>1167054</v>
      </c>
      <c r="ME18" s="111">
        <v>1167054</v>
      </c>
      <c r="MF18" s="129">
        <v>0</v>
      </c>
      <c r="MG18" s="109">
        <v>0</v>
      </c>
      <c r="MH18" s="110">
        <v>0</v>
      </c>
      <c r="MI18" s="132"/>
      <c r="MJ18" s="109">
        <v>109607</v>
      </c>
      <c r="MK18" s="109">
        <v>1233351</v>
      </c>
      <c r="ML18" s="109">
        <v>669277</v>
      </c>
      <c r="MM18" s="109">
        <v>4472548</v>
      </c>
      <c r="MN18" s="109">
        <v>1716870</v>
      </c>
      <c r="MO18" s="110">
        <v>8201653</v>
      </c>
      <c r="MP18" s="130">
        <v>8201653</v>
      </c>
      <c r="MQ18" s="129">
        <v>0</v>
      </c>
      <c r="MR18" s="109">
        <v>0</v>
      </c>
      <c r="MS18" s="110">
        <v>0</v>
      </c>
      <c r="MT18" s="132"/>
      <c r="MU18" s="109">
        <v>0</v>
      </c>
      <c r="MV18" s="109">
        <v>0</v>
      </c>
      <c r="MW18" s="109">
        <v>223246</v>
      </c>
      <c r="MX18" s="109">
        <v>2713904</v>
      </c>
      <c r="MY18" s="109">
        <v>964248</v>
      </c>
      <c r="MZ18" s="110">
        <v>3901398</v>
      </c>
      <c r="NA18" s="130">
        <v>3901398</v>
      </c>
      <c r="NB18" s="129">
        <v>0</v>
      </c>
      <c r="NC18" s="109">
        <v>0</v>
      </c>
      <c r="ND18" s="110">
        <v>0</v>
      </c>
      <c r="NE18" s="132"/>
      <c r="NF18" s="109">
        <v>109607</v>
      </c>
      <c r="NG18" s="109">
        <v>1233351</v>
      </c>
      <c r="NH18" s="109">
        <v>446031</v>
      </c>
      <c r="NI18" s="109">
        <v>1459278</v>
      </c>
      <c r="NJ18" s="109">
        <v>752622</v>
      </c>
      <c r="NK18" s="110">
        <v>4000889</v>
      </c>
      <c r="NL18" s="298">
        <v>4000889</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0</v>
      </c>
      <c r="OD18" s="109">
        <v>0</v>
      </c>
      <c r="OE18" s="109">
        <v>299366</v>
      </c>
      <c r="OF18" s="109">
        <v>0</v>
      </c>
      <c r="OG18" s="110">
        <v>299366</v>
      </c>
      <c r="OH18" s="111">
        <v>299366</v>
      </c>
      <c r="OI18" s="129">
        <v>985097</v>
      </c>
      <c r="OJ18" s="109">
        <v>1436838</v>
      </c>
      <c r="OK18" s="128">
        <v>2421935</v>
      </c>
      <c r="OL18" s="108">
        <v>0</v>
      </c>
      <c r="OM18" s="109">
        <v>7993685</v>
      </c>
      <c r="ON18" s="109">
        <v>10491938</v>
      </c>
      <c r="OO18" s="109">
        <v>8266507</v>
      </c>
      <c r="OP18" s="109">
        <v>13809674</v>
      </c>
      <c r="OQ18" s="109">
        <v>7579183</v>
      </c>
      <c r="OR18" s="110">
        <v>48140987</v>
      </c>
      <c r="OS18" s="130">
        <v>50562922</v>
      </c>
    </row>
    <row r="19" spans="2:409" ht="21" customHeight="1" x14ac:dyDescent="0.2">
      <c r="B19" s="472" t="s">
        <v>13</v>
      </c>
      <c r="C19" s="100">
        <v>311783</v>
      </c>
      <c r="D19" s="104">
        <v>770380</v>
      </c>
      <c r="E19" s="103">
        <v>1082163</v>
      </c>
      <c r="F19" s="100">
        <v>0</v>
      </c>
      <c r="G19" s="157">
        <v>3442440</v>
      </c>
      <c r="H19" s="104">
        <v>4430268</v>
      </c>
      <c r="I19" s="104">
        <v>3799994</v>
      </c>
      <c r="J19" s="104">
        <v>4237627</v>
      </c>
      <c r="K19" s="104">
        <v>4347321</v>
      </c>
      <c r="L19" s="102">
        <v>20257650</v>
      </c>
      <c r="M19" s="106">
        <v>21339813</v>
      </c>
      <c r="N19" s="100">
        <v>83379</v>
      </c>
      <c r="O19" s="104">
        <v>291226</v>
      </c>
      <c r="P19" s="103">
        <v>374605</v>
      </c>
      <c r="Q19" s="100">
        <v>0</v>
      </c>
      <c r="R19" s="104">
        <v>1260651</v>
      </c>
      <c r="S19" s="104">
        <v>1804573</v>
      </c>
      <c r="T19" s="104">
        <v>1407938</v>
      </c>
      <c r="U19" s="104">
        <v>1606836</v>
      </c>
      <c r="V19" s="104">
        <v>2706953</v>
      </c>
      <c r="W19" s="103">
        <v>8786951</v>
      </c>
      <c r="X19" s="106">
        <v>9161556</v>
      </c>
      <c r="Y19" s="100">
        <v>0</v>
      </c>
      <c r="Z19" s="104">
        <v>0</v>
      </c>
      <c r="AA19" s="103">
        <v>0</v>
      </c>
      <c r="AB19" s="100">
        <v>0</v>
      </c>
      <c r="AC19" s="104">
        <v>549577</v>
      </c>
      <c r="AD19" s="104">
        <v>986090</v>
      </c>
      <c r="AE19" s="104">
        <v>879968</v>
      </c>
      <c r="AF19" s="104">
        <v>828243</v>
      </c>
      <c r="AG19" s="104">
        <v>1933600</v>
      </c>
      <c r="AH19" s="103">
        <v>5177478</v>
      </c>
      <c r="AI19" s="106">
        <v>5177478</v>
      </c>
      <c r="AJ19" s="100">
        <v>0</v>
      </c>
      <c r="AK19" s="104">
        <v>0</v>
      </c>
      <c r="AL19" s="103">
        <v>0</v>
      </c>
      <c r="AM19" s="100">
        <v>0</v>
      </c>
      <c r="AN19" s="104">
        <v>0</v>
      </c>
      <c r="AO19" s="104">
        <v>0</v>
      </c>
      <c r="AP19" s="104">
        <v>11844</v>
      </c>
      <c r="AQ19" s="104">
        <v>103244</v>
      </c>
      <c r="AR19" s="104">
        <v>40876</v>
      </c>
      <c r="AS19" s="103">
        <v>155964</v>
      </c>
      <c r="AT19" s="106">
        <v>155964</v>
      </c>
      <c r="AU19" s="100">
        <v>9697</v>
      </c>
      <c r="AV19" s="104">
        <v>227498</v>
      </c>
      <c r="AW19" s="103">
        <v>237195</v>
      </c>
      <c r="AX19" s="100">
        <v>0</v>
      </c>
      <c r="AY19" s="104">
        <v>466989</v>
      </c>
      <c r="AZ19" s="104">
        <v>430971</v>
      </c>
      <c r="BA19" s="104">
        <v>331459</v>
      </c>
      <c r="BB19" s="104">
        <v>392575</v>
      </c>
      <c r="BC19" s="104">
        <v>427408</v>
      </c>
      <c r="BD19" s="103">
        <v>2049402</v>
      </c>
      <c r="BE19" s="106">
        <v>2286597</v>
      </c>
      <c r="BF19" s="100">
        <v>0</v>
      </c>
      <c r="BG19" s="104">
        <v>0</v>
      </c>
      <c r="BH19" s="102">
        <v>0</v>
      </c>
      <c r="BI19" s="101">
        <v>0</v>
      </c>
      <c r="BJ19" s="104">
        <v>14394</v>
      </c>
      <c r="BK19" s="104">
        <v>90292</v>
      </c>
      <c r="BL19" s="104">
        <v>0</v>
      </c>
      <c r="BM19" s="104">
        <v>55477</v>
      </c>
      <c r="BN19" s="104">
        <v>63268</v>
      </c>
      <c r="BO19" s="103">
        <v>223431</v>
      </c>
      <c r="BP19" s="106">
        <v>223431</v>
      </c>
      <c r="BQ19" s="100">
        <v>73682</v>
      </c>
      <c r="BR19" s="104">
        <v>63728</v>
      </c>
      <c r="BS19" s="103">
        <v>137410</v>
      </c>
      <c r="BT19" s="100">
        <v>0</v>
      </c>
      <c r="BU19" s="104">
        <v>229691</v>
      </c>
      <c r="BV19" s="104">
        <v>297220</v>
      </c>
      <c r="BW19" s="104">
        <v>184667</v>
      </c>
      <c r="BX19" s="104">
        <v>227297</v>
      </c>
      <c r="BY19" s="104">
        <v>241801</v>
      </c>
      <c r="BZ19" s="103">
        <v>1180676</v>
      </c>
      <c r="CA19" s="106">
        <v>1318086</v>
      </c>
      <c r="CB19" s="100">
        <v>0</v>
      </c>
      <c r="CC19" s="104">
        <v>0</v>
      </c>
      <c r="CD19" s="103">
        <v>0</v>
      </c>
      <c r="CE19" s="100">
        <v>0</v>
      </c>
      <c r="CF19" s="104">
        <v>641132</v>
      </c>
      <c r="CG19" s="104">
        <v>968458</v>
      </c>
      <c r="CH19" s="104">
        <v>740801</v>
      </c>
      <c r="CI19" s="104">
        <v>308816</v>
      </c>
      <c r="CJ19" s="104">
        <v>167751</v>
      </c>
      <c r="CK19" s="103">
        <v>2826958</v>
      </c>
      <c r="CL19" s="106">
        <v>2826958</v>
      </c>
      <c r="CM19" s="100">
        <v>0</v>
      </c>
      <c r="CN19" s="104">
        <v>0</v>
      </c>
      <c r="CO19" s="103">
        <v>0</v>
      </c>
      <c r="CP19" s="101">
        <v>0</v>
      </c>
      <c r="CQ19" s="104">
        <v>562369</v>
      </c>
      <c r="CR19" s="104">
        <v>950955</v>
      </c>
      <c r="CS19" s="104">
        <v>625056</v>
      </c>
      <c r="CT19" s="104">
        <v>92353</v>
      </c>
      <c r="CU19" s="104">
        <v>11720</v>
      </c>
      <c r="CV19" s="103">
        <v>2242453</v>
      </c>
      <c r="CW19" s="106">
        <v>2242453</v>
      </c>
      <c r="CX19" s="100">
        <v>0</v>
      </c>
      <c r="CY19" s="104">
        <v>0</v>
      </c>
      <c r="CZ19" s="103">
        <v>0</v>
      </c>
      <c r="DA19" s="100">
        <v>0</v>
      </c>
      <c r="DB19" s="104">
        <v>78763</v>
      </c>
      <c r="DC19" s="104">
        <v>17503</v>
      </c>
      <c r="DD19" s="104">
        <v>115745</v>
      </c>
      <c r="DE19" s="104">
        <v>216463</v>
      </c>
      <c r="DF19" s="104">
        <v>156031</v>
      </c>
      <c r="DG19" s="103">
        <v>584505</v>
      </c>
      <c r="DH19" s="106">
        <v>584505</v>
      </c>
      <c r="DI19" s="100">
        <v>0</v>
      </c>
      <c r="DJ19" s="104">
        <v>0</v>
      </c>
      <c r="DK19" s="102">
        <v>0</v>
      </c>
      <c r="DL19" s="101">
        <v>0</v>
      </c>
      <c r="DM19" s="104">
        <v>14592</v>
      </c>
      <c r="DN19" s="104">
        <v>212066</v>
      </c>
      <c r="DO19" s="104">
        <v>236555</v>
      </c>
      <c r="DP19" s="104">
        <v>145020</v>
      </c>
      <c r="DQ19" s="104">
        <v>0</v>
      </c>
      <c r="DR19" s="103">
        <v>608233</v>
      </c>
      <c r="DS19" s="106">
        <v>608233</v>
      </c>
      <c r="DT19" s="100">
        <v>0</v>
      </c>
      <c r="DU19" s="104">
        <v>0</v>
      </c>
      <c r="DV19" s="103">
        <v>0</v>
      </c>
      <c r="DW19" s="100">
        <v>0</v>
      </c>
      <c r="DX19" s="104">
        <v>14592</v>
      </c>
      <c r="DY19" s="104">
        <v>212066</v>
      </c>
      <c r="DZ19" s="104">
        <v>236555</v>
      </c>
      <c r="EA19" s="104">
        <v>145020</v>
      </c>
      <c r="EB19" s="104">
        <v>0</v>
      </c>
      <c r="EC19" s="103">
        <v>608233</v>
      </c>
      <c r="ED19" s="106">
        <v>608233</v>
      </c>
      <c r="EE19" s="100">
        <v>0</v>
      </c>
      <c r="EF19" s="102">
        <v>0</v>
      </c>
      <c r="EG19" s="103">
        <v>0</v>
      </c>
      <c r="EH19" s="100">
        <v>0</v>
      </c>
      <c r="EI19" s="104">
        <v>0</v>
      </c>
      <c r="EJ19" s="104">
        <v>0</v>
      </c>
      <c r="EK19" s="104">
        <v>0</v>
      </c>
      <c r="EL19" s="104">
        <v>0</v>
      </c>
      <c r="EM19" s="104">
        <v>0</v>
      </c>
      <c r="EN19" s="102">
        <v>0</v>
      </c>
      <c r="EO19" s="106">
        <v>0</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42490</v>
      </c>
      <c r="FM19" s="104">
        <v>230930</v>
      </c>
      <c r="FN19" s="103">
        <v>273420</v>
      </c>
      <c r="FO19" s="100">
        <v>0</v>
      </c>
      <c r="FP19" s="104">
        <v>91980</v>
      </c>
      <c r="FQ19" s="104">
        <v>384923</v>
      </c>
      <c r="FR19" s="104">
        <v>315021</v>
      </c>
      <c r="FS19" s="104">
        <v>302911</v>
      </c>
      <c r="FT19" s="104">
        <v>247884</v>
      </c>
      <c r="FU19" s="103">
        <v>1342719</v>
      </c>
      <c r="FV19" s="106">
        <v>1616139</v>
      </c>
      <c r="FW19" s="105">
        <v>16100</v>
      </c>
      <c r="FX19" s="104">
        <v>90930</v>
      </c>
      <c r="FY19" s="102">
        <v>107030</v>
      </c>
      <c r="FZ19" s="101">
        <v>0</v>
      </c>
      <c r="GA19" s="104">
        <v>70154</v>
      </c>
      <c r="GB19" s="104">
        <v>340186</v>
      </c>
      <c r="GC19" s="104">
        <v>315021</v>
      </c>
      <c r="GD19" s="104">
        <v>290311</v>
      </c>
      <c r="GE19" s="104">
        <v>230097</v>
      </c>
      <c r="GF19" s="103">
        <v>1245769</v>
      </c>
      <c r="GG19" s="296">
        <v>1352799</v>
      </c>
      <c r="GH19" s="105">
        <v>26390</v>
      </c>
      <c r="GI19" s="104">
        <v>0</v>
      </c>
      <c r="GJ19" s="102">
        <v>26390</v>
      </c>
      <c r="GK19" s="101">
        <v>0</v>
      </c>
      <c r="GL19" s="104">
        <v>21826</v>
      </c>
      <c r="GM19" s="104">
        <v>0</v>
      </c>
      <c r="GN19" s="104">
        <v>0</v>
      </c>
      <c r="GO19" s="104">
        <v>12600</v>
      </c>
      <c r="GP19" s="104">
        <v>17787</v>
      </c>
      <c r="GQ19" s="103">
        <v>52213</v>
      </c>
      <c r="GR19" s="106">
        <v>78603</v>
      </c>
      <c r="GS19" s="100">
        <v>0</v>
      </c>
      <c r="GT19" s="104">
        <v>140000</v>
      </c>
      <c r="GU19" s="103">
        <v>140000</v>
      </c>
      <c r="GV19" s="100">
        <v>0</v>
      </c>
      <c r="GW19" s="104">
        <v>0</v>
      </c>
      <c r="GX19" s="104">
        <v>44737</v>
      </c>
      <c r="GY19" s="104">
        <v>0</v>
      </c>
      <c r="GZ19" s="104">
        <v>0</v>
      </c>
      <c r="HA19" s="104">
        <v>0</v>
      </c>
      <c r="HB19" s="102">
        <v>44737</v>
      </c>
      <c r="HC19" s="106">
        <v>184737</v>
      </c>
      <c r="HD19" s="100">
        <v>185914</v>
      </c>
      <c r="HE19" s="104">
        <v>248224</v>
      </c>
      <c r="HF19" s="102">
        <v>434138</v>
      </c>
      <c r="HG19" s="101">
        <v>0</v>
      </c>
      <c r="HH19" s="104">
        <v>1434085</v>
      </c>
      <c r="HI19" s="104">
        <v>1060248</v>
      </c>
      <c r="HJ19" s="104">
        <v>1099679</v>
      </c>
      <c r="HK19" s="104">
        <v>1874044</v>
      </c>
      <c r="HL19" s="104">
        <v>1224733</v>
      </c>
      <c r="HM19" s="103">
        <v>6692789</v>
      </c>
      <c r="HN19" s="99">
        <v>7126927</v>
      </c>
      <c r="HO19" s="306"/>
      <c r="HP19" s="307"/>
      <c r="HQ19" s="308"/>
      <c r="HR19" s="309"/>
      <c r="HS19" s="307"/>
      <c r="HT19" s="307"/>
      <c r="HU19" s="307"/>
      <c r="HV19" s="307"/>
      <c r="HW19" s="307"/>
      <c r="HX19" s="310"/>
      <c r="HY19" s="311"/>
      <c r="HZ19" s="118">
        <v>0</v>
      </c>
      <c r="IA19" s="119">
        <v>0</v>
      </c>
      <c r="IB19" s="120">
        <v>0</v>
      </c>
      <c r="IC19" s="133">
        <v>0</v>
      </c>
      <c r="ID19" s="119">
        <v>432838</v>
      </c>
      <c r="IE19" s="134">
        <v>629246</v>
      </c>
      <c r="IF19" s="120">
        <v>632502</v>
      </c>
      <c r="IG19" s="119">
        <v>568648</v>
      </c>
      <c r="IH19" s="120">
        <v>277245</v>
      </c>
      <c r="II19" s="135">
        <v>2540479</v>
      </c>
      <c r="IJ19" s="126">
        <v>2540479</v>
      </c>
      <c r="IK19" s="219">
        <v>0</v>
      </c>
      <c r="IL19" s="223">
        <v>0</v>
      </c>
      <c r="IM19" s="224">
        <v>0</v>
      </c>
      <c r="IN19" s="127"/>
      <c r="IO19" s="109">
        <v>0</v>
      </c>
      <c r="IP19" s="109">
        <v>0</v>
      </c>
      <c r="IQ19" s="109">
        <v>0</v>
      </c>
      <c r="IR19" s="109">
        <v>0</v>
      </c>
      <c r="IS19" s="109">
        <v>0</v>
      </c>
      <c r="IT19" s="128">
        <v>0</v>
      </c>
      <c r="IU19" s="298">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317223</v>
      </c>
      <c r="JL19" s="109">
        <v>629246</v>
      </c>
      <c r="JM19" s="109">
        <v>423366</v>
      </c>
      <c r="JN19" s="109">
        <v>192999</v>
      </c>
      <c r="JO19" s="109">
        <v>277245</v>
      </c>
      <c r="JP19" s="110">
        <v>1840079</v>
      </c>
      <c r="JQ19" s="298">
        <v>1840079</v>
      </c>
      <c r="JR19" s="129">
        <v>0</v>
      </c>
      <c r="JS19" s="109">
        <v>0</v>
      </c>
      <c r="JT19" s="128">
        <v>0</v>
      </c>
      <c r="JU19" s="108">
        <v>0</v>
      </c>
      <c r="JV19" s="109">
        <v>36295</v>
      </c>
      <c r="JW19" s="109">
        <v>0</v>
      </c>
      <c r="JX19" s="109">
        <v>0</v>
      </c>
      <c r="JY19" s="109">
        <v>0</v>
      </c>
      <c r="JZ19" s="109">
        <v>0</v>
      </c>
      <c r="KA19" s="110">
        <v>36295</v>
      </c>
      <c r="KB19" s="298">
        <v>36295</v>
      </c>
      <c r="KC19" s="221">
        <v>0</v>
      </c>
      <c r="KD19" s="217">
        <v>0</v>
      </c>
      <c r="KE19" s="110">
        <v>0</v>
      </c>
      <c r="KF19" s="108">
        <v>0</v>
      </c>
      <c r="KG19" s="109">
        <v>0</v>
      </c>
      <c r="KH19" s="109">
        <v>0</v>
      </c>
      <c r="KI19" s="109">
        <v>209136</v>
      </c>
      <c r="KJ19" s="109">
        <v>0</v>
      </c>
      <c r="KK19" s="109">
        <v>0</v>
      </c>
      <c r="KL19" s="110">
        <v>209136</v>
      </c>
      <c r="KM19" s="130">
        <v>209136</v>
      </c>
      <c r="KN19" s="219">
        <v>0</v>
      </c>
      <c r="KO19" s="223">
        <v>0</v>
      </c>
      <c r="KP19" s="224">
        <v>0</v>
      </c>
      <c r="KQ19" s="127"/>
      <c r="KR19" s="109">
        <v>79320</v>
      </c>
      <c r="KS19" s="109">
        <v>0</v>
      </c>
      <c r="KT19" s="109">
        <v>0</v>
      </c>
      <c r="KU19" s="109">
        <v>0</v>
      </c>
      <c r="KV19" s="109">
        <v>0</v>
      </c>
      <c r="KW19" s="110">
        <v>79320</v>
      </c>
      <c r="KX19" s="298">
        <v>79320</v>
      </c>
      <c r="KY19" s="129">
        <v>0</v>
      </c>
      <c r="KZ19" s="109">
        <v>0</v>
      </c>
      <c r="LA19" s="110">
        <v>0</v>
      </c>
      <c r="LB19" s="132"/>
      <c r="LC19" s="109">
        <v>0</v>
      </c>
      <c r="LD19" s="109">
        <v>0</v>
      </c>
      <c r="LE19" s="109">
        <v>0</v>
      </c>
      <c r="LF19" s="109">
        <v>375649</v>
      </c>
      <c r="LG19" s="109">
        <v>0</v>
      </c>
      <c r="LH19" s="110">
        <v>375649</v>
      </c>
      <c r="LI19" s="111">
        <v>375649</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0</v>
      </c>
      <c r="MK19" s="109">
        <v>242935</v>
      </c>
      <c r="ML19" s="109">
        <v>250623</v>
      </c>
      <c r="MM19" s="109">
        <v>1123874</v>
      </c>
      <c r="MN19" s="109">
        <v>2068234</v>
      </c>
      <c r="MO19" s="110">
        <v>3685666</v>
      </c>
      <c r="MP19" s="130">
        <v>3685666</v>
      </c>
      <c r="MQ19" s="129">
        <v>0</v>
      </c>
      <c r="MR19" s="109">
        <v>0</v>
      </c>
      <c r="MS19" s="110">
        <v>0</v>
      </c>
      <c r="MT19" s="132"/>
      <c r="MU19" s="109">
        <v>0</v>
      </c>
      <c r="MV19" s="109">
        <v>0</v>
      </c>
      <c r="MW19" s="109">
        <v>0</v>
      </c>
      <c r="MX19" s="109">
        <v>852108</v>
      </c>
      <c r="MY19" s="109">
        <v>1499940</v>
      </c>
      <c r="MZ19" s="110">
        <v>2352048</v>
      </c>
      <c r="NA19" s="130">
        <v>2352048</v>
      </c>
      <c r="NB19" s="129">
        <v>0</v>
      </c>
      <c r="NC19" s="109">
        <v>0</v>
      </c>
      <c r="ND19" s="110">
        <v>0</v>
      </c>
      <c r="NE19" s="132"/>
      <c r="NF19" s="109">
        <v>0</v>
      </c>
      <c r="NG19" s="109">
        <v>242935</v>
      </c>
      <c r="NH19" s="109">
        <v>250623</v>
      </c>
      <c r="NI19" s="109">
        <v>271766</v>
      </c>
      <c r="NJ19" s="109">
        <v>568294</v>
      </c>
      <c r="NK19" s="110">
        <v>1333618</v>
      </c>
      <c r="NL19" s="298">
        <v>1333618</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311783</v>
      </c>
      <c r="OJ19" s="109">
        <v>770380</v>
      </c>
      <c r="OK19" s="128">
        <v>1082163</v>
      </c>
      <c r="OL19" s="108">
        <v>0</v>
      </c>
      <c r="OM19" s="109">
        <v>3875278</v>
      </c>
      <c r="ON19" s="109">
        <v>5302449</v>
      </c>
      <c r="OO19" s="109">
        <v>4683119</v>
      </c>
      <c r="OP19" s="109">
        <v>5930149</v>
      </c>
      <c r="OQ19" s="109">
        <v>6692800</v>
      </c>
      <c r="OR19" s="110">
        <v>26483795</v>
      </c>
      <c r="OS19" s="130">
        <v>27565958</v>
      </c>
    </row>
    <row r="20" spans="2:409" ht="21" customHeight="1" x14ac:dyDescent="0.2">
      <c r="B20" s="472" t="s">
        <v>15</v>
      </c>
      <c r="C20" s="100">
        <v>52357</v>
      </c>
      <c r="D20" s="104">
        <v>145132</v>
      </c>
      <c r="E20" s="103">
        <v>197489</v>
      </c>
      <c r="F20" s="99">
        <v>0</v>
      </c>
      <c r="G20" s="104">
        <v>815368</v>
      </c>
      <c r="H20" s="104">
        <v>1657023</v>
      </c>
      <c r="I20" s="104">
        <v>1068406</v>
      </c>
      <c r="J20" s="104">
        <v>1499939</v>
      </c>
      <c r="K20" s="104">
        <v>1115143</v>
      </c>
      <c r="L20" s="99">
        <v>6155879</v>
      </c>
      <c r="M20" s="106">
        <v>6353368</v>
      </c>
      <c r="N20" s="100">
        <v>0</v>
      </c>
      <c r="O20" s="104">
        <v>38024</v>
      </c>
      <c r="P20" s="103">
        <v>38024</v>
      </c>
      <c r="Q20" s="100">
        <v>0</v>
      </c>
      <c r="R20" s="104">
        <v>108860</v>
      </c>
      <c r="S20" s="104">
        <v>285617</v>
      </c>
      <c r="T20" s="104">
        <v>25036</v>
      </c>
      <c r="U20" s="104">
        <v>698451</v>
      </c>
      <c r="V20" s="104">
        <v>513973</v>
      </c>
      <c r="W20" s="103">
        <v>1631937</v>
      </c>
      <c r="X20" s="106">
        <v>1669961</v>
      </c>
      <c r="Y20" s="100">
        <v>0</v>
      </c>
      <c r="Z20" s="104">
        <v>0</v>
      </c>
      <c r="AA20" s="103">
        <v>0</v>
      </c>
      <c r="AB20" s="100">
        <v>0</v>
      </c>
      <c r="AC20" s="104">
        <v>56237</v>
      </c>
      <c r="AD20" s="104">
        <v>174607</v>
      </c>
      <c r="AE20" s="104">
        <v>6710</v>
      </c>
      <c r="AF20" s="104">
        <v>471448</v>
      </c>
      <c r="AG20" s="104">
        <v>191950</v>
      </c>
      <c r="AH20" s="103">
        <v>900952</v>
      </c>
      <c r="AI20" s="106">
        <v>900952</v>
      </c>
      <c r="AJ20" s="100">
        <v>0</v>
      </c>
      <c r="AK20" s="104">
        <v>0</v>
      </c>
      <c r="AL20" s="103">
        <v>0</v>
      </c>
      <c r="AM20" s="100">
        <v>0</v>
      </c>
      <c r="AN20" s="104">
        <v>0</v>
      </c>
      <c r="AO20" s="104">
        <v>0</v>
      </c>
      <c r="AP20" s="104">
        <v>0</v>
      </c>
      <c r="AQ20" s="104">
        <v>40917</v>
      </c>
      <c r="AR20" s="104">
        <v>92073</v>
      </c>
      <c r="AS20" s="103">
        <v>132990</v>
      </c>
      <c r="AT20" s="106">
        <v>132990</v>
      </c>
      <c r="AU20" s="100">
        <v>0</v>
      </c>
      <c r="AV20" s="104">
        <v>7381</v>
      </c>
      <c r="AW20" s="103">
        <v>7381</v>
      </c>
      <c r="AX20" s="100">
        <v>0</v>
      </c>
      <c r="AY20" s="104">
        <v>15054</v>
      </c>
      <c r="AZ20" s="104">
        <v>66805</v>
      </c>
      <c r="BA20" s="104">
        <v>0</v>
      </c>
      <c r="BB20" s="104">
        <v>108645</v>
      </c>
      <c r="BC20" s="104">
        <v>157025</v>
      </c>
      <c r="BD20" s="103">
        <v>347529</v>
      </c>
      <c r="BE20" s="106">
        <v>354910</v>
      </c>
      <c r="BF20" s="100">
        <v>0</v>
      </c>
      <c r="BG20" s="104">
        <v>18491</v>
      </c>
      <c r="BH20" s="102">
        <v>18491</v>
      </c>
      <c r="BI20" s="101">
        <v>0</v>
      </c>
      <c r="BJ20" s="104">
        <v>0</v>
      </c>
      <c r="BK20" s="104">
        <v>0</v>
      </c>
      <c r="BL20" s="104">
        <v>0</v>
      </c>
      <c r="BM20" s="104">
        <v>0</v>
      </c>
      <c r="BN20" s="104">
        <v>27159</v>
      </c>
      <c r="BO20" s="103">
        <v>27159</v>
      </c>
      <c r="BP20" s="106">
        <v>45650</v>
      </c>
      <c r="BQ20" s="100">
        <v>0</v>
      </c>
      <c r="BR20" s="104">
        <v>12152</v>
      </c>
      <c r="BS20" s="103">
        <v>12152</v>
      </c>
      <c r="BT20" s="100">
        <v>0</v>
      </c>
      <c r="BU20" s="104">
        <v>37569</v>
      </c>
      <c r="BV20" s="104">
        <v>44205</v>
      </c>
      <c r="BW20" s="104">
        <v>18326</v>
      </c>
      <c r="BX20" s="104">
        <v>77441</v>
      </c>
      <c r="BY20" s="104">
        <v>45766</v>
      </c>
      <c r="BZ20" s="103">
        <v>223307</v>
      </c>
      <c r="CA20" s="106">
        <v>235459</v>
      </c>
      <c r="CB20" s="100">
        <v>0</v>
      </c>
      <c r="CC20" s="104">
        <v>0</v>
      </c>
      <c r="CD20" s="103">
        <v>0</v>
      </c>
      <c r="CE20" s="100">
        <v>0</v>
      </c>
      <c r="CF20" s="104">
        <v>125295</v>
      </c>
      <c r="CG20" s="104">
        <v>525690</v>
      </c>
      <c r="CH20" s="104">
        <v>537997</v>
      </c>
      <c r="CI20" s="104">
        <v>244957</v>
      </c>
      <c r="CJ20" s="104">
        <v>25828</v>
      </c>
      <c r="CK20" s="103">
        <v>1459767</v>
      </c>
      <c r="CL20" s="106">
        <v>1459767</v>
      </c>
      <c r="CM20" s="100">
        <v>0</v>
      </c>
      <c r="CN20" s="104">
        <v>0</v>
      </c>
      <c r="CO20" s="103">
        <v>0</v>
      </c>
      <c r="CP20" s="101">
        <v>0</v>
      </c>
      <c r="CQ20" s="104">
        <v>125295</v>
      </c>
      <c r="CR20" s="104">
        <v>439650</v>
      </c>
      <c r="CS20" s="104">
        <v>317924</v>
      </c>
      <c r="CT20" s="104">
        <v>70099</v>
      </c>
      <c r="CU20" s="104">
        <v>0</v>
      </c>
      <c r="CV20" s="103">
        <v>952968</v>
      </c>
      <c r="CW20" s="106">
        <v>952968</v>
      </c>
      <c r="CX20" s="100">
        <v>0</v>
      </c>
      <c r="CY20" s="104">
        <v>0</v>
      </c>
      <c r="CZ20" s="103">
        <v>0</v>
      </c>
      <c r="DA20" s="100">
        <v>0</v>
      </c>
      <c r="DB20" s="104">
        <v>0</v>
      </c>
      <c r="DC20" s="104">
        <v>86040</v>
      </c>
      <c r="DD20" s="104">
        <v>220073</v>
      </c>
      <c r="DE20" s="104">
        <v>174858</v>
      </c>
      <c r="DF20" s="104">
        <v>25828</v>
      </c>
      <c r="DG20" s="103">
        <v>506799</v>
      </c>
      <c r="DH20" s="106">
        <v>506799</v>
      </c>
      <c r="DI20" s="100">
        <v>0</v>
      </c>
      <c r="DJ20" s="104">
        <v>0</v>
      </c>
      <c r="DK20" s="102">
        <v>0</v>
      </c>
      <c r="DL20" s="101">
        <v>0</v>
      </c>
      <c r="DM20" s="104">
        <v>0</v>
      </c>
      <c r="DN20" s="104">
        <v>195690</v>
      </c>
      <c r="DO20" s="104">
        <v>270462</v>
      </c>
      <c r="DP20" s="104">
        <v>26052</v>
      </c>
      <c r="DQ20" s="104">
        <v>548952</v>
      </c>
      <c r="DR20" s="103">
        <v>1041156</v>
      </c>
      <c r="DS20" s="106">
        <v>1041156</v>
      </c>
      <c r="DT20" s="100">
        <v>0</v>
      </c>
      <c r="DU20" s="104">
        <v>0</v>
      </c>
      <c r="DV20" s="103">
        <v>0</v>
      </c>
      <c r="DW20" s="100">
        <v>0</v>
      </c>
      <c r="DX20" s="104">
        <v>0</v>
      </c>
      <c r="DY20" s="104">
        <v>172283</v>
      </c>
      <c r="DZ20" s="104">
        <v>270462</v>
      </c>
      <c r="EA20" s="104">
        <v>26052</v>
      </c>
      <c r="EB20" s="104">
        <v>548952</v>
      </c>
      <c r="EC20" s="103">
        <v>1017749</v>
      </c>
      <c r="ED20" s="106">
        <v>1017749</v>
      </c>
      <c r="EE20" s="100">
        <v>0</v>
      </c>
      <c r="EF20" s="102">
        <v>0</v>
      </c>
      <c r="EG20" s="103">
        <v>0</v>
      </c>
      <c r="EH20" s="100">
        <v>0</v>
      </c>
      <c r="EI20" s="104">
        <v>0</v>
      </c>
      <c r="EJ20" s="104">
        <v>23407</v>
      </c>
      <c r="EK20" s="104">
        <v>0</v>
      </c>
      <c r="EL20" s="104">
        <v>0</v>
      </c>
      <c r="EM20" s="104">
        <v>0</v>
      </c>
      <c r="EN20" s="102">
        <v>23407</v>
      </c>
      <c r="EO20" s="106">
        <v>23407</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2100</v>
      </c>
      <c r="FM20" s="104">
        <v>25830</v>
      </c>
      <c r="FN20" s="103">
        <v>27930</v>
      </c>
      <c r="FO20" s="100">
        <v>0</v>
      </c>
      <c r="FP20" s="104">
        <v>27944</v>
      </c>
      <c r="FQ20" s="104">
        <v>131516</v>
      </c>
      <c r="FR20" s="104">
        <v>69076</v>
      </c>
      <c r="FS20" s="104">
        <v>105490</v>
      </c>
      <c r="FT20" s="104">
        <v>26390</v>
      </c>
      <c r="FU20" s="103">
        <v>360416</v>
      </c>
      <c r="FV20" s="106">
        <v>388346</v>
      </c>
      <c r="FW20" s="105">
        <v>2100</v>
      </c>
      <c r="FX20" s="104">
        <v>25830</v>
      </c>
      <c r="FY20" s="102">
        <v>27930</v>
      </c>
      <c r="FZ20" s="101">
        <v>0</v>
      </c>
      <c r="GA20" s="104">
        <v>27944</v>
      </c>
      <c r="GB20" s="104">
        <v>131516</v>
      </c>
      <c r="GC20" s="104">
        <v>69076</v>
      </c>
      <c r="GD20" s="104">
        <v>105490</v>
      </c>
      <c r="GE20" s="104">
        <v>26390</v>
      </c>
      <c r="GF20" s="103">
        <v>360416</v>
      </c>
      <c r="GG20" s="296">
        <v>388346</v>
      </c>
      <c r="GH20" s="105">
        <v>0</v>
      </c>
      <c r="GI20" s="104">
        <v>0</v>
      </c>
      <c r="GJ20" s="102">
        <v>0</v>
      </c>
      <c r="GK20" s="101">
        <v>0</v>
      </c>
      <c r="GL20" s="104">
        <v>0</v>
      </c>
      <c r="GM20" s="104">
        <v>0</v>
      </c>
      <c r="GN20" s="104">
        <v>0</v>
      </c>
      <c r="GO20" s="104">
        <v>0</v>
      </c>
      <c r="GP20" s="104">
        <v>0</v>
      </c>
      <c r="GQ20" s="103">
        <v>0</v>
      </c>
      <c r="GR20" s="106">
        <v>0</v>
      </c>
      <c r="GS20" s="100">
        <v>0</v>
      </c>
      <c r="GT20" s="104">
        <v>0</v>
      </c>
      <c r="GU20" s="103">
        <v>0</v>
      </c>
      <c r="GV20" s="100">
        <v>0</v>
      </c>
      <c r="GW20" s="104">
        <v>0</v>
      </c>
      <c r="GX20" s="104">
        <v>0</v>
      </c>
      <c r="GY20" s="104">
        <v>0</v>
      </c>
      <c r="GZ20" s="104">
        <v>0</v>
      </c>
      <c r="HA20" s="104">
        <v>0</v>
      </c>
      <c r="HB20" s="102">
        <v>0</v>
      </c>
      <c r="HC20" s="106">
        <v>0</v>
      </c>
      <c r="HD20" s="100">
        <v>50257</v>
      </c>
      <c r="HE20" s="104">
        <v>81278</v>
      </c>
      <c r="HF20" s="102">
        <v>131535</v>
      </c>
      <c r="HG20" s="101">
        <v>0</v>
      </c>
      <c r="HH20" s="104">
        <v>553269</v>
      </c>
      <c r="HI20" s="104">
        <v>518510</v>
      </c>
      <c r="HJ20" s="104">
        <v>165835</v>
      </c>
      <c r="HK20" s="104">
        <v>424989</v>
      </c>
      <c r="HL20" s="104">
        <v>0</v>
      </c>
      <c r="HM20" s="103">
        <v>1662603</v>
      </c>
      <c r="HN20" s="99">
        <v>1794138</v>
      </c>
      <c r="HO20" s="306"/>
      <c r="HP20" s="307"/>
      <c r="HQ20" s="308"/>
      <c r="HR20" s="309"/>
      <c r="HS20" s="307"/>
      <c r="HT20" s="307"/>
      <c r="HU20" s="307"/>
      <c r="HV20" s="307"/>
      <c r="HW20" s="307"/>
      <c r="HX20" s="310"/>
      <c r="HY20" s="311"/>
      <c r="HZ20" s="137">
        <v>0</v>
      </c>
      <c r="IA20" s="122">
        <v>0</v>
      </c>
      <c r="IB20" s="137">
        <v>0</v>
      </c>
      <c r="IC20" s="121">
        <v>0</v>
      </c>
      <c r="ID20" s="122">
        <v>81463</v>
      </c>
      <c r="IE20" s="123">
        <v>388302</v>
      </c>
      <c r="IF20" s="124">
        <v>295807</v>
      </c>
      <c r="IG20" s="122">
        <v>445536</v>
      </c>
      <c r="IH20" s="124">
        <v>94382</v>
      </c>
      <c r="II20" s="125">
        <v>1305490</v>
      </c>
      <c r="IJ20" s="137">
        <v>1305490</v>
      </c>
      <c r="IK20" s="219">
        <v>0</v>
      </c>
      <c r="IL20" s="223">
        <v>0</v>
      </c>
      <c r="IM20" s="224">
        <v>0</v>
      </c>
      <c r="IN20" s="127"/>
      <c r="IO20" s="109">
        <v>0</v>
      </c>
      <c r="IP20" s="109">
        <v>0</v>
      </c>
      <c r="IQ20" s="109">
        <v>171561</v>
      </c>
      <c r="IR20" s="109">
        <v>0</v>
      </c>
      <c r="IS20" s="109">
        <v>0</v>
      </c>
      <c r="IT20" s="128">
        <v>171561</v>
      </c>
      <c r="IU20" s="298">
        <v>171561</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81463</v>
      </c>
      <c r="JL20" s="109">
        <v>388302</v>
      </c>
      <c r="JM20" s="109">
        <v>124246</v>
      </c>
      <c r="JN20" s="109">
        <v>0</v>
      </c>
      <c r="JO20" s="109">
        <v>94382</v>
      </c>
      <c r="JP20" s="110">
        <v>688393</v>
      </c>
      <c r="JQ20" s="298">
        <v>688393</v>
      </c>
      <c r="JR20" s="129">
        <v>0</v>
      </c>
      <c r="JS20" s="109">
        <v>0</v>
      </c>
      <c r="JT20" s="128">
        <v>0</v>
      </c>
      <c r="JU20" s="108">
        <v>0</v>
      </c>
      <c r="JV20" s="109">
        <v>0</v>
      </c>
      <c r="JW20" s="109">
        <v>0</v>
      </c>
      <c r="JX20" s="109">
        <v>0</v>
      </c>
      <c r="JY20" s="109">
        <v>0</v>
      </c>
      <c r="JZ20" s="109">
        <v>0</v>
      </c>
      <c r="KA20" s="110">
        <v>0</v>
      </c>
      <c r="KB20" s="298">
        <v>0</v>
      </c>
      <c r="KC20" s="221">
        <v>0</v>
      </c>
      <c r="KD20" s="217">
        <v>0</v>
      </c>
      <c r="KE20" s="110">
        <v>0</v>
      </c>
      <c r="KF20" s="108">
        <v>0</v>
      </c>
      <c r="KG20" s="109">
        <v>0</v>
      </c>
      <c r="KH20" s="109">
        <v>0</v>
      </c>
      <c r="KI20" s="109">
        <v>0</v>
      </c>
      <c r="KJ20" s="109">
        <v>0</v>
      </c>
      <c r="KK20" s="109">
        <v>0</v>
      </c>
      <c r="KL20" s="110">
        <v>0</v>
      </c>
      <c r="KM20" s="130">
        <v>0</v>
      </c>
      <c r="KN20" s="219">
        <v>0</v>
      </c>
      <c r="KO20" s="223">
        <v>0</v>
      </c>
      <c r="KP20" s="224">
        <v>0</v>
      </c>
      <c r="KQ20" s="127"/>
      <c r="KR20" s="109">
        <v>0</v>
      </c>
      <c r="KS20" s="109">
        <v>0</v>
      </c>
      <c r="KT20" s="109">
        <v>0</v>
      </c>
      <c r="KU20" s="109">
        <v>216675</v>
      </c>
      <c r="KV20" s="109">
        <v>0</v>
      </c>
      <c r="KW20" s="110">
        <v>216675</v>
      </c>
      <c r="KX20" s="298">
        <v>216675</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228861</v>
      </c>
      <c r="LR20" s="109">
        <v>0</v>
      </c>
      <c r="LS20" s="110">
        <v>228861</v>
      </c>
      <c r="LT20" s="298">
        <v>228861</v>
      </c>
      <c r="LU20" s="129">
        <v>0</v>
      </c>
      <c r="LV20" s="109">
        <v>0</v>
      </c>
      <c r="LW20" s="110">
        <v>0</v>
      </c>
      <c r="LX20" s="132"/>
      <c r="LY20" s="109">
        <v>0</v>
      </c>
      <c r="LZ20" s="109">
        <v>0</v>
      </c>
      <c r="MA20" s="109">
        <v>0</v>
      </c>
      <c r="MB20" s="109">
        <v>0</v>
      </c>
      <c r="MC20" s="109">
        <v>0</v>
      </c>
      <c r="MD20" s="110">
        <v>0</v>
      </c>
      <c r="ME20" s="111">
        <v>0</v>
      </c>
      <c r="MF20" s="129">
        <v>0</v>
      </c>
      <c r="MG20" s="109">
        <v>0</v>
      </c>
      <c r="MH20" s="110">
        <v>0</v>
      </c>
      <c r="MI20" s="132"/>
      <c r="MJ20" s="109">
        <v>0</v>
      </c>
      <c r="MK20" s="109">
        <v>0</v>
      </c>
      <c r="ML20" s="109">
        <v>467211</v>
      </c>
      <c r="MM20" s="109">
        <v>221931</v>
      </c>
      <c r="MN20" s="109">
        <v>221816</v>
      </c>
      <c r="MO20" s="110">
        <v>910958</v>
      </c>
      <c r="MP20" s="130">
        <v>910958</v>
      </c>
      <c r="MQ20" s="129">
        <v>0</v>
      </c>
      <c r="MR20" s="109">
        <v>0</v>
      </c>
      <c r="MS20" s="110">
        <v>0</v>
      </c>
      <c r="MT20" s="132"/>
      <c r="MU20" s="109">
        <v>0</v>
      </c>
      <c r="MV20" s="109">
        <v>0</v>
      </c>
      <c r="MW20" s="109">
        <v>0</v>
      </c>
      <c r="MX20" s="109">
        <v>0</v>
      </c>
      <c r="MY20" s="109">
        <v>221816</v>
      </c>
      <c r="MZ20" s="110">
        <v>221816</v>
      </c>
      <c r="NA20" s="130">
        <v>221816</v>
      </c>
      <c r="NB20" s="129">
        <v>0</v>
      </c>
      <c r="NC20" s="109">
        <v>0</v>
      </c>
      <c r="ND20" s="110">
        <v>0</v>
      </c>
      <c r="NE20" s="132"/>
      <c r="NF20" s="109">
        <v>0</v>
      </c>
      <c r="NG20" s="109">
        <v>0</v>
      </c>
      <c r="NH20" s="109">
        <v>467211</v>
      </c>
      <c r="NI20" s="109">
        <v>221931</v>
      </c>
      <c r="NJ20" s="109">
        <v>0</v>
      </c>
      <c r="NK20" s="110">
        <v>689142</v>
      </c>
      <c r="NL20" s="298">
        <v>689142</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52357</v>
      </c>
      <c r="OJ20" s="109">
        <v>145132</v>
      </c>
      <c r="OK20" s="128">
        <v>197489</v>
      </c>
      <c r="OL20" s="108">
        <v>0</v>
      </c>
      <c r="OM20" s="109">
        <v>896831</v>
      </c>
      <c r="ON20" s="109">
        <v>2045325</v>
      </c>
      <c r="OO20" s="109">
        <v>1831424</v>
      </c>
      <c r="OP20" s="109">
        <v>2167406</v>
      </c>
      <c r="OQ20" s="109">
        <v>1431341</v>
      </c>
      <c r="OR20" s="110">
        <v>8372327</v>
      </c>
      <c r="OS20" s="130">
        <v>8569816</v>
      </c>
    </row>
    <row r="21" spans="2:409" ht="21" customHeight="1" x14ac:dyDescent="0.2">
      <c r="B21" s="472" t="s">
        <v>16</v>
      </c>
      <c r="C21" s="100">
        <v>184967</v>
      </c>
      <c r="D21" s="104">
        <v>367582</v>
      </c>
      <c r="E21" s="103">
        <v>552549</v>
      </c>
      <c r="F21" s="99">
        <v>0</v>
      </c>
      <c r="G21" s="104">
        <v>3484243</v>
      </c>
      <c r="H21" s="104">
        <v>4763785</v>
      </c>
      <c r="I21" s="104">
        <v>5284974</v>
      </c>
      <c r="J21" s="104">
        <v>3132033</v>
      </c>
      <c r="K21" s="104">
        <v>2484241</v>
      </c>
      <c r="L21" s="99">
        <v>19149276</v>
      </c>
      <c r="M21" s="106">
        <v>19701825</v>
      </c>
      <c r="N21" s="100">
        <v>34062</v>
      </c>
      <c r="O21" s="104">
        <v>76859</v>
      </c>
      <c r="P21" s="103">
        <v>110921</v>
      </c>
      <c r="Q21" s="100">
        <v>0</v>
      </c>
      <c r="R21" s="104">
        <v>570676</v>
      </c>
      <c r="S21" s="104">
        <v>1324503</v>
      </c>
      <c r="T21" s="104">
        <v>1318704</v>
      </c>
      <c r="U21" s="104">
        <v>772309</v>
      </c>
      <c r="V21" s="104">
        <v>562496</v>
      </c>
      <c r="W21" s="103">
        <v>4548688</v>
      </c>
      <c r="X21" s="106">
        <v>4659609</v>
      </c>
      <c r="Y21" s="100">
        <v>0</v>
      </c>
      <c r="Z21" s="104">
        <v>0</v>
      </c>
      <c r="AA21" s="103">
        <v>0</v>
      </c>
      <c r="AB21" s="100">
        <v>0</v>
      </c>
      <c r="AC21" s="104">
        <v>173271</v>
      </c>
      <c r="AD21" s="104">
        <v>780421</v>
      </c>
      <c r="AE21" s="104">
        <v>490228</v>
      </c>
      <c r="AF21" s="104">
        <v>325780</v>
      </c>
      <c r="AG21" s="104">
        <v>91199</v>
      </c>
      <c r="AH21" s="103">
        <v>1860899</v>
      </c>
      <c r="AI21" s="106">
        <v>1860899</v>
      </c>
      <c r="AJ21" s="100">
        <v>0</v>
      </c>
      <c r="AK21" s="104">
        <v>0</v>
      </c>
      <c r="AL21" s="103">
        <v>0</v>
      </c>
      <c r="AM21" s="100">
        <v>0</v>
      </c>
      <c r="AN21" s="104">
        <v>0</v>
      </c>
      <c r="AO21" s="104">
        <v>0</v>
      </c>
      <c r="AP21" s="104">
        <v>41435</v>
      </c>
      <c r="AQ21" s="104">
        <v>39853</v>
      </c>
      <c r="AR21" s="104">
        <v>122552</v>
      </c>
      <c r="AS21" s="103">
        <v>203840</v>
      </c>
      <c r="AT21" s="106">
        <v>203840</v>
      </c>
      <c r="AU21" s="100">
        <v>18284</v>
      </c>
      <c r="AV21" s="104">
        <v>58547</v>
      </c>
      <c r="AW21" s="103">
        <v>76831</v>
      </c>
      <c r="AX21" s="100">
        <v>0</v>
      </c>
      <c r="AY21" s="104">
        <v>311774</v>
      </c>
      <c r="AZ21" s="104">
        <v>388580</v>
      </c>
      <c r="BA21" s="104">
        <v>401011</v>
      </c>
      <c r="BB21" s="104">
        <v>256729</v>
      </c>
      <c r="BC21" s="104">
        <v>220802</v>
      </c>
      <c r="BD21" s="103">
        <v>1578896</v>
      </c>
      <c r="BE21" s="106">
        <v>1655727</v>
      </c>
      <c r="BF21" s="100">
        <v>0</v>
      </c>
      <c r="BG21" s="104">
        <v>0</v>
      </c>
      <c r="BH21" s="102">
        <v>0</v>
      </c>
      <c r="BI21" s="101">
        <v>0</v>
      </c>
      <c r="BJ21" s="104">
        <v>0</v>
      </c>
      <c r="BK21" s="104">
        <v>20738</v>
      </c>
      <c r="BL21" s="104">
        <v>96776</v>
      </c>
      <c r="BM21" s="104">
        <v>0</v>
      </c>
      <c r="BN21" s="104">
        <v>20738</v>
      </c>
      <c r="BO21" s="103">
        <v>138252</v>
      </c>
      <c r="BP21" s="106">
        <v>138252</v>
      </c>
      <c r="BQ21" s="100">
        <v>15778</v>
      </c>
      <c r="BR21" s="104">
        <v>18312</v>
      </c>
      <c r="BS21" s="103">
        <v>34090</v>
      </c>
      <c r="BT21" s="100">
        <v>0</v>
      </c>
      <c r="BU21" s="104">
        <v>85631</v>
      </c>
      <c r="BV21" s="104">
        <v>134764</v>
      </c>
      <c r="BW21" s="104">
        <v>289254</v>
      </c>
      <c r="BX21" s="104">
        <v>149947</v>
      </c>
      <c r="BY21" s="104">
        <v>107205</v>
      </c>
      <c r="BZ21" s="103">
        <v>766801</v>
      </c>
      <c r="CA21" s="106">
        <v>800891</v>
      </c>
      <c r="CB21" s="100">
        <v>18424</v>
      </c>
      <c r="CC21" s="104">
        <v>137118</v>
      </c>
      <c r="CD21" s="103">
        <v>155542</v>
      </c>
      <c r="CE21" s="100">
        <v>0</v>
      </c>
      <c r="CF21" s="104">
        <v>1661431</v>
      </c>
      <c r="CG21" s="104">
        <v>1758853</v>
      </c>
      <c r="CH21" s="104">
        <v>991881</v>
      </c>
      <c r="CI21" s="104">
        <v>611769</v>
      </c>
      <c r="CJ21" s="104">
        <v>225364</v>
      </c>
      <c r="CK21" s="103">
        <v>5249298</v>
      </c>
      <c r="CL21" s="106">
        <v>5404840</v>
      </c>
      <c r="CM21" s="100">
        <v>0</v>
      </c>
      <c r="CN21" s="104">
        <v>0</v>
      </c>
      <c r="CO21" s="103">
        <v>0</v>
      </c>
      <c r="CP21" s="101">
        <v>0</v>
      </c>
      <c r="CQ21" s="104">
        <v>1326078</v>
      </c>
      <c r="CR21" s="104">
        <v>807552</v>
      </c>
      <c r="CS21" s="104">
        <v>740274</v>
      </c>
      <c r="CT21" s="104">
        <v>326091</v>
      </c>
      <c r="CU21" s="104">
        <v>137602</v>
      </c>
      <c r="CV21" s="103">
        <v>3337597</v>
      </c>
      <c r="CW21" s="106">
        <v>3337597</v>
      </c>
      <c r="CX21" s="100">
        <v>18424</v>
      </c>
      <c r="CY21" s="104">
        <v>137118</v>
      </c>
      <c r="CZ21" s="103">
        <v>155542</v>
      </c>
      <c r="DA21" s="100">
        <v>0</v>
      </c>
      <c r="DB21" s="104">
        <v>335353</v>
      </c>
      <c r="DC21" s="104">
        <v>951301</v>
      </c>
      <c r="DD21" s="104">
        <v>251607</v>
      </c>
      <c r="DE21" s="104">
        <v>285678</v>
      </c>
      <c r="DF21" s="104">
        <v>87762</v>
      </c>
      <c r="DG21" s="103">
        <v>1911701</v>
      </c>
      <c r="DH21" s="106">
        <v>2067243</v>
      </c>
      <c r="DI21" s="100">
        <v>0</v>
      </c>
      <c r="DJ21" s="104">
        <v>11337</v>
      </c>
      <c r="DK21" s="102">
        <v>11337</v>
      </c>
      <c r="DL21" s="101">
        <v>0</v>
      </c>
      <c r="DM21" s="104">
        <v>135946</v>
      </c>
      <c r="DN21" s="104">
        <v>286412</v>
      </c>
      <c r="DO21" s="104">
        <v>334084</v>
      </c>
      <c r="DP21" s="104">
        <v>124538</v>
      </c>
      <c r="DQ21" s="104">
        <v>0</v>
      </c>
      <c r="DR21" s="103">
        <v>880980</v>
      </c>
      <c r="DS21" s="106">
        <v>892317</v>
      </c>
      <c r="DT21" s="100">
        <v>0</v>
      </c>
      <c r="DU21" s="104">
        <v>11337</v>
      </c>
      <c r="DV21" s="103">
        <v>11337</v>
      </c>
      <c r="DW21" s="100">
        <v>0</v>
      </c>
      <c r="DX21" s="104">
        <v>135946</v>
      </c>
      <c r="DY21" s="104">
        <v>216514</v>
      </c>
      <c r="DZ21" s="104">
        <v>334084</v>
      </c>
      <c r="EA21" s="104">
        <v>124538</v>
      </c>
      <c r="EB21" s="104">
        <v>0</v>
      </c>
      <c r="EC21" s="103">
        <v>811082</v>
      </c>
      <c r="ED21" s="106">
        <v>822419</v>
      </c>
      <c r="EE21" s="100">
        <v>0</v>
      </c>
      <c r="EF21" s="102">
        <v>0</v>
      </c>
      <c r="EG21" s="103">
        <v>0</v>
      </c>
      <c r="EH21" s="100">
        <v>0</v>
      </c>
      <c r="EI21" s="104">
        <v>0</v>
      </c>
      <c r="EJ21" s="104">
        <v>69898</v>
      </c>
      <c r="EK21" s="104">
        <v>0</v>
      </c>
      <c r="EL21" s="104">
        <v>0</v>
      </c>
      <c r="EM21" s="104">
        <v>0</v>
      </c>
      <c r="EN21" s="102">
        <v>69898</v>
      </c>
      <c r="EO21" s="106">
        <v>69898</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41020</v>
      </c>
      <c r="FM21" s="104">
        <v>62055</v>
      </c>
      <c r="FN21" s="103">
        <v>103075</v>
      </c>
      <c r="FO21" s="100">
        <v>0</v>
      </c>
      <c r="FP21" s="104">
        <v>150647</v>
      </c>
      <c r="FQ21" s="104">
        <v>555170</v>
      </c>
      <c r="FR21" s="104">
        <v>286384</v>
      </c>
      <c r="FS21" s="104">
        <v>221207</v>
      </c>
      <c r="FT21" s="104">
        <v>327936</v>
      </c>
      <c r="FU21" s="103">
        <v>1541344</v>
      </c>
      <c r="FV21" s="106">
        <v>1644419</v>
      </c>
      <c r="FW21" s="105">
        <v>29050</v>
      </c>
      <c r="FX21" s="104">
        <v>62055</v>
      </c>
      <c r="FY21" s="102">
        <v>91105</v>
      </c>
      <c r="FZ21" s="101">
        <v>0</v>
      </c>
      <c r="GA21" s="104">
        <v>110537</v>
      </c>
      <c r="GB21" s="104">
        <v>458570</v>
      </c>
      <c r="GC21" s="104">
        <v>286384</v>
      </c>
      <c r="GD21" s="104">
        <v>221207</v>
      </c>
      <c r="GE21" s="104">
        <v>327936</v>
      </c>
      <c r="GF21" s="103">
        <v>1404634</v>
      </c>
      <c r="GG21" s="296">
        <v>1495739</v>
      </c>
      <c r="GH21" s="105">
        <v>0</v>
      </c>
      <c r="GI21" s="104">
        <v>0</v>
      </c>
      <c r="GJ21" s="102">
        <v>0</v>
      </c>
      <c r="GK21" s="101">
        <v>0</v>
      </c>
      <c r="GL21" s="104">
        <v>0</v>
      </c>
      <c r="GM21" s="104">
        <v>38500</v>
      </c>
      <c r="GN21" s="104">
        <v>0</v>
      </c>
      <c r="GO21" s="104">
        <v>0</v>
      </c>
      <c r="GP21" s="104">
        <v>0</v>
      </c>
      <c r="GQ21" s="103">
        <v>38500</v>
      </c>
      <c r="GR21" s="106">
        <v>38500</v>
      </c>
      <c r="GS21" s="100">
        <v>11970</v>
      </c>
      <c r="GT21" s="104">
        <v>0</v>
      </c>
      <c r="GU21" s="103">
        <v>11970</v>
      </c>
      <c r="GV21" s="100">
        <v>0</v>
      </c>
      <c r="GW21" s="104">
        <v>40110</v>
      </c>
      <c r="GX21" s="104">
        <v>58100</v>
      </c>
      <c r="GY21" s="104">
        <v>0</v>
      </c>
      <c r="GZ21" s="104">
        <v>0</v>
      </c>
      <c r="HA21" s="104">
        <v>0</v>
      </c>
      <c r="HB21" s="102">
        <v>98210</v>
      </c>
      <c r="HC21" s="106">
        <v>110180</v>
      </c>
      <c r="HD21" s="100">
        <v>91461</v>
      </c>
      <c r="HE21" s="104">
        <v>80213</v>
      </c>
      <c r="HF21" s="102">
        <v>171674</v>
      </c>
      <c r="HG21" s="101">
        <v>0</v>
      </c>
      <c r="HH21" s="104">
        <v>965543</v>
      </c>
      <c r="HI21" s="104">
        <v>838847</v>
      </c>
      <c r="HJ21" s="104">
        <v>2353921</v>
      </c>
      <c r="HK21" s="104">
        <v>1402210</v>
      </c>
      <c r="HL21" s="104">
        <v>1368445</v>
      </c>
      <c r="HM21" s="103">
        <v>6928966</v>
      </c>
      <c r="HN21" s="99">
        <v>7100640</v>
      </c>
      <c r="HO21" s="306"/>
      <c r="HP21" s="307"/>
      <c r="HQ21" s="308"/>
      <c r="HR21" s="309"/>
      <c r="HS21" s="307"/>
      <c r="HT21" s="307"/>
      <c r="HU21" s="307"/>
      <c r="HV21" s="307"/>
      <c r="HW21" s="307"/>
      <c r="HX21" s="310"/>
      <c r="HY21" s="311"/>
      <c r="HZ21" s="118">
        <v>0</v>
      </c>
      <c r="IA21" s="119">
        <v>67139</v>
      </c>
      <c r="IB21" s="120">
        <v>67139</v>
      </c>
      <c r="IC21" s="133">
        <v>0</v>
      </c>
      <c r="ID21" s="119">
        <v>232576</v>
      </c>
      <c r="IE21" s="134">
        <v>1145107</v>
      </c>
      <c r="IF21" s="120">
        <v>709418</v>
      </c>
      <c r="IG21" s="119">
        <v>564693</v>
      </c>
      <c r="IH21" s="120">
        <v>1138448</v>
      </c>
      <c r="II21" s="135">
        <v>3790242</v>
      </c>
      <c r="IJ21" s="126">
        <v>3857381</v>
      </c>
      <c r="IK21" s="219">
        <v>0</v>
      </c>
      <c r="IL21" s="223">
        <v>0</v>
      </c>
      <c r="IM21" s="224">
        <v>0</v>
      </c>
      <c r="IN21" s="127"/>
      <c r="IO21" s="109">
        <v>0</v>
      </c>
      <c r="IP21" s="109">
        <v>0</v>
      </c>
      <c r="IQ21" s="109">
        <v>0</v>
      </c>
      <c r="IR21" s="109">
        <v>168749</v>
      </c>
      <c r="IS21" s="109">
        <v>238491</v>
      </c>
      <c r="IT21" s="128">
        <v>407240</v>
      </c>
      <c r="IU21" s="298">
        <v>407240</v>
      </c>
      <c r="IV21" s="129">
        <v>0</v>
      </c>
      <c r="IW21" s="109">
        <v>0</v>
      </c>
      <c r="IX21" s="110">
        <v>0</v>
      </c>
      <c r="IY21" s="131"/>
      <c r="IZ21" s="109">
        <v>0</v>
      </c>
      <c r="JA21" s="109">
        <v>0</v>
      </c>
      <c r="JB21" s="109">
        <v>0</v>
      </c>
      <c r="JC21" s="109">
        <v>14347</v>
      </c>
      <c r="JD21" s="109">
        <v>0</v>
      </c>
      <c r="JE21" s="110">
        <v>14347</v>
      </c>
      <c r="JF21" s="111">
        <v>14347</v>
      </c>
      <c r="JG21" s="129">
        <v>0</v>
      </c>
      <c r="JH21" s="109">
        <v>0</v>
      </c>
      <c r="JI21" s="128">
        <v>0</v>
      </c>
      <c r="JJ21" s="108">
        <v>0</v>
      </c>
      <c r="JK21" s="109">
        <v>126671</v>
      </c>
      <c r="JL21" s="109">
        <v>245012</v>
      </c>
      <c r="JM21" s="109">
        <v>262301</v>
      </c>
      <c r="JN21" s="109">
        <v>165496</v>
      </c>
      <c r="JO21" s="109">
        <v>0</v>
      </c>
      <c r="JP21" s="110">
        <v>799480</v>
      </c>
      <c r="JQ21" s="298">
        <v>799480</v>
      </c>
      <c r="JR21" s="129">
        <v>0</v>
      </c>
      <c r="JS21" s="109">
        <v>0</v>
      </c>
      <c r="JT21" s="128">
        <v>0</v>
      </c>
      <c r="JU21" s="108">
        <v>0</v>
      </c>
      <c r="JV21" s="109">
        <v>0</v>
      </c>
      <c r="JW21" s="109">
        <v>115985</v>
      </c>
      <c r="JX21" s="109">
        <v>0</v>
      </c>
      <c r="JY21" s="109">
        <v>0</v>
      </c>
      <c r="JZ21" s="109">
        <v>0</v>
      </c>
      <c r="KA21" s="110">
        <v>115985</v>
      </c>
      <c r="KB21" s="298">
        <v>115985</v>
      </c>
      <c r="KC21" s="221">
        <v>0</v>
      </c>
      <c r="KD21" s="217">
        <v>67139</v>
      </c>
      <c r="KE21" s="110">
        <v>67139</v>
      </c>
      <c r="KF21" s="108">
        <v>0</v>
      </c>
      <c r="KG21" s="109">
        <v>105905</v>
      </c>
      <c r="KH21" s="109">
        <v>158734</v>
      </c>
      <c r="KI21" s="109">
        <v>0</v>
      </c>
      <c r="KJ21" s="109">
        <v>0</v>
      </c>
      <c r="KK21" s="109">
        <v>250973</v>
      </c>
      <c r="KL21" s="110">
        <v>515612</v>
      </c>
      <c r="KM21" s="130">
        <v>582751</v>
      </c>
      <c r="KN21" s="219">
        <v>0</v>
      </c>
      <c r="KO21" s="223">
        <v>0</v>
      </c>
      <c r="KP21" s="224">
        <v>0</v>
      </c>
      <c r="KQ21" s="127"/>
      <c r="KR21" s="109">
        <v>0</v>
      </c>
      <c r="KS21" s="109">
        <v>625376</v>
      </c>
      <c r="KT21" s="109">
        <v>447117</v>
      </c>
      <c r="KU21" s="109">
        <v>216101</v>
      </c>
      <c r="KV21" s="109">
        <v>648984</v>
      </c>
      <c r="KW21" s="110">
        <v>1937578</v>
      </c>
      <c r="KX21" s="298">
        <v>1937578</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8">
        <v>0</v>
      </c>
      <c r="LU21" s="129">
        <v>0</v>
      </c>
      <c r="LV21" s="109">
        <v>0</v>
      </c>
      <c r="LW21" s="110">
        <v>0</v>
      </c>
      <c r="LX21" s="132"/>
      <c r="LY21" s="109">
        <v>0</v>
      </c>
      <c r="LZ21" s="109">
        <v>0</v>
      </c>
      <c r="MA21" s="109">
        <v>0</v>
      </c>
      <c r="MB21" s="109">
        <v>0</v>
      </c>
      <c r="MC21" s="109">
        <v>0</v>
      </c>
      <c r="MD21" s="110">
        <v>0</v>
      </c>
      <c r="ME21" s="111">
        <v>0</v>
      </c>
      <c r="MF21" s="129">
        <v>0</v>
      </c>
      <c r="MG21" s="109">
        <v>0</v>
      </c>
      <c r="MH21" s="110">
        <v>0</v>
      </c>
      <c r="MI21" s="132"/>
      <c r="MJ21" s="109">
        <v>0</v>
      </c>
      <c r="MK21" s="109">
        <v>445316</v>
      </c>
      <c r="ML21" s="109">
        <v>2053622</v>
      </c>
      <c r="MM21" s="109">
        <v>2552847</v>
      </c>
      <c r="MN21" s="109">
        <v>1018035</v>
      </c>
      <c r="MO21" s="110">
        <v>6069820</v>
      </c>
      <c r="MP21" s="130">
        <v>6069820</v>
      </c>
      <c r="MQ21" s="129">
        <v>0</v>
      </c>
      <c r="MR21" s="109">
        <v>0</v>
      </c>
      <c r="MS21" s="110">
        <v>0</v>
      </c>
      <c r="MT21" s="132"/>
      <c r="MU21" s="109">
        <v>0</v>
      </c>
      <c r="MV21" s="109">
        <v>0</v>
      </c>
      <c r="MW21" s="109">
        <v>1375122</v>
      </c>
      <c r="MX21" s="109">
        <v>1541926</v>
      </c>
      <c r="MY21" s="109">
        <v>645900</v>
      </c>
      <c r="MZ21" s="110">
        <v>3562948</v>
      </c>
      <c r="NA21" s="130">
        <v>3562948</v>
      </c>
      <c r="NB21" s="129">
        <v>0</v>
      </c>
      <c r="NC21" s="109">
        <v>0</v>
      </c>
      <c r="ND21" s="110">
        <v>0</v>
      </c>
      <c r="NE21" s="132"/>
      <c r="NF21" s="109">
        <v>0</v>
      </c>
      <c r="NG21" s="109">
        <v>445316</v>
      </c>
      <c r="NH21" s="109">
        <v>678500</v>
      </c>
      <c r="NI21" s="109">
        <v>1010921</v>
      </c>
      <c r="NJ21" s="109">
        <v>372135</v>
      </c>
      <c r="NK21" s="110">
        <v>2506872</v>
      </c>
      <c r="NL21" s="298">
        <v>2506872</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0</v>
      </c>
      <c r="OG21" s="110">
        <v>0</v>
      </c>
      <c r="OH21" s="111">
        <v>0</v>
      </c>
      <c r="OI21" s="129">
        <v>184967</v>
      </c>
      <c r="OJ21" s="109">
        <v>434721</v>
      </c>
      <c r="OK21" s="128">
        <v>619688</v>
      </c>
      <c r="OL21" s="108">
        <v>0</v>
      </c>
      <c r="OM21" s="109">
        <v>3716819</v>
      </c>
      <c r="ON21" s="109">
        <v>6354208</v>
      </c>
      <c r="OO21" s="109">
        <v>8048014</v>
      </c>
      <c r="OP21" s="109">
        <v>6249573</v>
      </c>
      <c r="OQ21" s="109">
        <v>4640724</v>
      </c>
      <c r="OR21" s="110">
        <v>29009338</v>
      </c>
      <c r="OS21" s="130">
        <v>29629026</v>
      </c>
    </row>
    <row r="22" spans="2:409" ht="21" customHeight="1" x14ac:dyDescent="0.2">
      <c r="B22" s="472" t="s">
        <v>17</v>
      </c>
      <c r="C22" s="100">
        <v>708694</v>
      </c>
      <c r="D22" s="104">
        <v>716837</v>
      </c>
      <c r="E22" s="103">
        <v>1425531</v>
      </c>
      <c r="F22" s="99">
        <v>0</v>
      </c>
      <c r="G22" s="104">
        <v>3323324</v>
      </c>
      <c r="H22" s="104">
        <v>6242001</v>
      </c>
      <c r="I22" s="104">
        <v>6996633</v>
      </c>
      <c r="J22" s="104">
        <v>6477264</v>
      </c>
      <c r="K22" s="104">
        <v>4762414</v>
      </c>
      <c r="L22" s="99">
        <v>27801636</v>
      </c>
      <c r="M22" s="106">
        <v>29227167</v>
      </c>
      <c r="N22" s="100">
        <v>258483</v>
      </c>
      <c r="O22" s="104">
        <v>214486</v>
      </c>
      <c r="P22" s="103">
        <v>472969</v>
      </c>
      <c r="Q22" s="100">
        <v>0</v>
      </c>
      <c r="R22" s="104">
        <v>862487</v>
      </c>
      <c r="S22" s="104">
        <v>1631746</v>
      </c>
      <c r="T22" s="104">
        <v>2385632</v>
      </c>
      <c r="U22" s="104">
        <v>1799273</v>
      </c>
      <c r="V22" s="104">
        <v>2389214</v>
      </c>
      <c r="W22" s="103">
        <v>9068352</v>
      </c>
      <c r="X22" s="106">
        <v>9541321</v>
      </c>
      <c r="Y22" s="100">
        <v>0</v>
      </c>
      <c r="Z22" s="104">
        <v>0</v>
      </c>
      <c r="AA22" s="103">
        <v>0</v>
      </c>
      <c r="AB22" s="100">
        <v>0</v>
      </c>
      <c r="AC22" s="104">
        <v>401040</v>
      </c>
      <c r="AD22" s="104">
        <v>597029</v>
      </c>
      <c r="AE22" s="104">
        <v>1316904</v>
      </c>
      <c r="AF22" s="104">
        <v>723730</v>
      </c>
      <c r="AG22" s="104">
        <v>1701665</v>
      </c>
      <c r="AH22" s="103">
        <v>4740368</v>
      </c>
      <c r="AI22" s="106">
        <v>4740368</v>
      </c>
      <c r="AJ22" s="100">
        <v>0</v>
      </c>
      <c r="AK22" s="104">
        <v>0</v>
      </c>
      <c r="AL22" s="103">
        <v>0</v>
      </c>
      <c r="AM22" s="100">
        <v>0</v>
      </c>
      <c r="AN22" s="104">
        <v>0</v>
      </c>
      <c r="AO22" s="104">
        <v>30055</v>
      </c>
      <c r="AP22" s="104">
        <v>20462</v>
      </c>
      <c r="AQ22" s="104">
        <v>146729</v>
      </c>
      <c r="AR22" s="104">
        <v>93277</v>
      </c>
      <c r="AS22" s="103">
        <v>290523</v>
      </c>
      <c r="AT22" s="106">
        <v>290523</v>
      </c>
      <c r="AU22" s="100">
        <v>146581</v>
      </c>
      <c r="AV22" s="104">
        <v>155861</v>
      </c>
      <c r="AW22" s="103">
        <v>302442</v>
      </c>
      <c r="AX22" s="100">
        <v>0</v>
      </c>
      <c r="AY22" s="104">
        <v>277045</v>
      </c>
      <c r="AZ22" s="104">
        <v>643902</v>
      </c>
      <c r="BA22" s="104">
        <v>598479</v>
      </c>
      <c r="BB22" s="104">
        <v>517230</v>
      </c>
      <c r="BC22" s="104">
        <v>283254</v>
      </c>
      <c r="BD22" s="103">
        <v>2319910</v>
      </c>
      <c r="BE22" s="106">
        <v>2622352</v>
      </c>
      <c r="BF22" s="100">
        <v>0</v>
      </c>
      <c r="BG22" s="104">
        <v>0</v>
      </c>
      <c r="BH22" s="102">
        <v>0</v>
      </c>
      <c r="BI22" s="101">
        <v>0</v>
      </c>
      <c r="BJ22" s="104">
        <v>32698</v>
      </c>
      <c r="BK22" s="104">
        <v>98204</v>
      </c>
      <c r="BL22" s="104">
        <v>141185</v>
      </c>
      <c r="BM22" s="104">
        <v>58441</v>
      </c>
      <c r="BN22" s="104">
        <v>53740</v>
      </c>
      <c r="BO22" s="103">
        <v>384268</v>
      </c>
      <c r="BP22" s="106">
        <v>384268</v>
      </c>
      <c r="BQ22" s="100">
        <v>111902</v>
      </c>
      <c r="BR22" s="104">
        <v>58625</v>
      </c>
      <c r="BS22" s="103">
        <v>170527</v>
      </c>
      <c r="BT22" s="100">
        <v>0</v>
      </c>
      <c r="BU22" s="104">
        <v>151704</v>
      </c>
      <c r="BV22" s="104">
        <v>262556</v>
      </c>
      <c r="BW22" s="104">
        <v>308602</v>
      </c>
      <c r="BX22" s="104">
        <v>353143</v>
      </c>
      <c r="BY22" s="104">
        <v>257278</v>
      </c>
      <c r="BZ22" s="103">
        <v>1333283</v>
      </c>
      <c r="CA22" s="106">
        <v>1503810</v>
      </c>
      <c r="CB22" s="100">
        <v>111057</v>
      </c>
      <c r="CC22" s="104">
        <v>100652</v>
      </c>
      <c r="CD22" s="103">
        <v>211709</v>
      </c>
      <c r="CE22" s="100">
        <v>0</v>
      </c>
      <c r="CF22" s="104">
        <v>946223</v>
      </c>
      <c r="CG22" s="104">
        <v>2148292</v>
      </c>
      <c r="CH22" s="104">
        <v>1829423</v>
      </c>
      <c r="CI22" s="104">
        <v>1120741</v>
      </c>
      <c r="CJ22" s="104">
        <v>436817</v>
      </c>
      <c r="CK22" s="103">
        <v>6481496</v>
      </c>
      <c r="CL22" s="106">
        <v>6693205</v>
      </c>
      <c r="CM22" s="100">
        <v>0</v>
      </c>
      <c r="CN22" s="104">
        <v>0</v>
      </c>
      <c r="CO22" s="103">
        <v>0</v>
      </c>
      <c r="CP22" s="101">
        <v>0</v>
      </c>
      <c r="CQ22" s="104">
        <v>863387</v>
      </c>
      <c r="CR22" s="104">
        <v>1550515</v>
      </c>
      <c r="CS22" s="104">
        <v>1366405</v>
      </c>
      <c r="CT22" s="104">
        <v>837564</v>
      </c>
      <c r="CU22" s="104">
        <v>208204</v>
      </c>
      <c r="CV22" s="103">
        <v>4826075</v>
      </c>
      <c r="CW22" s="106">
        <v>4826075</v>
      </c>
      <c r="CX22" s="100">
        <v>111057</v>
      </c>
      <c r="CY22" s="104">
        <v>100652</v>
      </c>
      <c r="CZ22" s="103">
        <v>211709</v>
      </c>
      <c r="DA22" s="100">
        <v>0</v>
      </c>
      <c r="DB22" s="104">
        <v>82836</v>
      </c>
      <c r="DC22" s="104">
        <v>597777</v>
      </c>
      <c r="DD22" s="104">
        <v>463018</v>
      </c>
      <c r="DE22" s="104">
        <v>283177</v>
      </c>
      <c r="DF22" s="104">
        <v>228613</v>
      </c>
      <c r="DG22" s="103">
        <v>1655421</v>
      </c>
      <c r="DH22" s="106">
        <v>1867130</v>
      </c>
      <c r="DI22" s="100">
        <v>0</v>
      </c>
      <c r="DJ22" s="104">
        <v>0</v>
      </c>
      <c r="DK22" s="102">
        <v>0</v>
      </c>
      <c r="DL22" s="101">
        <v>0</v>
      </c>
      <c r="DM22" s="104">
        <v>130484</v>
      </c>
      <c r="DN22" s="104">
        <v>538474</v>
      </c>
      <c r="DO22" s="104">
        <v>645031</v>
      </c>
      <c r="DP22" s="104">
        <v>867536</v>
      </c>
      <c r="DQ22" s="104">
        <v>173282</v>
      </c>
      <c r="DR22" s="103">
        <v>2354807</v>
      </c>
      <c r="DS22" s="106">
        <v>2354807</v>
      </c>
      <c r="DT22" s="100">
        <v>0</v>
      </c>
      <c r="DU22" s="104">
        <v>0</v>
      </c>
      <c r="DV22" s="103">
        <v>0</v>
      </c>
      <c r="DW22" s="100">
        <v>0</v>
      </c>
      <c r="DX22" s="104">
        <v>130484</v>
      </c>
      <c r="DY22" s="104">
        <v>320236</v>
      </c>
      <c r="DZ22" s="104">
        <v>645031</v>
      </c>
      <c r="EA22" s="104">
        <v>846886</v>
      </c>
      <c r="EB22" s="104">
        <v>173282</v>
      </c>
      <c r="EC22" s="103">
        <v>2115919</v>
      </c>
      <c r="ED22" s="106">
        <v>2115919</v>
      </c>
      <c r="EE22" s="100">
        <v>0</v>
      </c>
      <c r="EF22" s="102">
        <v>0</v>
      </c>
      <c r="EG22" s="103">
        <v>0</v>
      </c>
      <c r="EH22" s="100">
        <v>0</v>
      </c>
      <c r="EI22" s="104">
        <v>0</v>
      </c>
      <c r="EJ22" s="104">
        <v>218238</v>
      </c>
      <c r="EK22" s="104">
        <v>0</v>
      </c>
      <c r="EL22" s="104">
        <v>20650</v>
      </c>
      <c r="EM22" s="104">
        <v>0</v>
      </c>
      <c r="EN22" s="102">
        <v>238888</v>
      </c>
      <c r="EO22" s="106">
        <v>238888</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94864</v>
      </c>
      <c r="FM22" s="104">
        <v>160286</v>
      </c>
      <c r="FN22" s="103">
        <v>255150</v>
      </c>
      <c r="FO22" s="100">
        <v>0</v>
      </c>
      <c r="FP22" s="104">
        <v>81718</v>
      </c>
      <c r="FQ22" s="104">
        <v>544033</v>
      </c>
      <c r="FR22" s="104">
        <v>572561</v>
      </c>
      <c r="FS22" s="104">
        <v>392441</v>
      </c>
      <c r="FT22" s="104">
        <v>323106</v>
      </c>
      <c r="FU22" s="103">
        <v>1913859</v>
      </c>
      <c r="FV22" s="106">
        <v>2169009</v>
      </c>
      <c r="FW22" s="105">
        <v>94864</v>
      </c>
      <c r="FX22" s="104">
        <v>121786</v>
      </c>
      <c r="FY22" s="102">
        <v>216650</v>
      </c>
      <c r="FZ22" s="101">
        <v>0</v>
      </c>
      <c r="GA22" s="104">
        <v>81718</v>
      </c>
      <c r="GB22" s="104">
        <v>515683</v>
      </c>
      <c r="GC22" s="104">
        <v>572561</v>
      </c>
      <c r="GD22" s="104">
        <v>392441</v>
      </c>
      <c r="GE22" s="104">
        <v>323106</v>
      </c>
      <c r="GF22" s="103">
        <v>1885509</v>
      </c>
      <c r="GG22" s="296">
        <v>2102159</v>
      </c>
      <c r="GH22" s="105">
        <v>0</v>
      </c>
      <c r="GI22" s="104">
        <v>0</v>
      </c>
      <c r="GJ22" s="102">
        <v>0</v>
      </c>
      <c r="GK22" s="101">
        <v>0</v>
      </c>
      <c r="GL22" s="104">
        <v>0</v>
      </c>
      <c r="GM22" s="104">
        <v>12600</v>
      </c>
      <c r="GN22" s="104">
        <v>0</v>
      </c>
      <c r="GO22" s="104">
        <v>0</v>
      </c>
      <c r="GP22" s="104">
        <v>0</v>
      </c>
      <c r="GQ22" s="103">
        <v>12600</v>
      </c>
      <c r="GR22" s="106">
        <v>12600</v>
      </c>
      <c r="GS22" s="100">
        <v>0</v>
      </c>
      <c r="GT22" s="104">
        <v>38500</v>
      </c>
      <c r="GU22" s="103">
        <v>38500</v>
      </c>
      <c r="GV22" s="100">
        <v>0</v>
      </c>
      <c r="GW22" s="104">
        <v>0</v>
      </c>
      <c r="GX22" s="104">
        <v>15750</v>
      </c>
      <c r="GY22" s="104">
        <v>0</v>
      </c>
      <c r="GZ22" s="104">
        <v>0</v>
      </c>
      <c r="HA22" s="104">
        <v>0</v>
      </c>
      <c r="HB22" s="102">
        <v>15750</v>
      </c>
      <c r="HC22" s="106">
        <v>54250</v>
      </c>
      <c r="HD22" s="100">
        <v>244290</v>
      </c>
      <c r="HE22" s="104">
        <v>241413</v>
      </c>
      <c r="HF22" s="102">
        <v>485703</v>
      </c>
      <c r="HG22" s="101">
        <v>0</v>
      </c>
      <c r="HH22" s="104">
        <v>1302412</v>
      </c>
      <c r="HI22" s="104">
        <v>1379456</v>
      </c>
      <c r="HJ22" s="104">
        <v>1563986</v>
      </c>
      <c r="HK22" s="104">
        <v>2297273</v>
      </c>
      <c r="HL22" s="104">
        <v>1439995</v>
      </c>
      <c r="HM22" s="103">
        <v>7983122</v>
      </c>
      <c r="HN22" s="99">
        <v>8468825</v>
      </c>
      <c r="HO22" s="306"/>
      <c r="HP22" s="307"/>
      <c r="HQ22" s="308"/>
      <c r="HR22" s="309"/>
      <c r="HS22" s="307"/>
      <c r="HT22" s="307"/>
      <c r="HU22" s="307"/>
      <c r="HV22" s="307"/>
      <c r="HW22" s="307"/>
      <c r="HX22" s="310"/>
      <c r="HY22" s="311"/>
      <c r="HZ22" s="137">
        <v>0</v>
      </c>
      <c r="IA22" s="122">
        <v>0</v>
      </c>
      <c r="IB22" s="137">
        <v>0</v>
      </c>
      <c r="IC22" s="121">
        <v>0</v>
      </c>
      <c r="ID22" s="122">
        <v>862669</v>
      </c>
      <c r="IE22" s="123">
        <v>2027025</v>
      </c>
      <c r="IF22" s="124">
        <v>1422674</v>
      </c>
      <c r="IG22" s="122">
        <v>1525662</v>
      </c>
      <c r="IH22" s="124">
        <v>1498088</v>
      </c>
      <c r="II22" s="125">
        <v>7336118</v>
      </c>
      <c r="IJ22" s="137">
        <v>7336118</v>
      </c>
      <c r="IK22" s="219">
        <v>0</v>
      </c>
      <c r="IL22" s="223">
        <v>0</v>
      </c>
      <c r="IM22" s="224">
        <v>0</v>
      </c>
      <c r="IN22" s="127"/>
      <c r="IO22" s="109">
        <v>46547</v>
      </c>
      <c r="IP22" s="109">
        <v>0</v>
      </c>
      <c r="IQ22" s="109">
        <v>0</v>
      </c>
      <c r="IR22" s="109">
        <v>0</v>
      </c>
      <c r="IS22" s="109">
        <v>0</v>
      </c>
      <c r="IT22" s="128">
        <v>46547</v>
      </c>
      <c r="IU22" s="298">
        <v>46547</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545339</v>
      </c>
      <c r="JL22" s="109">
        <v>801364</v>
      </c>
      <c r="JM22" s="109">
        <v>323969</v>
      </c>
      <c r="JN22" s="109">
        <v>169265</v>
      </c>
      <c r="JO22" s="109">
        <v>42458</v>
      </c>
      <c r="JP22" s="110">
        <v>1882395</v>
      </c>
      <c r="JQ22" s="298">
        <v>1882395</v>
      </c>
      <c r="JR22" s="129">
        <v>0</v>
      </c>
      <c r="JS22" s="109">
        <v>0</v>
      </c>
      <c r="JT22" s="128">
        <v>0</v>
      </c>
      <c r="JU22" s="108">
        <v>0</v>
      </c>
      <c r="JV22" s="109">
        <v>67874</v>
      </c>
      <c r="JW22" s="109">
        <v>0</v>
      </c>
      <c r="JX22" s="109">
        <v>24079</v>
      </c>
      <c r="JY22" s="109">
        <v>0</v>
      </c>
      <c r="JZ22" s="109">
        <v>0</v>
      </c>
      <c r="KA22" s="110">
        <v>91953</v>
      </c>
      <c r="KB22" s="298">
        <v>91953</v>
      </c>
      <c r="KC22" s="221">
        <v>0</v>
      </c>
      <c r="KD22" s="217">
        <v>0</v>
      </c>
      <c r="KE22" s="110">
        <v>0</v>
      </c>
      <c r="KF22" s="108">
        <v>0</v>
      </c>
      <c r="KG22" s="109">
        <v>0</v>
      </c>
      <c r="KH22" s="109">
        <v>162111</v>
      </c>
      <c r="KI22" s="109">
        <v>428101</v>
      </c>
      <c r="KJ22" s="109">
        <v>229329</v>
      </c>
      <c r="KK22" s="109">
        <v>91789</v>
      </c>
      <c r="KL22" s="110">
        <v>911330</v>
      </c>
      <c r="KM22" s="130">
        <v>911330</v>
      </c>
      <c r="KN22" s="219">
        <v>0</v>
      </c>
      <c r="KO22" s="223">
        <v>0</v>
      </c>
      <c r="KP22" s="224">
        <v>0</v>
      </c>
      <c r="KQ22" s="127"/>
      <c r="KR22" s="109">
        <v>202909</v>
      </c>
      <c r="KS22" s="109">
        <v>1063550</v>
      </c>
      <c r="KT22" s="109">
        <v>438252</v>
      </c>
      <c r="KU22" s="109">
        <v>675624</v>
      </c>
      <c r="KV22" s="109">
        <v>878517</v>
      </c>
      <c r="KW22" s="110">
        <v>3258852</v>
      </c>
      <c r="KX22" s="298">
        <v>3258852</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208273</v>
      </c>
      <c r="LQ22" s="109">
        <v>451444</v>
      </c>
      <c r="LR22" s="109">
        <v>485324</v>
      </c>
      <c r="LS22" s="110">
        <v>1145041</v>
      </c>
      <c r="LT22" s="298">
        <v>1145041</v>
      </c>
      <c r="LU22" s="129">
        <v>0</v>
      </c>
      <c r="LV22" s="109">
        <v>0</v>
      </c>
      <c r="LW22" s="110">
        <v>0</v>
      </c>
      <c r="LX22" s="132"/>
      <c r="LY22" s="109">
        <v>0</v>
      </c>
      <c r="LZ22" s="109">
        <v>0</v>
      </c>
      <c r="MA22" s="109">
        <v>0</v>
      </c>
      <c r="MB22" s="109">
        <v>0</v>
      </c>
      <c r="MC22" s="109">
        <v>0</v>
      </c>
      <c r="MD22" s="110">
        <v>0</v>
      </c>
      <c r="ME22" s="111">
        <v>0</v>
      </c>
      <c r="MF22" s="129">
        <v>0</v>
      </c>
      <c r="MG22" s="109">
        <v>0</v>
      </c>
      <c r="MH22" s="110">
        <v>0</v>
      </c>
      <c r="MI22" s="132"/>
      <c r="MJ22" s="109">
        <v>189348</v>
      </c>
      <c r="MK22" s="109">
        <v>1303876</v>
      </c>
      <c r="ML22" s="109">
        <v>2635687</v>
      </c>
      <c r="MM22" s="109">
        <v>2874109</v>
      </c>
      <c r="MN22" s="109">
        <v>2520799</v>
      </c>
      <c r="MO22" s="110">
        <v>9523819</v>
      </c>
      <c r="MP22" s="130">
        <v>9523819</v>
      </c>
      <c r="MQ22" s="129">
        <v>0</v>
      </c>
      <c r="MR22" s="109">
        <v>0</v>
      </c>
      <c r="MS22" s="110">
        <v>0</v>
      </c>
      <c r="MT22" s="132"/>
      <c r="MU22" s="109">
        <v>0</v>
      </c>
      <c r="MV22" s="109">
        <v>203410</v>
      </c>
      <c r="MW22" s="109">
        <v>806582</v>
      </c>
      <c r="MX22" s="109">
        <v>1103479</v>
      </c>
      <c r="MY22" s="109">
        <v>1539418</v>
      </c>
      <c r="MZ22" s="110">
        <v>3652889</v>
      </c>
      <c r="NA22" s="130">
        <v>3652889</v>
      </c>
      <c r="NB22" s="129">
        <v>0</v>
      </c>
      <c r="NC22" s="109">
        <v>0</v>
      </c>
      <c r="ND22" s="110">
        <v>0</v>
      </c>
      <c r="NE22" s="132"/>
      <c r="NF22" s="109">
        <v>189348</v>
      </c>
      <c r="NG22" s="109">
        <v>1100466</v>
      </c>
      <c r="NH22" s="109">
        <v>1829105</v>
      </c>
      <c r="NI22" s="109">
        <v>1770630</v>
      </c>
      <c r="NJ22" s="109">
        <v>639596</v>
      </c>
      <c r="NK22" s="110">
        <v>5529145</v>
      </c>
      <c r="NL22" s="298">
        <v>5529145</v>
      </c>
      <c r="NM22" s="129">
        <v>0</v>
      </c>
      <c r="NN22" s="109">
        <v>0</v>
      </c>
      <c r="NO22" s="110">
        <v>0</v>
      </c>
      <c r="NP22" s="132"/>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341785</v>
      </c>
      <c r="OG22" s="110">
        <v>341785</v>
      </c>
      <c r="OH22" s="111">
        <v>341785</v>
      </c>
      <c r="OI22" s="129">
        <v>708694</v>
      </c>
      <c r="OJ22" s="109">
        <v>716837</v>
      </c>
      <c r="OK22" s="128">
        <v>1425531</v>
      </c>
      <c r="OL22" s="108">
        <v>0</v>
      </c>
      <c r="OM22" s="109">
        <v>4375341</v>
      </c>
      <c r="ON22" s="109">
        <v>9572902</v>
      </c>
      <c r="OO22" s="109">
        <v>11054994</v>
      </c>
      <c r="OP22" s="109">
        <v>10877035</v>
      </c>
      <c r="OQ22" s="109">
        <v>8781301</v>
      </c>
      <c r="OR22" s="110">
        <v>44661573</v>
      </c>
      <c r="OS22" s="130">
        <v>46087104</v>
      </c>
    </row>
    <row r="23" spans="2:409" ht="21" customHeight="1" x14ac:dyDescent="0.2">
      <c r="B23" s="472" t="s">
        <v>18</v>
      </c>
      <c r="C23" s="100">
        <v>338633</v>
      </c>
      <c r="D23" s="104">
        <v>733468</v>
      </c>
      <c r="E23" s="103">
        <v>1072101</v>
      </c>
      <c r="F23" s="99">
        <v>0</v>
      </c>
      <c r="G23" s="104">
        <v>5760697</v>
      </c>
      <c r="H23" s="104">
        <v>8232407</v>
      </c>
      <c r="I23" s="104">
        <v>6944358</v>
      </c>
      <c r="J23" s="104">
        <v>8655593</v>
      </c>
      <c r="K23" s="104">
        <v>5825425</v>
      </c>
      <c r="L23" s="99">
        <v>35418480</v>
      </c>
      <c r="M23" s="106">
        <v>36490581</v>
      </c>
      <c r="N23" s="100">
        <v>148081</v>
      </c>
      <c r="O23" s="104">
        <v>190329</v>
      </c>
      <c r="P23" s="103">
        <v>338410</v>
      </c>
      <c r="Q23" s="100">
        <v>0</v>
      </c>
      <c r="R23" s="104">
        <v>1845948</v>
      </c>
      <c r="S23" s="104">
        <v>2377192</v>
      </c>
      <c r="T23" s="104">
        <v>2667235</v>
      </c>
      <c r="U23" s="104">
        <v>3848843</v>
      </c>
      <c r="V23" s="104">
        <v>1657544</v>
      </c>
      <c r="W23" s="103">
        <v>12396762</v>
      </c>
      <c r="X23" s="106">
        <v>12735172</v>
      </c>
      <c r="Y23" s="100">
        <v>0</v>
      </c>
      <c r="Z23" s="104">
        <v>0</v>
      </c>
      <c r="AA23" s="103">
        <v>0</v>
      </c>
      <c r="AB23" s="100">
        <v>0</v>
      </c>
      <c r="AC23" s="104">
        <v>800358</v>
      </c>
      <c r="AD23" s="104">
        <v>893303</v>
      </c>
      <c r="AE23" s="104">
        <v>1053722</v>
      </c>
      <c r="AF23" s="104">
        <v>2705376</v>
      </c>
      <c r="AG23" s="104">
        <v>620351</v>
      </c>
      <c r="AH23" s="103">
        <v>6073110</v>
      </c>
      <c r="AI23" s="106">
        <v>6073110</v>
      </c>
      <c r="AJ23" s="100">
        <v>0</v>
      </c>
      <c r="AK23" s="104">
        <v>0</v>
      </c>
      <c r="AL23" s="103">
        <v>0</v>
      </c>
      <c r="AM23" s="100">
        <v>0</v>
      </c>
      <c r="AN23" s="104">
        <v>0</v>
      </c>
      <c r="AO23" s="104">
        <v>0</v>
      </c>
      <c r="AP23" s="104">
        <v>30266</v>
      </c>
      <c r="AQ23" s="104">
        <v>251336</v>
      </c>
      <c r="AR23" s="104">
        <v>143273</v>
      </c>
      <c r="AS23" s="103">
        <v>424875</v>
      </c>
      <c r="AT23" s="106">
        <v>424875</v>
      </c>
      <c r="AU23" s="100">
        <v>104914</v>
      </c>
      <c r="AV23" s="104">
        <v>122786</v>
      </c>
      <c r="AW23" s="103">
        <v>227700</v>
      </c>
      <c r="AX23" s="100">
        <v>0</v>
      </c>
      <c r="AY23" s="104">
        <v>728917</v>
      </c>
      <c r="AZ23" s="104">
        <v>1043658</v>
      </c>
      <c r="BA23" s="104">
        <v>1033640</v>
      </c>
      <c r="BB23" s="104">
        <v>444089</v>
      </c>
      <c r="BC23" s="104">
        <v>564587</v>
      </c>
      <c r="BD23" s="103">
        <v>3814891</v>
      </c>
      <c r="BE23" s="106">
        <v>4042591</v>
      </c>
      <c r="BF23" s="100">
        <v>28180</v>
      </c>
      <c r="BG23" s="104">
        <v>0</v>
      </c>
      <c r="BH23" s="102">
        <v>28180</v>
      </c>
      <c r="BI23" s="101">
        <v>0</v>
      </c>
      <c r="BJ23" s="104">
        <v>10626</v>
      </c>
      <c r="BK23" s="104">
        <v>70680</v>
      </c>
      <c r="BL23" s="104">
        <v>91226</v>
      </c>
      <c r="BM23" s="104">
        <v>0</v>
      </c>
      <c r="BN23" s="104">
        <v>33933</v>
      </c>
      <c r="BO23" s="103">
        <v>206465</v>
      </c>
      <c r="BP23" s="106">
        <v>234645</v>
      </c>
      <c r="BQ23" s="100">
        <v>14987</v>
      </c>
      <c r="BR23" s="104">
        <v>67543</v>
      </c>
      <c r="BS23" s="103">
        <v>82530</v>
      </c>
      <c r="BT23" s="100">
        <v>0</v>
      </c>
      <c r="BU23" s="104">
        <v>306047</v>
      </c>
      <c r="BV23" s="104">
        <v>369551</v>
      </c>
      <c r="BW23" s="104">
        <v>458381</v>
      </c>
      <c r="BX23" s="104">
        <v>448042</v>
      </c>
      <c r="BY23" s="104">
        <v>295400</v>
      </c>
      <c r="BZ23" s="103">
        <v>1877421</v>
      </c>
      <c r="CA23" s="106">
        <v>1959951</v>
      </c>
      <c r="CB23" s="100">
        <v>111677</v>
      </c>
      <c r="CC23" s="104">
        <v>136019</v>
      </c>
      <c r="CD23" s="103">
        <v>247696</v>
      </c>
      <c r="CE23" s="100">
        <v>0</v>
      </c>
      <c r="CF23" s="104">
        <v>2112516</v>
      </c>
      <c r="CG23" s="104">
        <v>2953457</v>
      </c>
      <c r="CH23" s="104">
        <v>1311196</v>
      </c>
      <c r="CI23" s="104">
        <v>1333490</v>
      </c>
      <c r="CJ23" s="104">
        <v>795481</v>
      </c>
      <c r="CK23" s="103">
        <v>8506140</v>
      </c>
      <c r="CL23" s="106">
        <v>8753836</v>
      </c>
      <c r="CM23" s="100">
        <v>0</v>
      </c>
      <c r="CN23" s="104">
        <v>0</v>
      </c>
      <c r="CO23" s="103">
        <v>0</v>
      </c>
      <c r="CP23" s="101">
        <v>0</v>
      </c>
      <c r="CQ23" s="104">
        <v>1609161</v>
      </c>
      <c r="CR23" s="104">
        <v>2074637</v>
      </c>
      <c r="CS23" s="104">
        <v>1011609</v>
      </c>
      <c r="CT23" s="104">
        <v>1000383</v>
      </c>
      <c r="CU23" s="104">
        <v>590113</v>
      </c>
      <c r="CV23" s="103">
        <v>6285903</v>
      </c>
      <c r="CW23" s="106">
        <v>6285903</v>
      </c>
      <c r="CX23" s="100">
        <v>111677</v>
      </c>
      <c r="CY23" s="104">
        <v>136019</v>
      </c>
      <c r="CZ23" s="103">
        <v>247696</v>
      </c>
      <c r="DA23" s="100">
        <v>0</v>
      </c>
      <c r="DB23" s="104">
        <v>503355</v>
      </c>
      <c r="DC23" s="104">
        <v>878820</v>
      </c>
      <c r="DD23" s="104">
        <v>299587</v>
      </c>
      <c r="DE23" s="104">
        <v>333107</v>
      </c>
      <c r="DF23" s="104">
        <v>205368</v>
      </c>
      <c r="DG23" s="103">
        <v>2220237</v>
      </c>
      <c r="DH23" s="106">
        <v>2467933</v>
      </c>
      <c r="DI23" s="100">
        <v>0</v>
      </c>
      <c r="DJ23" s="104">
        <v>0</v>
      </c>
      <c r="DK23" s="102">
        <v>0</v>
      </c>
      <c r="DL23" s="101">
        <v>0</v>
      </c>
      <c r="DM23" s="104">
        <v>59330</v>
      </c>
      <c r="DN23" s="104">
        <v>374643</v>
      </c>
      <c r="DO23" s="104">
        <v>478216</v>
      </c>
      <c r="DP23" s="104">
        <v>866170</v>
      </c>
      <c r="DQ23" s="104">
        <v>789772</v>
      </c>
      <c r="DR23" s="103">
        <v>2568131</v>
      </c>
      <c r="DS23" s="106">
        <v>2568131</v>
      </c>
      <c r="DT23" s="100">
        <v>0</v>
      </c>
      <c r="DU23" s="104">
        <v>0</v>
      </c>
      <c r="DV23" s="103">
        <v>0</v>
      </c>
      <c r="DW23" s="100">
        <v>0</v>
      </c>
      <c r="DX23" s="104">
        <v>59330</v>
      </c>
      <c r="DY23" s="104">
        <v>347052</v>
      </c>
      <c r="DZ23" s="104">
        <v>418087</v>
      </c>
      <c r="EA23" s="104">
        <v>866170</v>
      </c>
      <c r="EB23" s="104">
        <v>738327</v>
      </c>
      <c r="EC23" s="103">
        <v>2428966</v>
      </c>
      <c r="ED23" s="106">
        <v>2428966</v>
      </c>
      <c r="EE23" s="100">
        <v>0</v>
      </c>
      <c r="EF23" s="102">
        <v>0</v>
      </c>
      <c r="EG23" s="103">
        <v>0</v>
      </c>
      <c r="EH23" s="100">
        <v>0</v>
      </c>
      <c r="EI23" s="104">
        <v>0</v>
      </c>
      <c r="EJ23" s="104">
        <v>27591</v>
      </c>
      <c r="EK23" s="104">
        <v>60129</v>
      </c>
      <c r="EL23" s="104">
        <v>0</v>
      </c>
      <c r="EM23" s="104">
        <v>51445</v>
      </c>
      <c r="EN23" s="102">
        <v>139165</v>
      </c>
      <c r="EO23" s="106">
        <v>139165</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31906</v>
      </c>
      <c r="FM23" s="104">
        <v>171388</v>
      </c>
      <c r="FN23" s="103">
        <v>203294</v>
      </c>
      <c r="FO23" s="100">
        <v>0</v>
      </c>
      <c r="FP23" s="104">
        <v>347879</v>
      </c>
      <c r="FQ23" s="104">
        <v>685125</v>
      </c>
      <c r="FR23" s="104">
        <v>610659</v>
      </c>
      <c r="FS23" s="104">
        <v>503636</v>
      </c>
      <c r="FT23" s="104">
        <v>265188</v>
      </c>
      <c r="FU23" s="103">
        <v>2412487</v>
      </c>
      <c r="FV23" s="106">
        <v>2615781</v>
      </c>
      <c r="FW23" s="105">
        <v>31906</v>
      </c>
      <c r="FX23" s="104">
        <v>115388</v>
      </c>
      <c r="FY23" s="102">
        <v>147294</v>
      </c>
      <c r="FZ23" s="101">
        <v>0</v>
      </c>
      <c r="GA23" s="104">
        <v>277116</v>
      </c>
      <c r="GB23" s="104">
        <v>685125</v>
      </c>
      <c r="GC23" s="104">
        <v>575547</v>
      </c>
      <c r="GD23" s="104">
        <v>486136</v>
      </c>
      <c r="GE23" s="104">
        <v>265188</v>
      </c>
      <c r="GF23" s="103">
        <v>2289112</v>
      </c>
      <c r="GG23" s="296">
        <v>2436406</v>
      </c>
      <c r="GH23" s="105">
        <v>0</v>
      </c>
      <c r="GI23" s="104">
        <v>0</v>
      </c>
      <c r="GJ23" s="102">
        <v>0</v>
      </c>
      <c r="GK23" s="101">
        <v>0</v>
      </c>
      <c r="GL23" s="104">
        <v>20328</v>
      </c>
      <c r="GM23" s="104">
        <v>0</v>
      </c>
      <c r="GN23" s="104">
        <v>35112</v>
      </c>
      <c r="GO23" s="104">
        <v>17500</v>
      </c>
      <c r="GP23" s="104">
        <v>0</v>
      </c>
      <c r="GQ23" s="103">
        <v>72940</v>
      </c>
      <c r="GR23" s="106">
        <v>72940</v>
      </c>
      <c r="GS23" s="100">
        <v>0</v>
      </c>
      <c r="GT23" s="104">
        <v>56000</v>
      </c>
      <c r="GU23" s="103">
        <v>56000</v>
      </c>
      <c r="GV23" s="100">
        <v>0</v>
      </c>
      <c r="GW23" s="104">
        <v>50435</v>
      </c>
      <c r="GX23" s="104">
        <v>0</v>
      </c>
      <c r="GY23" s="104">
        <v>0</v>
      </c>
      <c r="GZ23" s="104">
        <v>0</v>
      </c>
      <c r="HA23" s="104">
        <v>0</v>
      </c>
      <c r="HB23" s="102">
        <v>50435</v>
      </c>
      <c r="HC23" s="106">
        <v>106435</v>
      </c>
      <c r="HD23" s="100">
        <v>46969</v>
      </c>
      <c r="HE23" s="104">
        <v>235732</v>
      </c>
      <c r="HF23" s="102">
        <v>282701</v>
      </c>
      <c r="HG23" s="101">
        <v>0</v>
      </c>
      <c r="HH23" s="104">
        <v>1395024</v>
      </c>
      <c r="HI23" s="104">
        <v>1841990</v>
      </c>
      <c r="HJ23" s="104">
        <v>1877052</v>
      </c>
      <c r="HK23" s="104">
        <v>2103454</v>
      </c>
      <c r="HL23" s="104">
        <v>2317440</v>
      </c>
      <c r="HM23" s="103">
        <v>9534960</v>
      </c>
      <c r="HN23" s="99">
        <v>9817661</v>
      </c>
      <c r="HO23" s="306"/>
      <c r="HP23" s="307"/>
      <c r="HQ23" s="308"/>
      <c r="HR23" s="309"/>
      <c r="HS23" s="307"/>
      <c r="HT23" s="307"/>
      <c r="HU23" s="307"/>
      <c r="HV23" s="307"/>
      <c r="HW23" s="307"/>
      <c r="HX23" s="310"/>
      <c r="HY23" s="311"/>
      <c r="HZ23" s="118">
        <v>0</v>
      </c>
      <c r="IA23" s="119">
        <v>77158</v>
      </c>
      <c r="IB23" s="120">
        <v>77158</v>
      </c>
      <c r="IC23" s="133">
        <v>0</v>
      </c>
      <c r="ID23" s="119">
        <v>1015049</v>
      </c>
      <c r="IE23" s="134">
        <v>1267238</v>
      </c>
      <c r="IF23" s="120">
        <v>1947869</v>
      </c>
      <c r="IG23" s="119">
        <v>1441917</v>
      </c>
      <c r="IH23" s="120">
        <v>1097688</v>
      </c>
      <c r="II23" s="135">
        <v>6769761</v>
      </c>
      <c r="IJ23" s="126">
        <v>6846919</v>
      </c>
      <c r="IK23" s="219">
        <v>0</v>
      </c>
      <c r="IL23" s="223">
        <v>0</v>
      </c>
      <c r="IM23" s="224">
        <v>0</v>
      </c>
      <c r="IN23" s="127"/>
      <c r="IO23" s="109">
        <v>0</v>
      </c>
      <c r="IP23" s="109">
        <v>0</v>
      </c>
      <c r="IQ23" s="109">
        <v>0</v>
      </c>
      <c r="IR23" s="109">
        <v>0</v>
      </c>
      <c r="IS23" s="109">
        <v>0</v>
      </c>
      <c r="IT23" s="128">
        <v>0</v>
      </c>
      <c r="IU23" s="298">
        <v>0</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476523</v>
      </c>
      <c r="JL23" s="109">
        <v>442636</v>
      </c>
      <c r="JM23" s="109">
        <v>475891</v>
      </c>
      <c r="JN23" s="109">
        <v>233676</v>
      </c>
      <c r="JO23" s="109">
        <v>0</v>
      </c>
      <c r="JP23" s="110">
        <v>1628726</v>
      </c>
      <c r="JQ23" s="298">
        <v>1628726</v>
      </c>
      <c r="JR23" s="129">
        <v>0</v>
      </c>
      <c r="JS23" s="109">
        <v>0</v>
      </c>
      <c r="JT23" s="128">
        <v>0</v>
      </c>
      <c r="JU23" s="108">
        <v>0</v>
      </c>
      <c r="JV23" s="109">
        <v>0</v>
      </c>
      <c r="JW23" s="109">
        <v>0</v>
      </c>
      <c r="JX23" s="109">
        <v>245003</v>
      </c>
      <c r="JY23" s="109">
        <v>191345</v>
      </c>
      <c r="JZ23" s="109">
        <v>0</v>
      </c>
      <c r="KA23" s="110">
        <v>436348</v>
      </c>
      <c r="KB23" s="298">
        <v>436348</v>
      </c>
      <c r="KC23" s="221">
        <v>0</v>
      </c>
      <c r="KD23" s="217">
        <v>77158</v>
      </c>
      <c r="KE23" s="110">
        <v>77158</v>
      </c>
      <c r="KF23" s="108">
        <v>0</v>
      </c>
      <c r="KG23" s="109">
        <v>128734</v>
      </c>
      <c r="KH23" s="109">
        <v>0</v>
      </c>
      <c r="KI23" s="109">
        <v>0</v>
      </c>
      <c r="KJ23" s="109">
        <v>0</v>
      </c>
      <c r="KK23" s="109">
        <v>0</v>
      </c>
      <c r="KL23" s="110">
        <v>128734</v>
      </c>
      <c r="KM23" s="130">
        <v>205892</v>
      </c>
      <c r="KN23" s="219">
        <v>0</v>
      </c>
      <c r="KO23" s="223">
        <v>0</v>
      </c>
      <c r="KP23" s="224">
        <v>0</v>
      </c>
      <c r="KQ23" s="127"/>
      <c r="KR23" s="109">
        <v>409792</v>
      </c>
      <c r="KS23" s="109">
        <v>824602</v>
      </c>
      <c r="KT23" s="109">
        <v>973242</v>
      </c>
      <c r="KU23" s="109">
        <v>302241</v>
      </c>
      <c r="KV23" s="109">
        <v>0</v>
      </c>
      <c r="KW23" s="110">
        <v>2509877</v>
      </c>
      <c r="KX23" s="298">
        <v>2509877</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0</v>
      </c>
      <c r="LQ23" s="109">
        <v>241936</v>
      </c>
      <c r="LR23" s="109">
        <v>258738</v>
      </c>
      <c r="LS23" s="110">
        <v>500674</v>
      </c>
      <c r="LT23" s="298">
        <v>500674</v>
      </c>
      <c r="LU23" s="129">
        <v>0</v>
      </c>
      <c r="LV23" s="109">
        <v>0</v>
      </c>
      <c r="LW23" s="110">
        <v>0</v>
      </c>
      <c r="LX23" s="132"/>
      <c r="LY23" s="109">
        <v>0</v>
      </c>
      <c r="LZ23" s="109">
        <v>0</v>
      </c>
      <c r="MA23" s="109">
        <v>253733</v>
      </c>
      <c r="MB23" s="109">
        <v>472719</v>
      </c>
      <c r="MC23" s="109">
        <v>838950</v>
      </c>
      <c r="MD23" s="110">
        <v>1565402</v>
      </c>
      <c r="ME23" s="111">
        <v>1565402</v>
      </c>
      <c r="MF23" s="129">
        <v>0</v>
      </c>
      <c r="MG23" s="109">
        <v>0</v>
      </c>
      <c r="MH23" s="110">
        <v>0</v>
      </c>
      <c r="MI23" s="132"/>
      <c r="MJ23" s="109">
        <v>563466</v>
      </c>
      <c r="MK23" s="109">
        <v>402192</v>
      </c>
      <c r="ML23" s="109">
        <v>2196186</v>
      </c>
      <c r="MM23" s="109">
        <v>4243681</v>
      </c>
      <c r="MN23" s="109">
        <v>2620998</v>
      </c>
      <c r="MO23" s="110">
        <v>10026523</v>
      </c>
      <c r="MP23" s="130">
        <v>10026523</v>
      </c>
      <c r="MQ23" s="129">
        <v>0</v>
      </c>
      <c r="MR23" s="109">
        <v>0</v>
      </c>
      <c r="MS23" s="110">
        <v>0</v>
      </c>
      <c r="MT23" s="132"/>
      <c r="MU23" s="109">
        <v>183044</v>
      </c>
      <c r="MV23" s="109">
        <v>191711</v>
      </c>
      <c r="MW23" s="109">
        <v>1239650</v>
      </c>
      <c r="MX23" s="109">
        <v>2547183</v>
      </c>
      <c r="MY23" s="109">
        <v>1516291</v>
      </c>
      <c r="MZ23" s="110">
        <v>5677879</v>
      </c>
      <c r="NA23" s="130">
        <v>5677879</v>
      </c>
      <c r="NB23" s="129">
        <v>0</v>
      </c>
      <c r="NC23" s="109">
        <v>0</v>
      </c>
      <c r="ND23" s="110">
        <v>0</v>
      </c>
      <c r="NE23" s="132"/>
      <c r="NF23" s="109">
        <v>380422</v>
      </c>
      <c r="NG23" s="109">
        <v>210481</v>
      </c>
      <c r="NH23" s="109">
        <v>956536</v>
      </c>
      <c r="NI23" s="109">
        <v>1696498</v>
      </c>
      <c r="NJ23" s="109">
        <v>841228</v>
      </c>
      <c r="NK23" s="110">
        <v>4085165</v>
      </c>
      <c r="NL23" s="298">
        <v>4085165</v>
      </c>
      <c r="NM23" s="129">
        <v>0</v>
      </c>
      <c r="NN23" s="109">
        <v>0</v>
      </c>
      <c r="NO23" s="110">
        <v>0</v>
      </c>
      <c r="NP23" s="132"/>
      <c r="NQ23" s="109">
        <v>0</v>
      </c>
      <c r="NR23" s="109">
        <v>0</v>
      </c>
      <c r="NS23" s="109">
        <v>0</v>
      </c>
      <c r="NT23" s="109">
        <v>0</v>
      </c>
      <c r="NU23" s="109">
        <v>263479</v>
      </c>
      <c r="NV23" s="110">
        <v>263479</v>
      </c>
      <c r="NW23" s="111">
        <v>263479</v>
      </c>
      <c r="NX23" s="129">
        <v>0</v>
      </c>
      <c r="NY23" s="109">
        <v>0</v>
      </c>
      <c r="NZ23" s="110">
        <v>0</v>
      </c>
      <c r="OA23" s="132"/>
      <c r="OB23" s="109">
        <v>0</v>
      </c>
      <c r="OC23" s="109">
        <v>0</v>
      </c>
      <c r="OD23" s="109">
        <v>0</v>
      </c>
      <c r="OE23" s="109">
        <v>0</v>
      </c>
      <c r="OF23" s="109">
        <v>0</v>
      </c>
      <c r="OG23" s="110">
        <v>0</v>
      </c>
      <c r="OH23" s="111">
        <v>0</v>
      </c>
      <c r="OI23" s="129">
        <v>338633</v>
      </c>
      <c r="OJ23" s="109">
        <v>810626</v>
      </c>
      <c r="OK23" s="128">
        <v>1149259</v>
      </c>
      <c r="OL23" s="108">
        <v>0</v>
      </c>
      <c r="OM23" s="109">
        <v>7339212</v>
      </c>
      <c r="ON23" s="109">
        <v>9901837</v>
      </c>
      <c r="OO23" s="109">
        <v>11088413</v>
      </c>
      <c r="OP23" s="109">
        <v>14341191</v>
      </c>
      <c r="OQ23" s="109">
        <v>9544111</v>
      </c>
      <c r="OR23" s="110">
        <v>52214764</v>
      </c>
      <c r="OS23" s="130">
        <v>53364023</v>
      </c>
    </row>
    <row r="24" spans="2:409" ht="21" customHeight="1" x14ac:dyDescent="0.2">
      <c r="B24" s="472" t="s">
        <v>19</v>
      </c>
      <c r="C24" s="100">
        <v>140983</v>
      </c>
      <c r="D24" s="104">
        <v>445967</v>
      </c>
      <c r="E24" s="103">
        <v>586950</v>
      </c>
      <c r="F24" s="99">
        <v>0</v>
      </c>
      <c r="G24" s="104">
        <v>2919636</v>
      </c>
      <c r="H24" s="104">
        <v>2891897</v>
      </c>
      <c r="I24" s="104">
        <v>2901391</v>
      </c>
      <c r="J24" s="104">
        <v>1621932</v>
      </c>
      <c r="K24" s="104">
        <v>1553076</v>
      </c>
      <c r="L24" s="99">
        <v>11887932</v>
      </c>
      <c r="M24" s="106">
        <v>12474882</v>
      </c>
      <c r="N24" s="100">
        <v>68240</v>
      </c>
      <c r="O24" s="104">
        <v>101365</v>
      </c>
      <c r="P24" s="103">
        <v>169605</v>
      </c>
      <c r="Q24" s="100">
        <v>0</v>
      </c>
      <c r="R24" s="104">
        <v>1047969</v>
      </c>
      <c r="S24" s="104">
        <v>709374</v>
      </c>
      <c r="T24" s="104">
        <v>828294</v>
      </c>
      <c r="U24" s="104">
        <v>527252</v>
      </c>
      <c r="V24" s="104">
        <v>284601</v>
      </c>
      <c r="W24" s="103">
        <v>3397490</v>
      </c>
      <c r="X24" s="106">
        <v>3567095</v>
      </c>
      <c r="Y24" s="100">
        <v>0</v>
      </c>
      <c r="Z24" s="104">
        <v>0</v>
      </c>
      <c r="AA24" s="103">
        <v>0</v>
      </c>
      <c r="AB24" s="100">
        <v>0</v>
      </c>
      <c r="AC24" s="104">
        <v>235777</v>
      </c>
      <c r="AD24" s="104">
        <v>328241</v>
      </c>
      <c r="AE24" s="104">
        <v>441009</v>
      </c>
      <c r="AF24" s="104">
        <v>76523</v>
      </c>
      <c r="AG24" s="104">
        <v>8149</v>
      </c>
      <c r="AH24" s="103">
        <v>1089699</v>
      </c>
      <c r="AI24" s="106">
        <v>1089699</v>
      </c>
      <c r="AJ24" s="100">
        <v>0</v>
      </c>
      <c r="AK24" s="104">
        <v>0</v>
      </c>
      <c r="AL24" s="103">
        <v>0</v>
      </c>
      <c r="AM24" s="100">
        <v>0</v>
      </c>
      <c r="AN24" s="104">
        <v>0</v>
      </c>
      <c r="AO24" s="104">
        <v>0</v>
      </c>
      <c r="AP24" s="104">
        <v>0</v>
      </c>
      <c r="AQ24" s="104">
        <v>19926</v>
      </c>
      <c r="AR24" s="104">
        <v>73683</v>
      </c>
      <c r="AS24" s="103">
        <v>93609</v>
      </c>
      <c r="AT24" s="106">
        <v>93609</v>
      </c>
      <c r="AU24" s="100">
        <v>38154</v>
      </c>
      <c r="AV24" s="104">
        <v>82178</v>
      </c>
      <c r="AW24" s="103">
        <v>120332</v>
      </c>
      <c r="AX24" s="100">
        <v>0</v>
      </c>
      <c r="AY24" s="104">
        <v>641611</v>
      </c>
      <c r="AZ24" s="104">
        <v>238893</v>
      </c>
      <c r="BA24" s="104">
        <v>242273</v>
      </c>
      <c r="BB24" s="104">
        <v>265322</v>
      </c>
      <c r="BC24" s="104">
        <v>113029</v>
      </c>
      <c r="BD24" s="103">
        <v>1501128</v>
      </c>
      <c r="BE24" s="106">
        <v>1621460</v>
      </c>
      <c r="BF24" s="100">
        <v>0</v>
      </c>
      <c r="BG24" s="104">
        <v>0</v>
      </c>
      <c r="BH24" s="102">
        <v>0</v>
      </c>
      <c r="BI24" s="101">
        <v>0</v>
      </c>
      <c r="BJ24" s="104">
        <v>59400</v>
      </c>
      <c r="BK24" s="104">
        <v>0</v>
      </c>
      <c r="BL24" s="104">
        <v>0</v>
      </c>
      <c r="BM24" s="104">
        <v>41476</v>
      </c>
      <c r="BN24" s="104">
        <v>0</v>
      </c>
      <c r="BO24" s="103">
        <v>100876</v>
      </c>
      <c r="BP24" s="106">
        <v>100876</v>
      </c>
      <c r="BQ24" s="100">
        <v>30086</v>
      </c>
      <c r="BR24" s="104">
        <v>19187</v>
      </c>
      <c r="BS24" s="103">
        <v>49273</v>
      </c>
      <c r="BT24" s="100">
        <v>0</v>
      </c>
      <c r="BU24" s="104">
        <v>111181</v>
      </c>
      <c r="BV24" s="104">
        <v>142240</v>
      </c>
      <c r="BW24" s="104">
        <v>145012</v>
      </c>
      <c r="BX24" s="104">
        <v>124005</v>
      </c>
      <c r="BY24" s="104">
        <v>89740</v>
      </c>
      <c r="BZ24" s="103">
        <v>612178</v>
      </c>
      <c r="CA24" s="106">
        <v>661451</v>
      </c>
      <c r="CB24" s="100">
        <v>0</v>
      </c>
      <c r="CC24" s="104">
        <v>104488</v>
      </c>
      <c r="CD24" s="103">
        <v>104488</v>
      </c>
      <c r="CE24" s="100">
        <v>0</v>
      </c>
      <c r="CF24" s="104">
        <v>921799</v>
      </c>
      <c r="CG24" s="104">
        <v>888062</v>
      </c>
      <c r="CH24" s="104">
        <v>718219</v>
      </c>
      <c r="CI24" s="104">
        <v>279029</v>
      </c>
      <c r="CJ24" s="104">
        <v>550754</v>
      </c>
      <c r="CK24" s="103">
        <v>3357863</v>
      </c>
      <c r="CL24" s="106">
        <v>3462351</v>
      </c>
      <c r="CM24" s="100">
        <v>0</v>
      </c>
      <c r="CN24" s="104">
        <v>0</v>
      </c>
      <c r="CO24" s="103">
        <v>0</v>
      </c>
      <c r="CP24" s="101">
        <v>0</v>
      </c>
      <c r="CQ24" s="104">
        <v>572469</v>
      </c>
      <c r="CR24" s="104">
        <v>603147</v>
      </c>
      <c r="CS24" s="104">
        <v>354669</v>
      </c>
      <c r="CT24" s="104">
        <v>27489</v>
      </c>
      <c r="CU24" s="104">
        <v>417145</v>
      </c>
      <c r="CV24" s="103">
        <v>1974919</v>
      </c>
      <c r="CW24" s="106">
        <v>1974919</v>
      </c>
      <c r="CX24" s="100">
        <v>0</v>
      </c>
      <c r="CY24" s="104">
        <v>104488</v>
      </c>
      <c r="CZ24" s="103">
        <v>104488</v>
      </c>
      <c r="DA24" s="100">
        <v>0</v>
      </c>
      <c r="DB24" s="104">
        <v>349330</v>
      </c>
      <c r="DC24" s="104">
        <v>284915</v>
      </c>
      <c r="DD24" s="104">
        <v>363550</v>
      </c>
      <c r="DE24" s="104">
        <v>251540</v>
      </c>
      <c r="DF24" s="104">
        <v>133609</v>
      </c>
      <c r="DG24" s="103">
        <v>1382944</v>
      </c>
      <c r="DH24" s="106">
        <v>1487432</v>
      </c>
      <c r="DI24" s="100">
        <v>0</v>
      </c>
      <c r="DJ24" s="104">
        <v>16262</v>
      </c>
      <c r="DK24" s="102">
        <v>16262</v>
      </c>
      <c r="DL24" s="101">
        <v>0</v>
      </c>
      <c r="DM24" s="104">
        <v>26758</v>
      </c>
      <c r="DN24" s="104">
        <v>33604</v>
      </c>
      <c r="DO24" s="104">
        <v>349859</v>
      </c>
      <c r="DP24" s="104">
        <v>73237</v>
      </c>
      <c r="DQ24" s="104">
        <v>0</v>
      </c>
      <c r="DR24" s="103">
        <v>483458</v>
      </c>
      <c r="DS24" s="106">
        <v>499720</v>
      </c>
      <c r="DT24" s="100">
        <v>0</v>
      </c>
      <c r="DU24" s="104">
        <v>16262</v>
      </c>
      <c r="DV24" s="103">
        <v>16262</v>
      </c>
      <c r="DW24" s="100">
        <v>0</v>
      </c>
      <c r="DX24" s="104">
        <v>26758</v>
      </c>
      <c r="DY24" s="104">
        <v>14688</v>
      </c>
      <c r="DZ24" s="104">
        <v>249249</v>
      </c>
      <c r="EA24" s="104">
        <v>0</v>
      </c>
      <c r="EB24" s="104">
        <v>0</v>
      </c>
      <c r="EC24" s="103">
        <v>290695</v>
      </c>
      <c r="ED24" s="106">
        <v>306957</v>
      </c>
      <c r="EE24" s="100">
        <v>0</v>
      </c>
      <c r="EF24" s="102">
        <v>0</v>
      </c>
      <c r="EG24" s="103">
        <v>0</v>
      </c>
      <c r="EH24" s="100">
        <v>0</v>
      </c>
      <c r="EI24" s="104">
        <v>0</v>
      </c>
      <c r="EJ24" s="104">
        <v>18916</v>
      </c>
      <c r="EK24" s="104">
        <v>100610</v>
      </c>
      <c r="EL24" s="104">
        <v>73237</v>
      </c>
      <c r="EM24" s="104">
        <v>0</v>
      </c>
      <c r="EN24" s="102">
        <v>192763</v>
      </c>
      <c r="EO24" s="106">
        <v>192763</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26845</v>
      </c>
      <c r="FM24" s="104">
        <v>65345</v>
      </c>
      <c r="FN24" s="103">
        <v>92190</v>
      </c>
      <c r="FO24" s="100">
        <v>0</v>
      </c>
      <c r="FP24" s="104">
        <v>199668</v>
      </c>
      <c r="FQ24" s="104">
        <v>209762</v>
      </c>
      <c r="FR24" s="104">
        <v>288764</v>
      </c>
      <c r="FS24" s="104">
        <v>181531</v>
      </c>
      <c r="FT24" s="104">
        <v>107086</v>
      </c>
      <c r="FU24" s="103">
        <v>986811</v>
      </c>
      <c r="FV24" s="106">
        <v>1079001</v>
      </c>
      <c r="FW24" s="105">
        <v>26845</v>
      </c>
      <c r="FX24" s="104">
        <v>41090</v>
      </c>
      <c r="FY24" s="102">
        <v>67935</v>
      </c>
      <c r="FZ24" s="101">
        <v>0</v>
      </c>
      <c r="GA24" s="104">
        <v>139468</v>
      </c>
      <c r="GB24" s="104">
        <v>209762</v>
      </c>
      <c r="GC24" s="104">
        <v>288764</v>
      </c>
      <c r="GD24" s="104">
        <v>181531</v>
      </c>
      <c r="GE24" s="104">
        <v>107086</v>
      </c>
      <c r="GF24" s="103">
        <v>926611</v>
      </c>
      <c r="GG24" s="296">
        <v>994546</v>
      </c>
      <c r="GH24" s="105">
        <v>0</v>
      </c>
      <c r="GI24" s="104">
        <v>24255</v>
      </c>
      <c r="GJ24" s="102">
        <v>24255</v>
      </c>
      <c r="GK24" s="101">
        <v>0</v>
      </c>
      <c r="GL24" s="104">
        <v>0</v>
      </c>
      <c r="GM24" s="104">
        <v>0</v>
      </c>
      <c r="GN24" s="104">
        <v>0</v>
      </c>
      <c r="GO24" s="104">
        <v>0</v>
      </c>
      <c r="GP24" s="104">
        <v>0</v>
      </c>
      <c r="GQ24" s="103">
        <v>0</v>
      </c>
      <c r="GR24" s="106">
        <v>24255</v>
      </c>
      <c r="GS24" s="100">
        <v>0</v>
      </c>
      <c r="GT24" s="104">
        <v>0</v>
      </c>
      <c r="GU24" s="103">
        <v>0</v>
      </c>
      <c r="GV24" s="100">
        <v>0</v>
      </c>
      <c r="GW24" s="104">
        <v>60200</v>
      </c>
      <c r="GX24" s="104">
        <v>0</v>
      </c>
      <c r="GY24" s="104">
        <v>0</v>
      </c>
      <c r="GZ24" s="104">
        <v>0</v>
      </c>
      <c r="HA24" s="104">
        <v>0</v>
      </c>
      <c r="HB24" s="102">
        <v>60200</v>
      </c>
      <c r="HC24" s="106">
        <v>60200</v>
      </c>
      <c r="HD24" s="100">
        <v>45898</v>
      </c>
      <c r="HE24" s="104">
        <v>158507</v>
      </c>
      <c r="HF24" s="102">
        <v>204405</v>
      </c>
      <c r="HG24" s="101">
        <v>0</v>
      </c>
      <c r="HH24" s="104">
        <v>723442</v>
      </c>
      <c r="HI24" s="104">
        <v>1051095</v>
      </c>
      <c r="HJ24" s="104">
        <v>716255</v>
      </c>
      <c r="HK24" s="104">
        <v>560883</v>
      </c>
      <c r="HL24" s="104">
        <v>610635</v>
      </c>
      <c r="HM24" s="103">
        <v>3662310</v>
      </c>
      <c r="HN24" s="99">
        <v>3866715</v>
      </c>
      <c r="HO24" s="306"/>
      <c r="HP24" s="307"/>
      <c r="HQ24" s="308"/>
      <c r="HR24" s="309"/>
      <c r="HS24" s="307"/>
      <c r="HT24" s="307"/>
      <c r="HU24" s="307"/>
      <c r="HV24" s="307"/>
      <c r="HW24" s="307"/>
      <c r="HX24" s="310"/>
      <c r="HY24" s="311"/>
      <c r="HZ24" s="137">
        <v>0</v>
      </c>
      <c r="IA24" s="122">
        <v>0</v>
      </c>
      <c r="IB24" s="137">
        <v>0</v>
      </c>
      <c r="IC24" s="121">
        <v>0</v>
      </c>
      <c r="ID24" s="122">
        <v>296444</v>
      </c>
      <c r="IE24" s="123">
        <v>648565</v>
      </c>
      <c r="IF24" s="124">
        <v>1349046</v>
      </c>
      <c r="IG24" s="122">
        <v>514447</v>
      </c>
      <c r="IH24" s="124">
        <v>699735</v>
      </c>
      <c r="II24" s="125">
        <v>3508237</v>
      </c>
      <c r="IJ24" s="137">
        <v>3508237</v>
      </c>
      <c r="IK24" s="219">
        <v>0</v>
      </c>
      <c r="IL24" s="223">
        <v>0</v>
      </c>
      <c r="IM24" s="224">
        <v>0</v>
      </c>
      <c r="IN24" s="127"/>
      <c r="IO24" s="109">
        <v>0</v>
      </c>
      <c r="IP24" s="109">
        <v>181728</v>
      </c>
      <c r="IQ24" s="109">
        <v>0</v>
      </c>
      <c r="IR24" s="109">
        <v>176179</v>
      </c>
      <c r="IS24" s="109">
        <v>208109</v>
      </c>
      <c r="IT24" s="128">
        <v>566016</v>
      </c>
      <c r="IU24" s="298">
        <v>566016</v>
      </c>
      <c r="IV24" s="129">
        <v>0</v>
      </c>
      <c r="IW24" s="109">
        <v>0</v>
      </c>
      <c r="IX24" s="110">
        <v>0</v>
      </c>
      <c r="IY24" s="131"/>
      <c r="IZ24" s="109">
        <v>0</v>
      </c>
      <c r="JA24" s="109">
        <v>0</v>
      </c>
      <c r="JB24" s="109">
        <v>0</v>
      </c>
      <c r="JC24" s="109">
        <v>8913</v>
      </c>
      <c r="JD24" s="109">
        <v>0</v>
      </c>
      <c r="JE24" s="110">
        <v>8913</v>
      </c>
      <c r="JF24" s="111">
        <v>8913</v>
      </c>
      <c r="JG24" s="129">
        <v>0</v>
      </c>
      <c r="JH24" s="109">
        <v>0</v>
      </c>
      <c r="JI24" s="128">
        <v>0</v>
      </c>
      <c r="JJ24" s="108">
        <v>0</v>
      </c>
      <c r="JK24" s="109">
        <v>261418</v>
      </c>
      <c r="JL24" s="109">
        <v>369762</v>
      </c>
      <c r="JM24" s="109">
        <v>90670</v>
      </c>
      <c r="JN24" s="109">
        <v>256835</v>
      </c>
      <c r="JO24" s="109">
        <v>0</v>
      </c>
      <c r="JP24" s="110">
        <v>978685</v>
      </c>
      <c r="JQ24" s="298">
        <v>978685</v>
      </c>
      <c r="JR24" s="129">
        <v>0</v>
      </c>
      <c r="JS24" s="109">
        <v>0</v>
      </c>
      <c r="JT24" s="128">
        <v>0</v>
      </c>
      <c r="JU24" s="108">
        <v>0</v>
      </c>
      <c r="JV24" s="109">
        <v>35026</v>
      </c>
      <c r="JW24" s="109">
        <v>97075</v>
      </c>
      <c r="JX24" s="109">
        <v>0</v>
      </c>
      <c r="JY24" s="109">
        <v>0</v>
      </c>
      <c r="JZ24" s="109">
        <v>0</v>
      </c>
      <c r="KA24" s="110">
        <v>132101</v>
      </c>
      <c r="KB24" s="298">
        <v>132101</v>
      </c>
      <c r="KC24" s="221">
        <v>0</v>
      </c>
      <c r="KD24" s="217">
        <v>0</v>
      </c>
      <c r="KE24" s="110">
        <v>0</v>
      </c>
      <c r="KF24" s="108">
        <v>0</v>
      </c>
      <c r="KG24" s="109">
        <v>0</v>
      </c>
      <c r="KH24" s="109">
        <v>0</v>
      </c>
      <c r="KI24" s="109">
        <v>625529</v>
      </c>
      <c r="KJ24" s="109">
        <v>0</v>
      </c>
      <c r="KK24" s="109">
        <v>0</v>
      </c>
      <c r="KL24" s="110">
        <v>625529</v>
      </c>
      <c r="KM24" s="130">
        <v>625529</v>
      </c>
      <c r="KN24" s="219">
        <v>0</v>
      </c>
      <c r="KO24" s="223">
        <v>0</v>
      </c>
      <c r="KP24" s="224">
        <v>0</v>
      </c>
      <c r="KQ24" s="127"/>
      <c r="KR24" s="109">
        <v>0</v>
      </c>
      <c r="KS24" s="109">
        <v>0</v>
      </c>
      <c r="KT24" s="109">
        <v>216150</v>
      </c>
      <c r="KU24" s="109">
        <v>0</v>
      </c>
      <c r="KV24" s="109">
        <v>219734</v>
      </c>
      <c r="KW24" s="110">
        <v>435884</v>
      </c>
      <c r="KX24" s="298">
        <v>435884</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0</v>
      </c>
      <c r="LZ24" s="109">
        <v>0</v>
      </c>
      <c r="MA24" s="109">
        <v>416697</v>
      </c>
      <c r="MB24" s="109">
        <v>72520</v>
      </c>
      <c r="MC24" s="109">
        <v>271892</v>
      </c>
      <c r="MD24" s="110">
        <v>761109</v>
      </c>
      <c r="ME24" s="111">
        <v>761109</v>
      </c>
      <c r="MF24" s="129">
        <v>0</v>
      </c>
      <c r="MG24" s="109">
        <v>0</v>
      </c>
      <c r="MH24" s="110">
        <v>0</v>
      </c>
      <c r="MI24" s="132"/>
      <c r="MJ24" s="109">
        <v>0</v>
      </c>
      <c r="MK24" s="109">
        <v>675681</v>
      </c>
      <c r="ML24" s="109">
        <v>865055</v>
      </c>
      <c r="MM24" s="109">
        <v>898353</v>
      </c>
      <c r="MN24" s="109">
        <v>1629913</v>
      </c>
      <c r="MO24" s="110">
        <v>4069002</v>
      </c>
      <c r="MP24" s="130">
        <v>4069002</v>
      </c>
      <c r="MQ24" s="129">
        <v>0</v>
      </c>
      <c r="MR24" s="109">
        <v>0</v>
      </c>
      <c r="MS24" s="110">
        <v>0</v>
      </c>
      <c r="MT24" s="132"/>
      <c r="MU24" s="109">
        <v>0</v>
      </c>
      <c r="MV24" s="109">
        <v>0</v>
      </c>
      <c r="MW24" s="109">
        <v>395104</v>
      </c>
      <c r="MX24" s="109">
        <v>428731</v>
      </c>
      <c r="MY24" s="109">
        <v>723035</v>
      </c>
      <c r="MZ24" s="110">
        <v>1546870</v>
      </c>
      <c r="NA24" s="130">
        <v>1546870</v>
      </c>
      <c r="NB24" s="129">
        <v>0</v>
      </c>
      <c r="NC24" s="109">
        <v>0</v>
      </c>
      <c r="ND24" s="110">
        <v>0</v>
      </c>
      <c r="NE24" s="132"/>
      <c r="NF24" s="109">
        <v>0</v>
      </c>
      <c r="NG24" s="109">
        <v>675681</v>
      </c>
      <c r="NH24" s="109">
        <v>469951</v>
      </c>
      <c r="NI24" s="109">
        <v>469622</v>
      </c>
      <c r="NJ24" s="109">
        <v>565259</v>
      </c>
      <c r="NK24" s="110">
        <v>2180513</v>
      </c>
      <c r="NL24" s="298">
        <v>2180513</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341619</v>
      </c>
      <c r="OG24" s="110">
        <v>341619</v>
      </c>
      <c r="OH24" s="111">
        <v>341619</v>
      </c>
      <c r="OI24" s="129">
        <v>140983</v>
      </c>
      <c r="OJ24" s="109">
        <v>445967</v>
      </c>
      <c r="OK24" s="128">
        <v>586950</v>
      </c>
      <c r="OL24" s="108">
        <v>0</v>
      </c>
      <c r="OM24" s="109">
        <v>3216080</v>
      </c>
      <c r="ON24" s="109">
        <v>4216143</v>
      </c>
      <c r="OO24" s="109">
        <v>5115492</v>
      </c>
      <c r="OP24" s="109">
        <v>3034732</v>
      </c>
      <c r="OQ24" s="109">
        <v>3882724</v>
      </c>
      <c r="OR24" s="110">
        <v>19465171</v>
      </c>
      <c r="OS24" s="130">
        <v>20052121</v>
      </c>
    </row>
    <row r="25" spans="2:409" ht="21" customHeight="1" x14ac:dyDescent="0.2">
      <c r="B25" s="472" t="s">
        <v>20</v>
      </c>
      <c r="C25" s="100">
        <v>227981</v>
      </c>
      <c r="D25" s="104">
        <v>647465</v>
      </c>
      <c r="E25" s="103">
        <v>875446</v>
      </c>
      <c r="F25" s="100">
        <v>0</v>
      </c>
      <c r="G25" s="104">
        <v>2803275</v>
      </c>
      <c r="H25" s="104">
        <v>4231736</v>
      </c>
      <c r="I25" s="104">
        <v>3374724</v>
      </c>
      <c r="J25" s="104">
        <v>3054793</v>
      </c>
      <c r="K25" s="104">
        <v>1688435</v>
      </c>
      <c r="L25" s="160">
        <v>15152963</v>
      </c>
      <c r="M25" s="106">
        <v>16028409</v>
      </c>
      <c r="N25" s="100">
        <v>57526</v>
      </c>
      <c r="O25" s="104">
        <v>158105</v>
      </c>
      <c r="P25" s="103">
        <v>215631</v>
      </c>
      <c r="Q25" s="100">
        <v>0</v>
      </c>
      <c r="R25" s="104">
        <v>1073017</v>
      </c>
      <c r="S25" s="104">
        <v>1448555</v>
      </c>
      <c r="T25" s="104">
        <v>848823</v>
      </c>
      <c r="U25" s="104">
        <v>1164584</v>
      </c>
      <c r="V25" s="104">
        <v>677026</v>
      </c>
      <c r="W25" s="103">
        <v>5212005</v>
      </c>
      <c r="X25" s="106">
        <v>5427636</v>
      </c>
      <c r="Y25" s="100">
        <v>0</v>
      </c>
      <c r="Z25" s="104">
        <v>0</v>
      </c>
      <c r="AA25" s="103">
        <v>0</v>
      </c>
      <c r="AB25" s="100">
        <v>0</v>
      </c>
      <c r="AC25" s="104">
        <v>265425</v>
      </c>
      <c r="AD25" s="104">
        <v>725910</v>
      </c>
      <c r="AE25" s="104">
        <v>428419</v>
      </c>
      <c r="AF25" s="104">
        <v>549823</v>
      </c>
      <c r="AG25" s="104">
        <v>376642</v>
      </c>
      <c r="AH25" s="103">
        <v>2346219</v>
      </c>
      <c r="AI25" s="106">
        <v>2346219</v>
      </c>
      <c r="AJ25" s="100">
        <v>0</v>
      </c>
      <c r="AK25" s="104">
        <v>0</v>
      </c>
      <c r="AL25" s="103">
        <v>0</v>
      </c>
      <c r="AM25" s="100">
        <v>0</v>
      </c>
      <c r="AN25" s="104">
        <v>41452</v>
      </c>
      <c r="AO25" s="104">
        <v>0</v>
      </c>
      <c r="AP25" s="104">
        <v>0</v>
      </c>
      <c r="AQ25" s="104">
        <v>195767</v>
      </c>
      <c r="AR25" s="104">
        <v>131149</v>
      </c>
      <c r="AS25" s="103">
        <v>368368</v>
      </c>
      <c r="AT25" s="106">
        <v>368368</v>
      </c>
      <c r="AU25" s="100">
        <v>25312</v>
      </c>
      <c r="AV25" s="104">
        <v>83715</v>
      </c>
      <c r="AW25" s="103">
        <v>109027</v>
      </c>
      <c r="AX25" s="100">
        <v>0</v>
      </c>
      <c r="AY25" s="104">
        <v>535043</v>
      </c>
      <c r="AZ25" s="104">
        <v>434226</v>
      </c>
      <c r="BA25" s="104">
        <v>193596</v>
      </c>
      <c r="BB25" s="104">
        <v>200593</v>
      </c>
      <c r="BC25" s="104">
        <v>51332</v>
      </c>
      <c r="BD25" s="103">
        <v>1414790</v>
      </c>
      <c r="BE25" s="106">
        <v>1523817</v>
      </c>
      <c r="BF25" s="100">
        <v>0</v>
      </c>
      <c r="BG25" s="104">
        <v>72304</v>
      </c>
      <c r="BH25" s="102">
        <v>72304</v>
      </c>
      <c r="BI25" s="101">
        <v>0</v>
      </c>
      <c r="BJ25" s="104">
        <v>103725</v>
      </c>
      <c r="BK25" s="104">
        <v>134573</v>
      </c>
      <c r="BL25" s="104">
        <v>116852</v>
      </c>
      <c r="BM25" s="104">
        <v>75244</v>
      </c>
      <c r="BN25" s="104">
        <v>16207</v>
      </c>
      <c r="BO25" s="103">
        <v>446601</v>
      </c>
      <c r="BP25" s="106">
        <v>518905</v>
      </c>
      <c r="BQ25" s="100">
        <v>32214</v>
      </c>
      <c r="BR25" s="104">
        <v>2086</v>
      </c>
      <c r="BS25" s="103">
        <v>34300</v>
      </c>
      <c r="BT25" s="100">
        <v>0</v>
      </c>
      <c r="BU25" s="104">
        <v>127372</v>
      </c>
      <c r="BV25" s="104">
        <v>153846</v>
      </c>
      <c r="BW25" s="104">
        <v>109956</v>
      </c>
      <c r="BX25" s="104">
        <v>143157</v>
      </c>
      <c r="BY25" s="104">
        <v>101696</v>
      </c>
      <c r="BZ25" s="103">
        <v>636027</v>
      </c>
      <c r="CA25" s="106">
        <v>670327</v>
      </c>
      <c r="CB25" s="100">
        <v>38354</v>
      </c>
      <c r="CC25" s="104">
        <v>103800</v>
      </c>
      <c r="CD25" s="103">
        <v>142154</v>
      </c>
      <c r="CE25" s="100">
        <v>0</v>
      </c>
      <c r="CF25" s="104">
        <v>649684</v>
      </c>
      <c r="CG25" s="104">
        <v>1347397</v>
      </c>
      <c r="CH25" s="104">
        <v>1203207</v>
      </c>
      <c r="CI25" s="104">
        <v>578038</v>
      </c>
      <c r="CJ25" s="104">
        <v>390256</v>
      </c>
      <c r="CK25" s="103">
        <v>4168582</v>
      </c>
      <c r="CL25" s="106">
        <v>4310736</v>
      </c>
      <c r="CM25" s="100">
        <v>0</v>
      </c>
      <c r="CN25" s="104">
        <v>0</v>
      </c>
      <c r="CO25" s="103">
        <v>0</v>
      </c>
      <c r="CP25" s="101">
        <v>0</v>
      </c>
      <c r="CQ25" s="104">
        <v>578708</v>
      </c>
      <c r="CR25" s="104">
        <v>752356</v>
      </c>
      <c r="CS25" s="104">
        <v>857645</v>
      </c>
      <c r="CT25" s="104">
        <v>446820</v>
      </c>
      <c r="CU25" s="104">
        <v>221722</v>
      </c>
      <c r="CV25" s="103">
        <v>2857251</v>
      </c>
      <c r="CW25" s="106">
        <v>2857251</v>
      </c>
      <c r="CX25" s="100">
        <v>38354</v>
      </c>
      <c r="CY25" s="104">
        <v>103800</v>
      </c>
      <c r="CZ25" s="103">
        <v>142154</v>
      </c>
      <c r="DA25" s="100">
        <v>0</v>
      </c>
      <c r="DB25" s="104">
        <v>70976</v>
      </c>
      <c r="DC25" s="104">
        <v>595041</v>
      </c>
      <c r="DD25" s="104">
        <v>345562</v>
      </c>
      <c r="DE25" s="104">
        <v>131218</v>
      </c>
      <c r="DF25" s="104">
        <v>168534</v>
      </c>
      <c r="DG25" s="103">
        <v>1311331</v>
      </c>
      <c r="DH25" s="106">
        <v>1453485</v>
      </c>
      <c r="DI25" s="100">
        <v>0</v>
      </c>
      <c r="DJ25" s="104">
        <v>0</v>
      </c>
      <c r="DK25" s="102">
        <v>0</v>
      </c>
      <c r="DL25" s="101">
        <v>0</v>
      </c>
      <c r="DM25" s="104">
        <v>338637</v>
      </c>
      <c r="DN25" s="104">
        <v>197155</v>
      </c>
      <c r="DO25" s="104">
        <v>335795</v>
      </c>
      <c r="DP25" s="104">
        <v>414226</v>
      </c>
      <c r="DQ25" s="104">
        <v>80910</v>
      </c>
      <c r="DR25" s="103">
        <v>1366723</v>
      </c>
      <c r="DS25" s="106">
        <v>1366723</v>
      </c>
      <c r="DT25" s="100">
        <v>0</v>
      </c>
      <c r="DU25" s="104">
        <v>0</v>
      </c>
      <c r="DV25" s="103">
        <v>0</v>
      </c>
      <c r="DW25" s="100">
        <v>0</v>
      </c>
      <c r="DX25" s="104">
        <v>338637</v>
      </c>
      <c r="DY25" s="104">
        <v>165032</v>
      </c>
      <c r="DZ25" s="104">
        <v>335795</v>
      </c>
      <c r="EA25" s="104">
        <v>414226</v>
      </c>
      <c r="EB25" s="104">
        <v>80910</v>
      </c>
      <c r="EC25" s="103">
        <v>1334600</v>
      </c>
      <c r="ED25" s="106">
        <v>1334600</v>
      </c>
      <c r="EE25" s="100">
        <v>0</v>
      </c>
      <c r="EF25" s="102">
        <v>0</v>
      </c>
      <c r="EG25" s="103">
        <v>0</v>
      </c>
      <c r="EH25" s="100">
        <v>0</v>
      </c>
      <c r="EI25" s="104">
        <v>0</v>
      </c>
      <c r="EJ25" s="104">
        <v>32123</v>
      </c>
      <c r="EK25" s="104">
        <v>0</v>
      </c>
      <c r="EL25" s="104">
        <v>0</v>
      </c>
      <c r="EM25" s="104">
        <v>0</v>
      </c>
      <c r="EN25" s="102">
        <v>32123</v>
      </c>
      <c r="EO25" s="106">
        <v>32123</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32921</v>
      </c>
      <c r="FM25" s="104">
        <v>309106</v>
      </c>
      <c r="FN25" s="103">
        <v>342027</v>
      </c>
      <c r="FO25" s="100">
        <v>0</v>
      </c>
      <c r="FP25" s="104">
        <v>196035</v>
      </c>
      <c r="FQ25" s="104">
        <v>308966</v>
      </c>
      <c r="FR25" s="104">
        <v>306180</v>
      </c>
      <c r="FS25" s="104">
        <v>211239</v>
      </c>
      <c r="FT25" s="104">
        <v>133686</v>
      </c>
      <c r="FU25" s="103">
        <v>1156106</v>
      </c>
      <c r="FV25" s="106">
        <v>1498133</v>
      </c>
      <c r="FW25" s="105">
        <v>32921</v>
      </c>
      <c r="FX25" s="104">
        <v>156506</v>
      </c>
      <c r="FY25" s="102">
        <v>189427</v>
      </c>
      <c r="FZ25" s="101">
        <v>0</v>
      </c>
      <c r="GA25" s="104">
        <v>179865</v>
      </c>
      <c r="GB25" s="104">
        <v>308966</v>
      </c>
      <c r="GC25" s="104">
        <v>285180</v>
      </c>
      <c r="GD25" s="104">
        <v>211239</v>
      </c>
      <c r="GE25" s="104">
        <v>133686</v>
      </c>
      <c r="GF25" s="103">
        <v>1118936</v>
      </c>
      <c r="GG25" s="296">
        <v>1308363</v>
      </c>
      <c r="GH25" s="105">
        <v>0</v>
      </c>
      <c r="GI25" s="104">
        <v>12600</v>
      </c>
      <c r="GJ25" s="102">
        <v>12600</v>
      </c>
      <c r="GK25" s="101">
        <v>0</v>
      </c>
      <c r="GL25" s="104">
        <v>16170</v>
      </c>
      <c r="GM25" s="104">
        <v>0</v>
      </c>
      <c r="GN25" s="104">
        <v>21000</v>
      </c>
      <c r="GO25" s="104">
        <v>0</v>
      </c>
      <c r="GP25" s="104">
        <v>0</v>
      </c>
      <c r="GQ25" s="103">
        <v>37170</v>
      </c>
      <c r="GR25" s="106">
        <v>49770</v>
      </c>
      <c r="GS25" s="100">
        <v>0</v>
      </c>
      <c r="GT25" s="104">
        <v>140000</v>
      </c>
      <c r="GU25" s="103">
        <v>140000</v>
      </c>
      <c r="GV25" s="100">
        <v>0</v>
      </c>
      <c r="GW25" s="104">
        <v>0</v>
      </c>
      <c r="GX25" s="104">
        <v>0</v>
      </c>
      <c r="GY25" s="104">
        <v>0</v>
      </c>
      <c r="GZ25" s="104">
        <v>0</v>
      </c>
      <c r="HA25" s="104">
        <v>0</v>
      </c>
      <c r="HB25" s="102">
        <v>0</v>
      </c>
      <c r="HC25" s="106">
        <v>140000</v>
      </c>
      <c r="HD25" s="100">
        <v>99180</v>
      </c>
      <c r="HE25" s="104">
        <v>76454</v>
      </c>
      <c r="HF25" s="102">
        <v>175634</v>
      </c>
      <c r="HG25" s="101">
        <v>0</v>
      </c>
      <c r="HH25" s="104">
        <v>545902</v>
      </c>
      <c r="HI25" s="104">
        <v>929663</v>
      </c>
      <c r="HJ25" s="104">
        <v>680719</v>
      </c>
      <c r="HK25" s="104">
        <v>686706</v>
      </c>
      <c r="HL25" s="104">
        <v>406557</v>
      </c>
      <c r="HM25" s="103">
        <v>3249547</v>
      </c>
      <c r="HN25" s="99">
        <v>3425181</v>
      </c>
      <c r="HO25" s="306"/>
      <c r="HP25" s="307"/>
      <c r="HQ25" s="308"/>
      <c r="HR25" s="309"/>
      <c r="HS25" s="307"/>
      <c r="HT25" s="307"/>
      <c r="HU25" s="307"/>
      <c r="HV25" s="307"/>
      <c r="HW25" s="307"/>
      <c r="HX25" s="310"/>
      <c r="HY25" s="311"/>
      <c r="HZ25" s="118">
        <v>0</v>
      </c>
      <c r="IA25" s="119">
        <v>130270</v>
      </c>
      <c r="IB25" s="120">
        <v>130270</v>
      </c>
      <c r="IC25" s="133">
        <v>0</v>
      </c>
      <c r="ID25" s="119">
        <v>803007</v>
      </c>
      <c r="IE25" s="134">
        <v>839721</v>
      </c>
      <c r="IF25" s="120">
        <v>713545</v>
      </c>
      <c r="IG25" s="119">
        <v>0</v>
      </c>
      <c r="IH25" s="120">
        <v>234738</v>
      </c>
      <c r="II25" s="135">
        <v>2591011</v>
      </c>
      <c r="IJ25" s="126">
        <v>2721281</v>
      </c>
      <c r="IK25" s="219">
        <v>0</v>
      </c>
      <c r="IL25" s="223">
        <v>0</v>
      </c>
      <c r="IM25" s="224">
        <v>0</v>
      </c>
      <c r="IN25" s="127"/>
      <c r="IO25" s="109">
        <v>0</v>
      </c>
      <c r="IP25" s="109">
        <v>84598</v>
      </c>
      <c r="IQ25" s="109">
        <v>0</v>
      </c>
      <c r="IR25" s="109">
        <v>0</v>
      </c>
      <c r="IS25" s="109">
        <v>0</v>
      </c>
      <c r="IT25" s="128">
        <v>84598</v>
      </c>
      <c r="IU25" s="298">
        <v>84598</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107050</v>
      </c>
      <c r="JL25" s="109">
        <v>145290</v>
      </c>
      <c r="JM25" s="109">
        <v>74660</v>
      </c>
      <c r="JN25" s="109">
        <v>0</v>
      </c>
      <c r="JO25" s="109">
        <v>0</v>
      </c>
      <c r="JP25" s="110">
        <v>327000</v>
      </c>
      <c r="JQ25" s="298">
        <v>327000</v>
      </c>
      <c r="JR25" s="129">
        <v>0</v>
      </c>
      <c r="JS25" s="109">
        <v>0</v>
      </c>
      <c r="JT25" s="128">
        <v>0</v>
      </c>
      <c r="JU25" s="108">
        <v>0</v>
      </c>
      <c r="JV25" s="109">
        <v>0</v>
      </c>
      <c r="JW25" s="109">
        <v>0</v>
      </c>
      <c r="JX25" s="109">
        <v>0</v>
      </c>
      <c r="JY25" s="109">
        <v>0</v>
      </c>
      <c r="JZ25" s="109">
        <v>0</v>
      </c>
      <c r="KA25" s="110">
        <v>0</v>
      </c>
      <c r="KB25" s="298">
        <v>0</v>
      </c>
      <c r="KC25" s="221">
        <v>0</v>
      </c>
      <c r="KD25" s="217">
        <v>130270</v>
      </c>
      <c r="KE25" s="110">
        <v>130270</v>
      </c>
      <c r="KF25" s="108">
        <v>0</v>
      </c>
      <c r="KG25" s="109">
        <v>289888</v>
      </c>
      <c r="KH25" s="109">
        <v>0</v>
      </c>
      <c r="KI25" s="109">
        <v>200891</v>
      </c>
      <c r="KJ25" s="109">
        <v>0</v>
      </c>
      <c r="KK25" s="109">
        <v>0</v>
      </c>
      <c r="KL25" s="110">
        <v>490779</v>
      </c>
      <c r="KM25" s="130">
        <v>621049</v>
      </c>
      <c r="KN25" s="219">
        <v>0</v>
      </c>
      <c r="KO25" s="223">
        <v>0</v>
      </c>
      <c r="KP25" s="224">
        <v>0</v>
      </c>
      <c r="KQ25" s="127"/>
      <c r="KR25" s="109">
        <v>406069</v>
      </c>
      <c r="KS25" s="109">
        <v>609833</v>
      </c>
      <c r="KT25" s="109">
        <v>437994</v>
      </c>
      <c r="KU25" s="109">
        <v>0</v>
      </c>
      <c r="KV25" s="109">
        <v>234738</v>
      </c>
      <c r="KW25" s="110">
        <v>1688634</v>
      </c>
      <c r="KX25" s="298">
        <v>1688634</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386127</v>
      </c>
      <c r="MK25" s="109">
        <v>453554</v>
      </c>
      <c r="ML25" s="109">
        <v>231137</v>
      </c>
      <c r="MM25" s="109">
        <v>4442805</v>
      </c>
      <c r="MN25" s="109">
        <v>2070273</v>
      </c>
      <c r="MO25" s="110">
        <v>7583896</v>
      </c>
      <c r="MP25" s="130">
        <v>7583896</v>
      </c>
      <c r="MQ25" s="129">
        <v>0</v>
      </c>
      <c r="MR25" s="109">
        <v>0</v>
      </c>
      <c r="MS25" s="110">
        <v>0</v>
      </c>
      <c r="MT25" s="132"/>
      <c r="MU25" s="109">
        <v>0</v>
      </c>
      <c r="MV25" s="109">
        <v>212449</v>
      </c>
      <c r="MW25" s="109">
        <v>231137</v>
      </c>
      <c r="MX25" s="109">
        <v>2803083</v>
      </c>
      <c r="MY25" s="109">
        <v>1772314</v>
      </c>
      <c r="MZ25" s="110">
        <v>5018983</v>
      </c>
      <c r="NA25" s="130">
        <v>5018983</v>
      </c>
      <c r="NB25" s="129">
        <v>0</v>
      </c>
      <c r="NC25" s="109">
        <v>0</v>
      </c>
      <c r="ND25" s="110">
        <v>0</v>
      </c>
      <c r="NE25" s="132"/>
      <c r="NF25" s="109">
        <v>386127</v>
      </c>
      <c r="NG25" s="109">
        <v>241105</v>
      </c>
      <c r="NH25" s="109">
        <v>0</v>
      </c>
      <c r="NI25" s="109">
        <v>1639722</v>
      </c>
      <c r="NJ25" s="109">
        <v>297959</v>
      </c>
      <c r="NK25" s="110">
        <v>2564913</v>
      </c>
      <c r="NL25" s="298">
        <v>2564913</v>
      </c>
      <c r="NM25" s="129">
        <v>0</v>
      </c>
      <c r="NN25" s="109">
        <v>0</v>
      </c>
      <c r="NO25" s="110">
        <v>0</v>
      </c>
      <c r="NP25" s="132"/>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227981</v>
      </c>
      <c r="OJ25" s="109">
        <v>777735</v>
      </c>
      <c r="OK25" s="128">
        <v>1005716</v>
      </c>
      <c r="OL25" s="108">
        <v>0</v>
      </c>
      <c r="OM25" s="109">
        <v>3992409</v>
      </c>
      <c r="ON25" s="109">
        <v>5525011</v>
      </c>
      <c r="OO25" s="109">
        <v>4319406</v>
      </c>
      <c r="OP25" s="109">
        <v>7497598</v>
      </c>
      <c r="OQ25" s="109">
        <v>3993446</v>
      </c>
      <c r="OR25" s="110">
        <v>25327870</v>
      </c>
      <c r="OS25" s="130">
        <v>26333586</v>
      </c>
    </row>
    <row r="26" spans="2:409" ht="21" customHeight="1" x14ac:dyDescent="0.2">
      <c r="B26" s="472" t="s">
        <v>21</v>
      </c>
      <c r="C26" s="100">
        <v>180560</v>
      </c>
      <c r="D26" s="104">
        <v>535780</v>
      </c>
      <c r="E26" s="103">
        <v>716340</v>
      </c>
      <c r="F26" s="99">
        <v>0</v>
      </c>
      <c r="G26" s="104">
        <v>2184252</v>
      </c>
      <c r="H26" s="104">
        <v>3235190</v>
      </c>
      <c r="I26" s="104">
        <v>3169987</v>
      </c>
      <c r="J26" s="104">
        <v>2460467</v>
      </c>
      <c r="K26" s="104">
        <v>2170729</v>
      </c>
      <c r="L26" s="160">
        <v>13220625</v>
      </c>
      <c r="M26" s="106">
        <v>13936965</v>
      </c>
      <c r="N26" s="100">
        <v>42896</v>
      </c>
      <c r="O26" s="104">
        <v>246544</v>
      </c>
      <c r="P26" s="103">
        <v>289440</v>
      </c>
      <c r="Q26" s="100">
        <v>0</v>
      </c>
      <c r="R26" s="104">
        <v>923109</v>
      </c>
      <c r="S26" s="104">
        <v>1350736</v>
      </c>
      <c r="T26" s="104">
        <v>872302</v>
      </c>
      <c r="U26" s="104">
        <v>497774</v>
      </c>
      <c r="V26" s="104">
        <v>1174251</v>
      </c>
      <c r="W26" s="103">
        <v>4818172</v>
      </c>
      <c r="X26" s="106">
        <v>5107612</v>
      </c>
      <c r="Y26" s="100">
        <v>0</v>
      </c>
      <c r="Z26" s="104">
        <v>0</v>
      </c>
      <c r="AA26" s="103">
        <v>0</v>
      </c>
      <c r="AB26" s="100">
        <v>0</v>
      </c>
      <c r="AC26" s="104">
        <v>366865</v>
      </c>
      <c r="AD26" s="104">
        <v>683530</v>
      </c>
      <c r="AE26" s="104">
        <v>376258</v>
      </c>
      <c r="AF26" s="104">
        <v>239526</v>
      </c>
      <c r="AG26" s="104">
        <v>395486</v>
      </c>
      <c r="AH26" s="103">
        <v>2061665</v>
      </c>
      <c r="AI26" s="106">
        <v>2061665</v>
      </c>
      <c r="AJ26" s="100">
        <v>0</v>
      </c>
      <c r="AK26" s="104">
        <v>0</v>
      </c>
      <c r="AL26" s="103">
        <v>0</v>
      </c>
      <c r="AM26" s="100">
        <v>0</v>
      </c>
      <c r="AN26" s="104">
        <v>0</v>
      </c>
      <c r="AO26" s="104">
        <v>0</v>
      </c>
      <c r="AP26" s="104">
        <v>0</v>
      </c>
      <c r="AQ26" s="104">
        <v>0</v>
      </c>
      <c r="AR26" s="104">
        <v>174466</v>
      </c>
      <c r="AS26" s="103">
        <v>174466</v>
      </c>
      <c r="AT26" s="106">
        <v>174466</v>
      </c>
      <c r="AU26" s="100">
        <v>0</v>
      </c>
      <c r="AV26" s="104">
        <v>131700</v>
      </c>
      <c r="AW26" s="103">
        <v>131700</v>
      </c>
      <c r="AX26" s="100">
        <v>0</v>
      </c>
      <c r="AY26" s="104">
        <v>455444</v>
      </c>
      <c r="AZ26" s="104">
        <v>363045</v>
      </c>
      <c r="BA26" s="104">
        <v>301388</v>
      </c>
      <c r="BB26" s="104">
        <v>35067</v>
      </c>
      <c r="BC26" s="104">
        <v>444617</v>
      </c>
      <c r="BD26" s="103">
        <v>1599561</v>
      </c>
      <c r="BE26" s="106">
        <v>1731261</v>
      </c>
      <c r="BF26" s="100">
        <v>0</v>
      </c>
      <c r="BG26" s="104">
        <v>63296</v>
      </c>
      <c r="BH26" s="102">
        <v>63296</v>
      </c>
      <c r="BI26" s="101">
        <v>0</v>
      </c>
      <c r="BJ26" s="104">
        <v>0</v>
      </c>
      <c r="BK26" s="104">
        <v>18491</v>
      </c>
      <c r="BL26" s="104">
        <v>36806</v>
      </c>
      <c r="BM26" s="104">
        <v>0</v>
      </c>
      <c r="BN26" s="104">
        <v>28026</v>
      </c>
      <c r="BO26" s="103">
        <v>83323</v>
      </c>
      <c r="BP26" s="106">
        <v>146619</v>
      </c>
      <c r="BQ26" s="100">
        <v>42896</v>
      </c>
      <c r="BR26" s="104">
        <v>51548</v>
      </c>
      <c r="BS26" s="103">
        <v>94444</v>
      </c>
      <c r="BT26" s="100">
        <v>0</v>
      </c>
      <c r="BU26" s="104">
        <v>100800</v>
      </c>
      <c r="BV26" s="104">
        <v>285670</v>
      </c>
      <c r="BW26" s="104">
        <v>157850</v>
      </c>
      <c r="BX26" s="104">
        <v>223181</v>
      </c>
      <c r="BY26" s="104">
        <v>131656</v>
      </c>
      <c r="BZ26" s="103">
        <v>899157</v>
      </c>
      <c r="CA26" s="106">
        <v>993601</v>
      </c>
      <c r="CB26" s="100">
        <v>0</v>
      </c>
      <c r="CC26" s="104">
        <v>33187</v>
      </c>
      <c r="CD26" s="103">
        <v>33187</v>
      </c>
      <c r="CE26" s="100">
        <v>0</v>
      </c>
      <c r="CF26" s="104">
        <v>776000</v>
      </c>
      <c r="CG26" s="104">
        <v>595208</v>
      </c>
      <c r="CH26" s="104">
        <v>518472</v>
      </c>
      <c r="CI26" s="104">
        <v>279580</v>
      </c>
      <c r="CJ26" s="104">
        <v>142653</v>
      </c>
      <c r="CK26" s="103">
        <v>2311913</v>
      </c>
      <c r="CL26" s="106">
        <v>2345100</v>
      </c>
      <c r="CM26" s="100">
        <v>0</v>
      </c>
      <c r="CN26" s="104">
        <v>0</v>
      </c>
      <c r="CO26" s="103">
        <v>0</v>
      </c>
      <c r="CP26" s="101">
        <v>0</v>
      </c>
      <c r="CQ26" s="104">
        <v>714912</v>
      </c>
      <c r="CR26" s="104">
        <v>431372</v>
      </c>
      <c r="CS26" s="104">
        <v>461017</v>
      </c>
      <c r="CT26" s="104">
        <v>279580</v>
      </c>
      <c r="CU26" s="104">
        <v>9860</v>
      </c>
      <c r="CV26" s="103">
        <v>1896741</v>
      </c>
      <c r="CW26" s="106">
        <v>1896741</v>
      </c>
      <c r="CX26" s="100">
        <v>0</v>
      </c>
      <c r="CY26" s="104">
        <v>33187</v>
      </c>
      <c r="CZ26" s="103">
        <v>33187</v>
      </c>
      <c r="DA26" s="100">
        <v>0</v>
      </c>
      <c r="DB26" s="104">
        <v>61088</v>
      </c>
      <c r="DC26" s="104">
        <v>163836</v>
      </c>
      <c r="DD26" s="104">
        <v>57455</v>
      </c>
      <c r="DE26" s="104">
        <v>0</v>
      </c>
      <c r="DF26" s="104">
        <v>132793</v>
      </c>
      <c r="DG26" s="103">
        <v>415172</v>
      </c>
      <c r="DH26" s="106">
        <v>448359</v>
      </c>
      <c r="DI26" s="100">
        <v>0</v>
      </c>
      <c r="DJ26" s="104">
        <v>39398</v>
      </c>
      <c r="DK26" s="102">
        <v>39398</v>
      </c>
      <c r="DL26" s="101">
        <v>0</v>
      </c>
      <c r="DM26" s="104">
        <v>81980</v>
      </c>
      <c r="DN26" s="104">
        <v>75045</v>
      </c>
      <c r="DO26" s="104">
        <v>443907</v>
      </c>
      <c r="DP26" s="104">
        <v>131296</v>
      </c>
      <c r="DQ26" s="104">
        <v>97990</v>
      </c>
      <c r="DR26" s="103">
        <v>830218</v>
      </c>
      <c r="DS26" s="106">
        <v>869616</v>
      </c>
      <c r="DT26" s="100">
        <v>0</v>
      </c>
      <c r="DU26" s="104">
        <v>39398</v>
      </c>
      <c r="DV26" s="103">
        <v>39398</v>
      </c>
      <c r="DW26" s="100">
        <v>0</v>
      </c>
      <c r="DX26" s="104">
        <v>81980</v>
      </c>
      <c r="DY26" s="104">
        <v>75045</v>
      </c>
      <c r="DZ26" s="104">
        <v>443907</v>
      </c>
      <c r="EA26" s="104">
        <v>131296</v>
      </c>
      <c r="EB26" s="104">
        <v>97990</v>
      </c>
      <c r="EC26" s="103">
        <v>830218</v>
      </c>
      <c r="ED26" s="106">
        <v>869616</v>
      </c>
      <c r="EE26" s="100">
        <v>0</v>
      </c>
      <c r="EF26" s="102">
        <v>0</v>
      </c>
      <c r="EG26" s="103">
        <v>0</v>
      </c>
      <c r="EH26" s="100">
        <v>0</v>
      </c>
      <c r="EI26" s="104">
        <v>0</v>
      </c>
      <c r="EJ26" s="104">
        <v>0</v>
      </c>
      <c r="EK26" s="104">
        <v>0</v>
      </c>
      <c r="EL26" s="104">
        <v>0</v>
      </c>
      <c r="EM26" s="104">
        <v>0</v>
      </c>
      <c r="EN26" s="102">
        <v>0</v>
      </c>
      <c r="EO26" s="106">
        <v>0</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42014</v>
      </c>
      <c r="FM26" s="104">
        <v>57162</v>
      </c>
      <c r="FN26" s="103">
        <v>99176</v>
      </c>
      <c r="FO26" s="100">
        <v>0</v>
      </c>
      <c r="FP26" s="104">
        <v>121107</v>
      </c>
      <c r="FQ26" s="104">
        <v>735014</v>
      </c>
      <c r="FR26" s="104">
        <v>418817</v>
      </c>
      <c r="FS26" s="104">
        <v>67473</v>
      </c>
      <c r="FT26" s="104">
        <v>142198</v>
      </c>
      <c r="FU26" s="103">
        <v>1484609</v>
      </c>
      <c r="FV26" s="106">
        <v>1583785</v>
      </c>
      <c r="FW26" s="105">
        <v>42014</v>
      </c>
      <c r="FX26" s="104">
        <v>57162</v>
      </c>
      <c r="FY26" s="102">
        <v>99176</v>
      </c>
      <c r="FZ26" s="101">
        <v>0</v>
      </c>
      <c r="GA26" s="104">
        <v>108017</v>
      </c>
      <c r="GB26" s="104">
        <v>735014</v>
      </c>
      <c r="GC26" s="104">
        <v>418817</v>
      </c>
      <c r="GD26" s="104">
        <v>67473</v>
      </c>
      <c r="GE26" s="104">
        <v>142198</v>
      </c>
      <c r="GF26" s="103">
        <v>1471519</v>
      </c>
      <c r="GG26" s="296">
        <v>1570695</v>
      </c>
      <c r="GH26" s="105">
        <v>0</v>
      </c>
      <c r="GI26" s="104">
        <v>0</v>
      </c>
      <c r="GJ26" s="102">
        <v>0</v>
      </c>
      <c r="GK26" s="101">
        <v>0</v>
      </c>
      <c r="GL26" s="104">
        <v>13090</v>
      </c>
      <c r="GM26" s="104">
        <v>0</v>
      </c>
      <c r="GN26" s="104">
        <v>0</v>
      </c>
      <c r="GO26" s="104">
        <v>0</v>
      </c>
      <c r="GP26" s="104">
        <v>0</v>
      </c>
      <c r="GQ26" s="103">
        <v>13090</v>
      </c>
      <c r="GR26" s="106">
        <v>13090</v>
      </c>
      <c r="GS26" s="100">
        <v>0</v>
      </c>
      <c r="GT26" s="104">
        <v>0</v>
      </c>
      <c r="GU26" s="103">
        <v>0</v>
      </c>
      <c r="GV26" s="100">
        <v>0</v>
      </c>
      <c r="GW26" s="104">
        <v>0</v>
      </c>
      <c r="GX26" s="104">
        <v>0</v>
      </c>
      <c r="GY26" s="104">
        <v>0</v>
      </c>
      <c r="GZ26" s="104">
        <v>0</v>
      </c>
      <c r="HA26" s="104">
        <v>0</v>
      </c>
      <c r="HB26" s="102">
        <v>0</v>
      </c>
      <c r="HC26" s="106">
        <v>0</v>
      </c>
      <c r="HD26" s="100">
        <v>95650</v>
      </c>
      <c r="HE26" s="104">
        <v>159489</v>
      </c>
      <c r="HF26" s="102">
        <v>255139</v>
      </c>
      <c r="HG26" s="101">
        <v>0</v>
      </c>
      <c r="HH26" s="104">
        <v>282056</v>
      </c>
      <c r="HI26" s="104">
        <v>479187</v>
      </c>
      <c r="HJ26" s="104">
        <v>916489</v>
      </c>
      <c r="HK26" s="104">
        <v>1484344</v>
      </c>
      <c r="HL26" s="104">
        <v>613637</v>
      </c>
      <c r="HM26" s="103">
        <v>3775713</v>
      </c>
      <c r="HN26" s="99">
        <v>4030852</v>
      </c>
      <c r="HO26" s="306"/>
      <c r="HP26" s="307"/>
      <c r="HQ26" s="308"/>
      <c r="HR26" s="309"/>
      <c r="HS26" s="307"/>
      <c r="HT26" s="307"/>
      <c r="HU26" s="307"/>
      <c r="HV26" s="307"/>
      <c r="HW26" s="307"/>
      <c r="HX26" s="310"/>
      <c r="HY26" s="311"/>
      <c r="HZ26" s="137">
        <v>0</v>
      </c>
      <c r="IA26" s="122">
        <v>0</v>
      </c>
      <c r="IB26" s="137">
        <v>0</v>
      </c>
      <c r="IC26" s="121">
        <v>0</v>
      </c>
      <c r="ID26" s="122">
        <v>527430</v>
      </c>
      <c r="IE26" s="123">
        <v>574948</v>
      </c>
      <c r="IF26" s="124">
        <v>516460</v>
      </c>
      <c r="IG26" s="122">
        <v>956630</v>
      </c>
      <c r="IH26" s="124">
        <v>0</v>
      </c>
      <c r="II26" s="125">
        <v>2575468</v>
      </c>
      <c r="IJ26" s="137">
        <v>2575468</v>
      </c>
      <c r="IK26" s="219">
        <v>0</v>
      </c>
      <c r="IL26" s="223">
        <v>0</v>
      </c>
      <c r="IM26" s="224">
        <v>0</v>
      </c>
      <c r="IN26" s="127"/>
      <c r="IO26" s="109">
        <v>61574</v>
      </c>
      <c r="IP26" s="109">
        <v>0</v>
      </c>
      <c r="IQ26" s="109">
        <v>0</v>
      </c>
      <c r="IR26" s="109">
        <v>0</v>
      </c>
      <c r="IS26" s="109">
        <v>0</v>
      </c>
      <c r="IT26" s="128">
        <v>61574</v>
      </c>
      <c r="IU26" s="298">
        <v>61574</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372813</v>
      </c>
      <c r="JL26" s="109">
        <v>146298</v>
      </c>
      <c r="JM26" s="109">
        <v>102511</v>
      </c>
      <c r="JN26" s="109">
        <v>79643</v>
      </c>
      <c r="JO26" s="109">
        <v>0</v>
      </c>
      <c r="JP26" s="110">
        <v>701265</v>
      </c>
      <c r="JQ26" s="298">
        <v>701265</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93043</v>
      </c>
      <c r="KH26" s="109">
        <v>0</v>
      </c>
      <c r="KI26" s="109">
        <v>197799</v>
      </c>
      <c r="KJ26" s="109">
        <v>223137</v>
      </c>
      <c r="KK26" s="109">
        <v>0</v>
      </c>
      <c r="KL26" s="110">
        <v>513979</v>
      </c>
      <c r="KM26" s="130">
        <v>513979</v>
      </c>
      <c r="KN26" s="219">
        <v>0</v>
      </c>
      <c r="KO26" s="223">
        <v>0</v>
      </c>
      <c r="KP26" s="224">
        <v>0</v>
      </c>
      <c r="KQ26" s="127"/>
      <c r="KR26" s="109">
        <v>0</v>
      </c>
      <c r="KS26" s="109">
        <v>428650</v>
      </c>
      <c r="KT26" s="109">
        <v>216150</v>
      </c>
      <c r="KU26" s="109">
        <v>653850</v>
      </c>
      <c r="KV26" s="109">
        <v>0</v>
      </c>
      <c r="KW26" s="110">
        <v>1298650</v>
      </c>
      <c r="KX26" s="298">
        <v>1298650</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c r="MJ26" s="109">
        <v>0</v>
      </c>
      <c r="MK26" s="109">
        <v>615677</v>
      </c>
      <c r="ML26" s="109">
        <v>1192729</v>
      </c>
      <c r="MM26" s="109">
        <v>1504967</v>
      </c>
      <c r="MN26" s="109">
        <v>1218218</v>
      </c>
      <c r="MO26" s="110">
        <v>4531591</v>
      </c>
      <c r="MP26" s="130">
        <v>4531591</v>
      </c>
      <c r="MQ26" s="129">
        <v>0</v>
      </c>
      <c r="MR26" s="109">
        <v>0</v>
      </c>
      <c r="MS26" s="110">
        <v>0</v>
      </c>
      <c r="MT26" s="132"/>
      <c r="MU26" s="109">
        <v>0</v>
      </c>
      <c r="MV26" s="109">
        <v>0</v>
      </c>
      <c r="MW26" s="109">
        <v>594612</v>
      </c>
      <c r="MX26" s="109">
        <v>1504967</v>
      </c>
      <c r="MY26" s="109">
        <v>657711</v>
      </c>
      <c r="MZ26" s="110">
        <v>2757290</v>
      </c>
      <c r="NA26" s="130">
        <v>2757290</v>
      </c>
      <c r="NB26" s="129">
        <v>0</v>
      </c>
      <c r="NC26" s="109">
        <v>0</v>
      </c>
      <c r="ND26" s="110">
        <v>0</v>
      </c>
      <c r="NE26" s="132"/>
      <c r="NF26" s="109">
        <v>0</v>
      </c>
      <c r="NG26" s="109">
        <v>615677</v>
      </c>
      <c r="NH26" s="109">
        <v>598117</v>
      </c>
      <c r="NI26" s="109">
        <v>0</v>
      </c>
      <c r="NJ26" s="109">
        <v>258635</v>
      </c>
      <c r="NK26" s="110">
        <v>1472429</v>
      </c>
      <c r="NL26" s="298">
        <v>1472429</v>
      </c>
      <c r="NM26" s="129">
        <v>0</v>
      </c>
      <c r="NN26" s="109">
        <v>0</v>
      </c>
      <c r="NO26" s="110">
        <v>0</v>
      </c>
      <c r="NP26" s="132"/>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301872</v>
      </c>
      <c r="OG26" s="110">
        <v>301872</v>
      </c>
      <c r="OH26" s="111">
        <v>301872</v>
      </c>
      <c r="OI26" s="129">
        <v>180560</v>
      </c>
      <c r="OJ26" s="109">
        <v>535780</v>
      </c>
      <c r="OK26" s="128">
        <v>716340</v>
      </c>
      <c r="OL26" s="108">
        <v>0</v>
      </c>
      <c r="OM26" s="109">
        <v>2711682</v>
      </c>
      <c r="ON26" s="109">
        <v>4425815</v>
      </c>
      <c r="OO26" s="109">
        <v>4879176</v>
      </c>
      <c r="OP26" s="109">
        <v>4922064</v>
      </c>
      <c r="OQ26" s="109">
        <v>3388947</v>
      </c>
      <c r="OR26" s="110">
        <v>20327684</v>
      </c>
      <c r="OS26" s="130">
        <v>21044024</v>
      </c>
    </row>
    <row r="27" spans="2:409" ht="21" customHeight="1" x14ac:dyDescent="0.2">
      <c r="B27" s="472" t="s">
        <v>22</v>
      </c>
      <c r="C27" s="100">
        <v>20916</v>
      </c>
      <c r="D27" s="104">
        <v>19880</v>
      </c>
      <c r="E27" s="103">
        <v>40796</v>
      </c>
      <c r="F27" s="99">
        <v>0</v>
      </c>
      <c r="G27" s="104">
        <v>1202883</v>
      </c>
      <c r="H27" s="104">
        <v>881545</v>
      </c>
      <c r="I27" s="104">
        <v>947601</v>
      </c>
      <c r="J27" s="104">
        <v>1470700</v>
      </c>
      <c r="K27" s="104">
        <v>1441958</v>
      </c>
      <c r="L27" s="160">
        <v>5944687</v>
      </c>
      <c r="M27" s="106">
        <v>5985483</v>
      </c>
      <c r="N27" s="100">
        <v>0</v>
      </c>
      <c r="O27" s="104">
        <v>0</v>
      </c>
      <c r="P27" s="103">
        <v>0</v>
      </c>
      <c r="Q27" s="100">
        <v>0</v>
      </c>
      <c r="R27" s="104">
        <v>431833</v>
      </c>
      <c r="S27" s="104">
        <v>115305</v>
      </c>
      <c r="T27" s="104">
        <v>378149</v>
      </c>
      <c r="U27" s="104">
        <v>268800</v>
      </c>
      <c r="V27" s="104">
        <v>982264</v>
      </c>
      <c r="W27" s="103">
        <v>2176351</v>
      </c>
      <c r="X27" s="106">
        <v>2176351</v>
      </c>
      <c r="Y27" s="100">
        <v>0</v>
      </c>
      <c r="Z27" s="104">
        <v>0</v>
      </c>
      <c r="AA27" s="103">
        <v>0</v>
      </c>
      <c r="AB27" s="100">
        <v>0</v>
      </c>
      <c r="AC27" s="104">
        <v>234270</v>
      </c>
      <c r="AD27" s="104">
        <v>0</v>
      </c>
      <c r="AE27" s="104">
        <v>154980</v>
      </c>
      <c r="AF27" s="104">
        <v>8421</v>
      </c>
      <c r="AG27" s="104">
        <v>320908</v>
      </c>
      <c r="AH27" s="103">
        <v>718579</v>
      </c>
      <c r="AI27" s="106">
        <v>718579</v>
      </c>
      <c r="AJ27" s="100">
        <v>0</v>
      </c>
      <c r="AK27" s="104">
        <v>0</v>
      </c>
      <c r="AL27" s="103">
        <v>0</v>
      </c>
      <c r="AM27" s="100">
        <v>0</v>
      </c>
      <c r="AN27" s="104">
        <v>0</v>
      </c>
      <c r="AO27" s="104">
        <v>0</v>
      </c>
      <c r="AP27" s="104">
        <v>46851</v>
      </c>
      <c r="AQ27" s="104">
        <v>0</v>
      </c>
      <c r="AR27" s="104">
        <v>378322</v>
      </c>
      <c r="AS27" s="103">
        <v>425173</v>
      </c>
      <c r="AT27" s="106">
        <v>425173</v>
      </c>
      <c r="AU27" s="100">
        <v>0</v>
      </c>
      <c r="AV27" s="104">
        <v>0</v>
      </c>
      <c r="AW27" s="103">
        <v>0</v>
      </c>
      <c r="AX27" s="100">
        <v>0</v>
      </c>
      <c r="AY27" s="104">
        <v>113682</v>
      </c>
      <c r="AZ27" s="104">
        <v>96629</v>
      </c>
      <c r="BA27" s="104">
        <v>128165</v>
      </c>
      <c r="BB27" s="104">
        <v>154049</v>
      </c>
      <c r="BC27" s="104">
        <v>274634</v>
      </c>
      <c r="BD27" s="103">
        <v>767159</v>
      </c>
      <c r="BE27" s="106">
        <v>767159</v>
      </c>
      <c r="BF27" s="100">
        <v>0</v>
      </c>
      <c r="BG27" s="104">
        <v>0</v>
      </c>
      <c r="BH27" s="102">
        <v>0</v>
      </c>
      <c r="BI27" s="101">
        <v>0</v>
      </c>
      <c r="BJ27" s="104">
        <v>68320</v>
      </c>
      <c r="BK27" s="104">
        <v>0</v>
      </c>
      <c r="BL27" s="104">
        <v>0</v>
      </c>
      <c r="BM27" s="104">
        <v>53298</v>
      </c>
      <c r="BN27" s="104">
        <v>0</v>
      </c>
      <c r="BO27" s="103">
        <v>121618</v>
      </c>
      <c r="BP27" s="106">
        <v>121618</v>
      </c>
      <c r="BQ27" s="100">
        <v>0</v>
      </c>
      <c r="BR27" s="104">
        <v>0</v>
      </c>
      <c r="BS27" s="103">
        <v>0</v>
      </c>
      <c r="BT27" s="100">
        <v>0</v>
      </c>
      <c r="BU27" s="104">
        <v>15561</v>
      </c>
      <c r="BV27" s="104">
        <v>18676</v>
      </c>
      <c r="BW27" s="104">
        <v>48153</v>
      </c>
      <c r="BX27" s="104">
        <v>53032</v>
      </c>
      <c r="BY27" s="104">
        <v>8400</v>
      </c>
      <c r="BZ27" s="103">
        <v>143822</v>
      </c>
      <c r="CA27" s="106">
        <v>143822</v>
      </c>
      <c r="CB27" s="100">
        <v>16226</v>
      </c>
      <c r="CC27" s="104">
        <v>0</v>
      </c>
      <c r="CD27" s="103">
        <v>16226</v>
      </c>
      <c r="CE27" s="100">
        <v>0</v>
      </c>
      <c r="CF27" s="104">
        <v>199247</v>
      </c>
      <c r="CG27" s="104">
        <v>122493</v>
      </c>
      <c r="CH27" s="104">
        <v>234131</v>
      </c>
      <c r="CI27" s="104">
        <v>447615</v>
      </c>
      <c r="CJ27" s="104">
        <v>149905</v>
      </c>
      <c r="CK27" s="103">
        <v>1153391</v>
      </c>
      <c r="CL27" s="106">
        <v>1169617</v>
      </c>
      <c r="CM27" s="100">
        <v>0</v>
      </c>
      <c r="CN27" s="104">
        <v>0</v>
      </c>
      <c r="CO27" s="103">
        <v>0</v>
      </c>
      <c r="CP27" s="101">
        <v>0</v>
      </c>
      <c r="CQ27" s="104">
        <v>65662</v>
      </c>
      <c r="CR27" s="104">
        <v>97965</v>
      </c>
      <c r="CS27" s="104">
        <v>234131</v>
      </c>
      <c r="CT27" s="104">
        <v>371147</v>
      </c>
      <c r="CU27" s="104">
        <v>149905</v>
      </c>
      <c r="CV27" s="103">
        <v>918810</v>
      </c>
      <c r="CW27" s="106">
        <v>918810</v>
      </c>
      <c r="CX27" s="100">
        <v>16226</v>
      </c>
      <c r="CY27" s="104">
        <v>0</v>
      </c>
      <c r="CZ27" s="103">
        <v>16226</v>
      </c>
      <c r="DA27" s="100">
        <v>0</v>
      </c>
      <c r="DB27" s="104">
        <v>133585</v>
      </c>
      <c r="DC27" s="104">
        <v>24528</v>
      </c>
      <c r="DD27" s="104">
        <v>0</v>
      </c>
      <c r="DE27" s="104">
        <v>76468</v>
      </c>
      <c r="DF27" s="104">
        <v>0</v>
      </c>
      <c r="DG27" s="103">
        <v>234581</v>
      </c>
      <c r="DH27" s="106">
        <v>250807</v>
      </c>
      <c r="DI27" s="100">
        <v>0</v>
      </c>
      <c r="DJ27" s="104">
        <v>0</v>
      </c>
      <c r="DK27" s="102">
        <v>0</v>
      </c>
      <c r="DL27" s="101">
        <v>0</v>
      </c>
      <c r="DM27" s="104">
        <v>81138</v>
      </c>
      <c r="DN27" s="104">
        <v>127987</v>
      </c>
      <c r="DO27" s="104">
        <v>16202</v>
      </c>
      <c r="DP27" s="104">
        <v>103448</v>
      </c>
      <c r="DQ27" s="104">
        <v>0</v>
      </c>
      <c r="DR27" s="103">
        <v>328775</v>
      </c>
      <c r="DS27" s="106">
        <v>328775</v>
      </c>
      <c r="DT27" s="100">
        <v>0</v>
      </c>
      <c r="DU27" s="104">
        <v>0</v>
      </c>
      <c r="DV27" s="103">
        <v>0</v>
      </c>
      <c r="DW27" s="100">
        <v>0</v>
      </c>
      <c r="DX27" s="104">
        <v>81138</v>
      </c>
      <c r="DY27" s="104">
        <v>127987</v>
      </c>
      <c r="DZ27" s="104">
        <v>16202</v>
      </c>
      <c r="EA27" s="104">
        <v>103448</v>
      </c>
      <c r="EB27" s="104">
        <v>0</v>
      </c>
      <c r="EC27" s="103">
        <v>328775</v>
      </c>
      <c r="ED27" s="106">
        <v>328775</v>
      </c>
      <c r="EE27" s="100">
        <v>0</v>
      </c>
      <c r="EF27" s="102">
        <v>0</v>
      </c>
      <c r="EG27" s="103">
        <v>0</v>
      </c>
      <c r="EH27" s="100">
        <v>0</v>
      </c>
      <c r="EI27" s="104">
        <v>0</v>
      </c>
      <c r="EJ27" s="104">
        <v>0</v>
      </c>
      <c r="EK27" s="104">
        <v>0</v>
      </c>
      <c r="EL27" s="104">
        <v>0</v>
      </c>
      <c r="EM27" s="104">
        <v>0</v>
      </c>
      <c r="EN27" s="102">
        <v>0</v>
      </c>
      <c r="EO27" s="106">
        <v>0</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4690</v>
      </c>
      <c r="FM27" s="104">
        <v>19880</v>
      </c>
      <c r="FN27" s="103">
        <v>24570</v>
      </c>
      <c r="FO27" s="100">
        <v>0</v>
      </c>
      <c r="FP27" s="104">
        <v>100569</v>
      </c>
      <c r="FQ27" s="104">
        <v>214284</v>
      </c>
      <c r="FR27" s="104">
        <v>84448</v>
      </c>
      <c r="FS27" s="104">
        <v>275422</v>
      </c>
      <c r="FT27" s="104">
        <v>108598</v>
      </c>
      <c r="FU27" s="103">
        <v>783321</v>
      </c>
      <c r="FV27" s="106">
        <v>807891</v>
      </c>
      <c r="FW27" s="105">
        <v>4690</v>
      </c>
      <c r="FX27" s="104">
        <v>19880</v>
      </c>
      <c r="FY27" s="102">
        <v>24570</v>
      </c>
      <c r="FZ27" s="101">
        <v>0</v>
      </c>
      <c r="GA27" s="104">
        <v>64540</v>
      </c>
      <c r="GB27" s="104">
        <v>25284</v>
      </c>
      <c r="GC27" s="104">
        <v>84448</v>
      </c>
      <c r="GD27" s="104">
        <v>129542</v>
      </c>
      <c r="GE27" s="104">
        <v>108598</v>
      </c>
      <c r="GF27" s="103">
        <v>412412</v>
      </c>
      <c r="GG27" s="296">
        <v>436982</v>
      </c>
      <c r="GH27" s="105">
        <v>0</v>
      </c>
      <c r="GI27" s="104">
        <v>0</v>
      </c>
      <c r="GJ27" s="102">
        <v>0</v>
      </c>
      <c r="GK27" s="101">
        <v>0</v>
      </c>
      <c r="GL27" s="104">
        <v>0</v>
      </c>
      <c r="GM27" s="104">
        <v>0</v>
      </c>
      <c r="GN27" s="104">
        <v>0</v>
      </c>
      <c r="GO27" s="104">
        <v>85680</v>
      </c>
      <c r="GP27" s="104">
        <v>0</v>
      </c>
      <c r="GQ27" s="103">
        <v>85680</v>
      </c>
      <c r="GR27" s="106">
        <v>85680</v>
      </c>
      <c r="GS27" s="100">
        <v>0</v>
      </c>
      <c r="GT27" s="104">
        <v>0</v>
      </c>
      <c r="GU27" s="103">
        <v>0</v>
      </c>
      <c r="GV27" s="100">
        <v>0</v>
      </c>
      <c r="GW27" s="104">
        <v>36029</v>
      </c>
      <c r="GX27" s="104">
        <v>189000</v>
      </c>
      <c r="GY27" s="104">
        <v>0</v>
      </c>
      <c r="GZ27" s="104">
        <v>60200</v>
      </c>
      <c r="HA27" s="104">
        <v>0</v>
      </c>
      <c r="HB27" s="102">
        <v>285229</v>
      </c>
      <c r="HC27" s="106">
        <v>285229</v>
      </c>
      <c r="HD27" s="100">
        <v>0</v>
      </c>
      <c r="HE27" s="104">
        <v>0</v>
      </c>
      <c r="HF27" s="102">
        <v>0</v>
      </c>
      <c r="HG27" s="101">
        <v>0</v>
      </c>
      <c r="HH27" s="104">
        <v>390096</v>
      </c>
      <c r="HI27" s="104">
        <v>301476</v>
      </c>
      <c r="HJ27" s="104">
        <v>234671</v>
      </c>
      <c r="HK27" s="104">
        <v>375415</v>
      </c>
      <c r="HL27" s="104">
        <v>201191</v>
      </c>
      <c r="HM27" s="103">
        <v>1502849</v>
      </c>
      <c r="HN27" s="99">
        <v>1502849</v>
      </c>
      <c r="HO27" s="306"/>
      <c r="HP27" s="307"/>
      <c r="HQ27" s="308"/>
      <c r="HR27" s="309"/>
      <c r="HS27" s="307"/>
      <c r="HT27" s="307"/>
      <c r="HU27" s="307"/>
      <c r="HV27" s="307"/>
      <c r="HW27" s="307"/>
      <c r="HX27" s="310"/>
      <c r="HY27" s="311"/>
      <c r="HZ27" s="118">
        <v>0</v>
      </c>
      <c r="IA27" s="119">
        <v>0</v>
      </c>
      <c r="IB27" s="120">
        <v>0</v>
      </c>
      <c r="IC27" s="133">
        <v>0</v>
      </c>
      <c r="ID27" s="119">
        <v>320880</v>
      </c>
      <c r="IE27" s="134">
        <v>985369</v>
      </c>
      <c r="IF27" s="120">
        <v>618597</v>
      </c>
      <c r="IG27" s="119">
        <v>410550</v>
      </c>
      <c r="IH27" s="120">
        <v>0</v>
      </c>
      <c r="II27" s="135">
        <v>2335396</v>
      </c>
      <c r="IJ27" s="126">
        <v>2335396</v>
      </c>
      <c r="IK27" s="219">
        <v>0</v>
      </c>
      <c r="IL27" s="223">
        <v>0</v>
      </c>
      <c r="IM27" s="224">
        <v>0</v>
      </c>
      <c r="IN27" s="127"/>
      <c r="IO27" s="109">
        <v>0</v>
      </c>
      <c r="IP27" s="109">
        <v>0</v>
      </c>
      <c r="IQ27" s="109">
        <v>139377</v>
      </c>
      <c r="IR27" s="109">
        <v>220668</v>
      </c>
      <c r="IS27" s="109">
        <v>0</v>
      </c>
      <c r="IT27" s="128">
        <v>360045</v>
      </c>
      <c r="IU27" s="298">
        <v>360045</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320880</v>
      </c>
      <c r="JL27" s="109">
        <v>448469</v>
      </c>
      <c r="JM27" s="109">
        <v>226065</v>
      </c>
      <c r="JN27" s="109">
        <v>0</v>
      </c>
      <c r="JO27" s="109">
        <v>0</v>
      </c>
      <c r="JP27" s="110">
        <v>995414</v>
      </c>
      <c r="JQ27" s="298">
        <v>995414</v>
      </c>
      <c r="JR27" s="129">
        <v>0</v>
      </c>
      <c r="JS27" s="109">
        <v>0</v>
      </c>
      <c r="JT27" s="128">
        <v>0</v>
      </c>
      <c r="JU27" s="108">
        <v>0</v>
      </c>
      <c r="JV27" s="109">
        <v>0</v>
      </c>
      <c r="JW27" s="109">
        <v>0</v>
      </c>
      <c r="JX27" s="109">
        <v>68509</v>
      </c>
      <c r="JY27" s="109">
        <v>0</v>
      </c>
      <c r="JZ27" s="109">
        <v>0</v>
      </c>
      <c r="KA27" s="110">
        <v>68509</v>
      </c>
      <c r="KB27" s="298">
        <v>68509</v>
      </c>
      <c r="KC27" s="221">
        <v>0</v>
      </c>
      <c r="KD27" s="217">
        <v>0</v>
      </c>
      <c r="KE27" s="110">
        <v>0</v>
      </c>
      <c r="KF27" s="108">
        <v>0</v>
      </c>
      <c r="KG27" s="109">
        <v>0</v>
      </c>
      <c r="KH27" s="109">
        <v>536900</v>
      </c>
      <c r="KI27" s="109">
        <v>184646</v>
      </c>
      <c r="KJ27" s="109">
        <v>189882</v>
      </c>
      <c r="KK27" s="109">
        <v>0</v>
      </c>
      <c r="KL27" s="110">
        <v>911428</v>
      </c>
      <c r="KM27" s="130">
        <v>911428</v>
      </c>
      <c r="KN27" s="219">
        <v>0</v>
      </c>
      <c r="KO27" s="223">
        <v>0</v>
      </c>
      <c r="KP27" s="224">
        <v>0</v>
      </c>
      <c r="KQ27" s="127"/>
      <c r="KR27" s="109">
        <v>0</v>
      </c>
      <c r="KS27" s="109">
        <v>0</v>
      </c>
      <c r="KT27" s="109">
        <v>0</v>
      </c>
      <c r="KU27" s="109">
        <v>0</v>
      </c>
      <c r="KV27" s="109">
        <v>0</v>
      </c>
      <c r="KW27" s="110">
        <v>0</v>
      </c>
      <c r="KX27" s="298">
        <v>0</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0</v>
      </c>
      <c r="LQ27" s="109">
        <v>0</v>
      </c>
      <c r="LR27" s="109">
        <v>0</v>
      </c>
      <c r="LS27" s="110">
        <v>0</v>
      </c>
      <c r="LT27" s="298">
        <v>0</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0</v>
      </c>
      <c r="MK27" s="109">
        <v>441168</v>
      </c>
      <c r="ML27" s="109">
        <v>1059332</v>
      </c>
      <c r="MM27" s="109">
        <v>445018</v>
      </c>
      <c r="MN27" s="109">
        <v>0</v>
      </c>
      <c r="MO27" s="110">
        <v>1945518</v>
      </c>
      <c r="MP27" s="130">
        <v>1945518</v>
      </c>
      <c r="MQ27" s="129">
        <v>0</v>
      </c>
      <c r="MR27" s="109">
        <v>0</v>
      </c>
      <c r="MS27" s="110">
        <v>0</v>
      </c>
      <c r="MT27" s="132"/>
      <c r="MU27" s="109">
        <v>0</v>
      </c>
      <c r="MV27" s="109">
        <v>188937</v>
      </c>
      <c r="MW27" s="109">
        <v>398393</v>
      </c>
      <c r="MX27" s="109">
        <v>445018</v>
      </c>
      <c r="MY27" s="109">
        <v>0</v>
      </c>
      <c r="MZ27" s="110">
        <v>1032348</v>
      </c>
      <c r="NA27" s="130">
        <v>1032348</v>
      </c>
      <c r="NB27" s="129">
        <v>0</v>
      </c>
      <c r="NC27" s="109">
        <v>0</v>
      </c>
      <c r="ND27" s="110">
        <v>0</v>
      </c>
      <c r="NE27" s="132"/>
      <c r="NF27" s="109">
        <v>0</v>
      </c>
      <c r="NG27" s="109">
        <v>252231</v>
      </c>
      <c r="NH27" s="109">
        <v>660939</v>
      </c>
      <c r="NI27" s="109">
        <v>0</v>
      </c>
      <c r="NJ27" s="109">
        <v>0</v>
      </c>
      <c r="NK27" s="110">
        <v>913170</v>
      </c>
      <c r="NL27" s="298">
        <v>913170</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0</v>
      </c>
      <c r="OF27" s="109">
        <v>0</v>
      </c>
      <c r="OG27" s="110">
        <v>0</v>
      </c>
      <c r="OH27" s="111">
        <v>0</v>
      </c>
      <c r="OI27" s="129">
        <v>20916</v>
      </c>
      <c r="OJ27" s="109">
        <v>19880</v>
      </c>
      <c r="OK27" s="128">
        <v>40796</v>
      </c>
      <c r="OL27" s="108">
        <v>0</v>
      </c>
      <c r="OM27" s="109">
        <v>1523763</v>
      </c>
      <c r="ON27" s="109">
        <v>2308082</v>
      </c>
      <c r="OO27" s="109">
        <v>2625530</v>
      </c>
      <c r="OP27" s="109">
        <v>2326268</v>
      </c>
      <c r="OQ27" s="109">
        <v>1441958</v>
      </c>
      <c r="OR27" s="110">
        <v>10225601</v>
      </c>
      <c r="OS27" s="130">
        <v>10266397</v>
      </c>
    </row>
    <row r="28" spans="2:409" ht="21" customHeight="1" x14ac:dyDescent="0.2">
      <c r="B28" s="472" t="s">
        <v>23</v>
      </c>
      <c r="C28" s="100">
        <v>100411</v>
      </c>
      <c r="D28" s="104">
        <v>167880</v>
      </c>
      <c r="E28" s="103">
        <v>268291</v>
      </c>
      <c r="F28" s="99">
        <v>0</v>
      </c>
      <c r="G28" s="104">
        <v>1250456</v>
      </c>
      <c r="H28" s="104">
        <v>2479719</v>
      </c>
      <c r="I28" s="104">
        <v>2181561</v>
      </c>
      <c r="J28" s="104">
        <v>3219842</v>
      </c>
      <c r="K28" s="104">
        <v>1531061</v>
      </c>
      <c r="L28" s="160">
        <v>10662639</v>
      </c>
      <c r="M28" s="106">
        <v>10930930</v>
      </c>
      <c r="N28" s="100">
        <v>87629</v>
      </c>
      <c r="O28" s="104">
        <v>134490</v>
      </c>
      <c r="P28" s="103">
        <v>222119</v>
      </c>
      <c r="Q28" s="100">
        <v>0</v>
      </c>
      <c r="R28" s="104">
        <v>403246</v>
      </c>
      <c r="S28" s="104">
        <v>690859</v>
      </c>
      <c r="T28" s="104">
        <v>1075799</v>
      </c>
      <c r="U28" s="104">
        <v>776163</v>
      </c>
      <c r="V28" s="104">
        <v>202083</v>
      </c>
      <c r="W28" s="103">
        <v>3148150</v>
      </c>
      <c r="X28" s="106">
        <v>3370269</v>
      </c>
      <c r="Y28" s="100">
        <v>0</v>
      </c>
      <c r="Z28" s="104">
        <v>0</v>
      </c>
      <c r="AA28" s="103">
        <v>0</v>
      </c>
      <c r="AB28" s="100">
        <v>0</v>
      </c>
      <c r="AC28" s="104">
        <v>49951</v>
      </c>
      <c r="AD28" s="104">
        <v>212640</v>
      </c>
      <c r="AE28" s="104">
        <v>547963</v>
      </c>
      <c r="AF28" s="104">
        <v>394404</v>
      </c>
      <c r="AG28" s="104">
        <v>0</v>
      </c>
      <c r="AH28" s="103">
        <v>1204958</v>
      </c>
      <c r="AI28" s="106">
        <v>1204958</v>
      </c>
      <c r="AJ28" s="100">
        <v>0</v>
      </c>
      <c r="AK28" s="104">
        <v>0</v>
      </c>
      <c r="AL28" s="103">
        <v>0</v>
      </c>
      <c r="AM28" s="100">
        <v>0</v>
      </c>
      <c r="AN28" s="104">
        <v>92066</v>
      </c>
      <c r="AO28" s="104">
        <v>0</v>
      </c>
      <c r="AP28" s="104">
        <v>41452</v>
      </c>
      <c r="AQ28" s="104">
        <v>0</v>
      </c>
      <c r="AR28" s="104">
        <v>40348</v>
      </c>
      <c r="AS28" s="103">
        <v>173866</v>
      </c>
      <c r="AT28" s="106">
        <v>173866</v>
      </c>
      <c r="AU28" s="100">
        <v>84003</v>
      </c>
      <c r="AV28" s="104">
        <v>107449</v>
      </c>
      <c r="AW28" s="103">
        <v>191452</v>
      </c>
      <c r="AX28" s="100">
        <v>0</v>
      </c>
      <c r="AY28" s="104">
        <v>216723</v>
      </c>
      <c r="AZ28" s="104">
        <v>323087</v>
      </c>
      <c r="BA28" s="104">
        <v>355547</v>
      </c>
      <c r="BB28" s="104">
        <v>189532</v>
      </c>
      <c r="BC28" s="104">
        <v>28896</v>
      </c>
      <c r="BD28" s="103">
        <v>1113785</v>
      </c>
      <c r="BE28" s="106">
        <v>1305237</v>
      </c>
      <c r="BF28" s="100">
        <v>0</v>
      </c>
      <c r="BG28" s="104">
        <v>27041</v>
      </c>
      <c r="BH28" s="102">
        <v>27041</v>
      </c>
      <c r="BI28" s="101">
        <v>0</v>
      </c>
      <c r="BJ28" s="104">
        <v>0</v>
      </c>
      <c r="BK28" s="104">
        <v>57048</v>
      </c>
      <c r="BL28" s="104">
        <v>0</v>
      </c>
      <c r="BM28" s="104">
        <v>0</v>
      </c>
      <c r="BN28" s="104">
        <v>0</v>
      </c>
      <c r="BO28" s="103">
        <v>57048</v>
      </c>
      <c r="BP28" s="106">
        <v>84089</v>
      </c>
      <c r="BQ28" s="100">
        <v>3626</v>
      </c>
      <c r="BR28" s="104">
        <v>0</v>
      </c>
      <c r="BS28" s="103">
        <v>3626</v>
      </c>
      <c r="BT28" s="100">
        <v>0</v>
      </c>
      <c r="BU28" s="104">
        <v>44506</v>
      </c>
      <c r="BV28" s="104">
        <v>98084</v>
      </c>
      <c r="BW28" s="104">
        <v>130837</v>
      </c>
      <c r="BX28" s="104">
        <v>192227</v>
      </c>
      <c r="BY28" s="104">
        <v>132839</v>
      </c>
      <c r="BZ28" s="103">
        <v>598493</v>
      </c>
      <c r="CA28" s="106">
        <v>602119</v>
      </c>
      <c r="CB28" s="100">
        <v>0</v>
      </c>
      <c r="CC28" s="104">
        <v>0</v>
      </c>
      <c r="CD28" s="103">
        <v>0</v>
      </c>
      <c r="CE28" s="100">
        <v>0</v>
      </c>
      <c r="CF28" s="104">
        <v>568849</v>
      </c>
      <c r="CG28" s="104">
        <v>1061226</v>
      </c>
      <c r="CH28" s="104">
        <v>522667</v>
      </c>
      <c r="CI28" s="104">
        <v>484181</v>
      </c>
      <c r="CJ28" s="104">
        <v>231023</v>
      </c>
      <c r="CK28" s="103">
        <v>2867946</v>
      </c>
      <c r="CL28" s="106">
        <v>2867946</v>
      </c>
      <c r="CM28" s="100">
        <v>0</v>
      </c>
      <c r="CN28" s="104">
        <v>0</v>
      </c>
      <c r="CO28" s="103">
        <v>0</v>
      </c>
      <c r="CP28" s="101">
        <v>0</v>
      </c>
      <c r="CQ28" s="104">
        <v>456820</v>
      </c>
      <c r="CR28" s="104">
        <v>976974</v>
      </c>
      <c r="CS28" s="104">
        <v>390252</v>
      </c>
      <c r="CT28" s="104">
        <v>342312</v>
      </c>
      <c r="CU28" s="104">
        <v>0</v>
      </c>
      <c r="CV28" s="103">
        <v>2166358</v>
      </c>
      <c r="CW28" s="106">
        <v>2166358</v>
      </c>
      <c r="CX28" s="100">
        <v>0</v>
      </c>
      <c r="CY28" s="104">
        <v>0</v>
      </c>
      <c r="CZ28" s="103">
        <v>0</v>
      </c>
      <c r="DA28" s="100">
        <v>0</v>
      </c>
      <c r="DB28" s="104">
        <v>112029</v>
      </c>
      <c r="DC28" s="104">
        <v>84252</v>
      </c>
      <c r="DD28" s="104">
        <v>132415</v>
      </c>
      <c r="DE28" s="104">
        <v>141869</v>
      </c>
      <c r="DF28" s="104">
        <v>231023</v>
      </c>
      <c r="DG28" s="103">
        <v>701588</v>
      </c>
      <c r="DH28" s="106">
        <v>701588</v>
      </c>
      <c r="DI28" s="100">
        <v>0</v>
      </c>
      <c r="DJ28" s="104">
        <v>0</v>
      </c>
      <c r="DK28" s="102">
        <v>0</v>
      </c>
      <c r="DL28" s="101">
        <v>0</v>
      </c>
      <c r="DM28" s="104">
        <v>79128</v>
      </c>
      <c r="DN28" s="104">
        <v>20492</v>
      </c>
      <c r="DO28" s="104">
        <v>263556</v>
      </c>
      <c r="DP28" s="104">
        <v>151910</v>
      </c>
      <c r="DQ28" s="104">
        <v>0</v>
      </c>
      <c r="DR28" s="103">
        <v>515086</v>
      </c>
      <c r="DS28" s="106">
        <v>515086</v>
      </c>
      <c r="DT28" s="100">
        <v>0</v>
      </c>
      <c r="DU28" s="104">
        <v>0</v>
      </c>
      <c r="DV28" s="103">
        <v>0</v>
      </c>
      <c r="DW28" s="100">
        <v>0</v>
      </c>
      <c r="DX28" s="104">
        <v>79128</v>
      </c>
      <c r="DY28" s="104">
        <v>20492</v>
      </c>
      <c r="DZ28" s="104">
        <v>235255</v>
      </c>
      <c r="EA28" s="104">
        <v>69005</v>
      </c>
      <c r="EB28" s="104">
        <v>0</v>
      </c>
      <c r="EC28" s="103">
        <v>403880</v>
      </c>
      <c r="ED28" s="106">
        <v>403880</v>
      </c>
      <c r="EE28" s="100">
        <v>0</v>
      </c>
      <c r="EF28" s="102">
        <v>0</v>
      </c>
      <c r="EG28" s="103">
        <v>0</v>
      </c>
      <c r="EH28" s="100">
        <v>0</v>
      </c>
      <c r="EI28" s="104">
        <v>0</v>
      </c>
      <c r="EJ28" s="104">
        <v>0</v>
      </c>
      <c r="EK28" s="104">
        <v>28301</v>
      </c>
      <c r="EL28" s="104">
        <v>82905</v>
      </c>
      <c r="EM28" s="104">
        <v>0</v>
      </c>
      <c r="EN28" s="102">
        <v>111206</v>
      </c>
      <c r="EO28" s="106">
        <v>111206</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2782</v>
      </c>
      <c r="FM28" s="104">
        <v>33390</v>
      </c>
      <c r="FN28" s="103">
        <v>46172</v>
      </c>
      <c r="FO28" s="100">
        <v>0</v>
      </c>
      <c r="FP28" s="104">
        <v>64652</v>
      </c>
      <c r="FQ28" s="104">
        <v>237090</v>
      </c>
      <c r="FR28" s="104">
        <v>148771</v>
      </c>
      <c r="FS28" s="104">
        <v>116473</v>
      </c>
      <c r="FT28" s="104">
        <v>80465</v>
      </c>
      <c r="FU28" s="103">
        <v>647451</v>
      </c>
      <c r="FV28" s="106">
        <v>693623</v>
      </c>
      <c r="FW28" s="105">
        <v>12782</v>
      </c>
      <c r="FX28" s="104">
        <v>33390</v>
      </c>
      <c r="FY28" s="102">
        <v>46172</v>
      </c>
      <c r="FZ28" s="101">
        <v>0</v>
      </c>
      <c r="GA28" s="104">
        <v>64652</v>
      </c>
      <c r="GB28" s="104">
        <v>237090</v>
      </c>
      <c r="GC28" s="104">
        <v>148771</v>
      </c>
      <c r="GD28" s="104">
        <v>116473</v>
      </c>
      <c r="GE28" s="104">
        <v>80465</v>
      </c>
      <c r="GF28" s="103">
        <v>647451</v>
      </c>
      <c r="GG28" s="296">
        <v>693623</v>
      </c>
      <c r="GH28" s="105">
        <v>0</v>
      </c>
      <c r="GI28" s="104">
        <v>0</v>
      </c>
      <c r="GJ28" s="102">
        <v>0</v>
      </c>
      <c r="GK28" s="101">
        <v>0</v>
      </c>
      <c r="GL28" s="104">
        <v>0</v>
      </c>
      <c r="GM28" s="104">
        <v>0</v>
      </c>
      <c r="GN28" s="104">
        <v>0</v>
      </c>
      <c r="GO28" s="104">
        <v>0</v>
      </c>
      <c r="GP28" s="104">
        <v>0</v>
      </c>
      <c r="GQ28" s="103">
        <v>0</v>
      </c>
      <c r="GR28" s="106">
        <v>0</v>
      </c>
      <c r="GS28" s="100">
        <v>0</v>
      </c>
      <c r="GT28" s="104">
        <v>0</v>
      </c>
      <c r="GU28" s="103">
        <v>0</v>
      </c>
      <c r="GV28" s="100">
        <v>0</v>
      </c>
      <c r="GW28" s="104">
        <v>0</v>
      </c>
      <c r="GX28" s="104">
        <v>0</v>
      </c>
      <c r="GY28" s="104">
        <v>0</v>
      </c>
      <c r="GZ28" s="104">
        <v>0</v>
      </c>
      <c r="HA28" s="104">
        <v>0</v>
      </c>
      <c r="HB28" s="102">
        <v>0</v>
      </c>
      <c r="HC28" s="106">
        <v>0</v>
      </c>
      <c r="HD28" s="100">
        <v>0</v>
      </c>
      <c r="HE28" s="104">
        <v>0</v>
      </c>
      <c r="HF28" s="102">
        <v>0</v>
      </c>
      <c r="HG28" s="101">
        <v>0</v>
      </c>
      <c r="HH28" s="104">
        <v>134581</v>
      </c>
      <c r="HI28" s="104">
        <v>470052</v>
      </c>
      <c r="HJ28" s="104">
        <v>170768</v>
      </c>
      <c r="HK28" s="104">
        <v>1691115</v>
      </c>
      <c r="HL28" s="104">
        <v>1017490</v>
      </c>
      <c r="HM28" s="103">
        <v>3484006</v>
      </c>
      <c r="HN28" s="99">
        <v>3484006</v>
      </c>
      <c r="HO28" s="306"/>
      <c r="HP28" s="307"/>
      <c r="HQ28" s="308"/>
      <c r="HR28" s="309"/>
      <c r="HS28" s="307"/>
      <c r="HT28" s="307"/>
      <c r="HU28" s="307"/>
      <c r="HV28" s="307"/>
      <c r="HW28" s="307"/>
      <c r="HX28" s="310"/>
      <c r="HY28" s="311"/>
      <c r="HZ28" s="137">
        <v>0</v>
      </c>
      <c r="IA28" s="122">
        <v>0</v>
      </c>
      <c r="IB28" s="137">
        <v>0</v>
      </c>
      <c r="IC28" s="121">
        <v>0</v>
      </c>
      <c r="ID28" s="122">
        <v>220997</v>
      </c>
      <c r="IE28" s="123">
        <v>104574</v>
      </c>
      <c r="IF28" s="124">
        <v>722887</v>
      </c>
      <c r="IG28" s="122">
        <v>73917</v>
      </c>
      <c r="IH28" s="124">
        <v>339422</v>
      </c>
      <c r="II28" s="125">
        <v>1461797</v>
      </c>
      <c r="IJ28" s="137">
        <v>1461797</v>
      </c>
      <c r="IK28" s="219">
        <v>0</v>
      </c>
      <c r="IL28" s="223">
        <v>0</v>
      </c>
      <c r="IM28" s="224">
        <v>0</v>
      </c>
      <c r="IN28" s="127"/>
      <c r="IO28" s="109">
        <v>0</v>
      </c>
      <c r="IP28" s="109">
        <v>0</v>
      </c>
      <c r="IQ28" s="109">
        <v>0</v>
      </c>
      <c r="IR28" s="109">
        <v>0</v>
      </c>
      <c r="IS28" s="109">
        <v>232199</v>
      </c>
      <c r="IT28" s="128">
        <v>232199</v>
      </c>
      <c r="IU28" s="298">
        <v>232199</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16098</v>
      </c>
      <c r="JL28" s="109">
        <v>53099</v>
      </c>
      <c r="JM28" s="109">
        <v>65183</v>
      </c>
      <c r="JN28" s="109">
        <v>0</v>
      </c>
      <c r="JO28" s="109">
        <v>107223</v>
      </c>
      <c r="JP28" s="110">
        <v>241603</v>
      </c>
      <c r="JQ28" s="298">
        <v>241603</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0</v>
      </c>
      <c r="KI28" s="109">
        <v>0</v>
      </c>
      <c r="KJ28" s="109">
        <v>0</v>
      </c>
      <c r="KK28" s="109">
        <v>0</v>
      </c>
      <c r="KL28" s="110">
        <v>0</v>
      </c>
      <c r="KM28" s="130">
        <v>0</v>
      </c>
      <c r="KN28" s="219">
        <v>0</v>
      </c>
      <c r="KO28" s="223">
        <v>0</v>
      </c>
      <c r="KP28" s="224">
        <v>0</v>
      </c>
      <c r="KQ28" s="127"/>
      <c r="KR28" s="109">
        <v>204899</v>
      </c>
      <c r="KS28" s="109">
        <v>51475</v>
      </c>
      <c r="KT28" s="109">
        <v>657704</v>
      </c>
      <c r="KU28" s="109">
        <v>73917</v>
      </c>
      <c r="KV28" s="109">
        <v>0</v>
      </c>
      <c r="KW28" s="110">
        <v>987995</v>
      </c>
      <c r="KX28" s="298">
        <v>987995</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c r="MJ28" s="109">
        <v>0</v>
      </c>
      <c r="MK28" s="109">
        <v>0</v>
      </c>
      <c r="ML28" s="109">
        <v>658769</v>
      </c>
      <c r="MM28" s="109">
        <v>661530</v>
      </c>
      <c r="MN28" s="109">
        <v>829691</v>
      </c>
      <c r="MO28" s="110">
        <v>2149990</v>
      </c>
      <c r="MP28" s="130">
        <v>2149990</v>
      </c>
      <c r="MQ28" s="129">
        <v>0</v>
      </c>
      <c r="MR28" s="109">
        <v>0</v>
      </c>
      <c r="MS28" s="110">
        <v>0</v>
      </c>
      <c r="MT28" s="132"/>
      <c r="MU28" s="109">
        <v>0</v>
      </c>
      <c r="MV28" s="109">
        <v>0</v>
      </c>
      <c r="MW28" s="109">
        <v>427784</v>
      </c>
      <c r="MX28" s="109">
        <v>661530</v>
      </c>
      <c r="MY28" s="109">
        <v>0</v>
      </c>
      <c r="MZ28" s="110">
        <v>1089314</v>
      </c>
      <c r="NA28" s="130">
        <v>1089314</v>
      </c>
      <c r="NB28" s="129">
        <v>0</v>
      </c>
      <c r="NC28" s="109">
        <v>0</v>
      </c>
      <c r="ND28" s="110">
        <v>0</v>
      </c>
      <c r="NE28" s="132"/>
      <c r="NF28" s="109">
        <v>0</v>
      </c>
      <c r="NG28" s="109">
        <v>0</v>
      </c>
      <c r="NH28" s="109">
        <v>230985</v>
      </c>
      <c r="NI28" s="109">
        <v>0</v>
      </c>
      <c r="NJ28" s="109">
        <v>512078</v>
      </c>
      <c r="NK28" s="110">
        <v>743063</v>
      </c>
      <c r="NL28" s="298">
        <v>743063</v>
      </c>
      <c r="NM28" s="129">
        <v>0</v>
      </c>
      <c r="NN28" s="109">
        <v>0</v>
      </c>
      <c r="NO28" s="110">
        <v>0</v>
      </c>
      <c r="NP28" s="132"/>
      <c r="NQ28" s="109">
        <v>0</v>
      </c>
      <c r="NR28" s="109">
        <v>0</v>
      </c>
      <c r="NS28" s="109">
        <v>0</v>
      </c>
      <c r="NT28" s="109">
        <v>0</v>
      </c>
      <c r="NU28" s="109">
        <v>0</v>
      </c>
      <c r="NV28" s="110">
        <v>0</v>
      </c>
      <c r="NW28" s="111">
        <v>0</v>
      </c>
      <c r="NX28" s="129">
        <v>0</v>
      </c>
      <c r="NY28" s="109">
        <v>0</v>
      </c>
      <c r="NZ28" s="110">
        <v>0</v>
      </c>
      <c r="OA28" s="132"/>
      <c r="OB28" s="109">
        <v>0</v>
      </c>
      <c r="OC28" s="109">
        <v>0</v>
      </c>
      <c r="OD28" s="109">
        <v>0</v>
      </c>
      <c r="OE28" s="109">
        <v>0</v>
      </c>
      <c r="OF28" s="109">
        <v>317613</v>
      </c>
      <c r="OG28" s="110">
        <v>317613</v>
      </c>
      <c r="OH28" s="111">
        <v>317613</v>
      </c>
      <c r="OI28" s="129">
        <v>100411</v>
      </c>
      <c r="OJ28" s="109">
        <v>167880</v>
      </c>
      <c r="OK28" s="128">
        <v>268291</v>
      </c>
      <c r="OL28" s="108">
        <v>0</v>
      </c>
      <c r="OM28" s="109">
        <v>1471453</v>
      </c>
      <c r="ON28" s="109">
        <v>2584293</v>
      </c>
      <c r="OO28" s="109">
        <v>3563217</v>
      </c>
      <c r="OP28" s="109">
        <v>3955289</v>
      </c>
      <c r="OQ28" s="109">
        <v>2700174</v>
      </c>
      <c r="OR28" s="110">
        <v>14274426</v>
      </c>
      <c r="OS28" s="130">
        <v>14542717</v>
      </c>
    </row>
    <row r="29" spans="2:409" ht="21" customHeight="1" x14ac:dyDescent="0.2">
      <c r="B29" s="472" t="s">
        <v>24</v>
      </c>
      <c r="C29" s="100">
        <v>196397</v>
      </c>
      <c r="D29" s="104">
        <v>320936</v>
      </c>
      <c r="E29" s="103">
        <v>517333</v>
      </c>
      <c r="F29" s="99">
        <v>0</v>
      </c>
      <c r="G29" s="104">
        <v>2336804</v>
      </c>
      <c r="H29" s="104">
        <v>2251725</v>
      </c>
      <c r="I29" s="104">
        <v>1743757</v>
      </c>
      <c r="J29" s="104">
        <v>1829805</v>
      </c>
      <c r="K29" s="104">
        <v>2474009</v>
      </c>
      <c r="L29" s="160">
        <v>10636100</v>
      </c>
      <c r="M29" s="106">
        <v>11153433</v>
      </c>
      <c r="N29" s="100">
        <v>52884</v>
      </c>
      <c r="O29" s="104">
        <v>59334</v>
      </c>
      <c r="P29" s="103">
        <v>112218</v>
      </c>
      <c r="Q29" s="100">
        <v>0</v>
      </c>
      <c r="R29" s="104">
        <v>747777</v>
      </c>
      <c r="S29" s="104">
        <v>601259</v>
      </c>
      <c r="T29" s="104">
        <v>556079</v>
      </c>
      <c r="U29" s="104">
        <v>713700</v>
      </c>
      <c r="V29" s="104">
        <v>935941</v>
      </c>
      <c r="W29" s="103">
        <v>3554756</v>
      </c>
      <c r="X29" s="106">
        <v>3666974</v>
      </c>
      <c r="Y29" s="100">
        <v>0</v>
      </c>
      <c r="Z29" s="104">
        <v>0</v>
      </c>
      <c r="AA29" s="103">
        <v>0</v>
      </c>
      <c r="AB29" s="100">
        <v>0</v>
      </c>
      <c r="AC29" s="104">
        <v>215992</v>
      </c>
      <c r="AD29" s="104">
        <v>250842</v>
      </c>
      <c r="AE29" s="104">
        <v>196244</v>
      </c>
      <c r="AF29" s="104">
        <v>320880</v>
      </c>
      <c r="AG29" s="104">
        <v>545418</v>
      </c>
      <c r="AH29" s="103">
        <v>1529376</v>
      </c>
      <c r="AI29" s="106">
        <v>1529376</v>
      </c>
      <c r="AJ29" s="100">
        <v>0</v>
      </c>
      <c r="AK29" s="104">
        <v>0</v>
      </c>
      <c r="AL29" s="103">
        <v>0</v>
      </c>
      <c r="AM29" s="100">
        <v>0</v>
      </c>
      <c r="AN29" s="104">
        <v>52822</v>
      </c>
      <c r="AO29" s="104">
        <v>0</v>
      </c>
      <c r="AP29" s="104">
        <v>0</v>
      </c>
      <c r="AQ29" s="104">
        <v>0</v>
      </c>
      <c r="AR29" s="104">
        <v>83515</v>
      </c>
      <c r="AS29" s="103">
        <v>136337</v>
      </c>
      <c r="AT29" s="106">
        <v>136337</v>
      </c>
      <c r="AU29" s="100">
        <v>31471</v>
      </c>
      <c r="AV29" s="104">
        <v>46741</v>
      </c>
      <c r="AW29" s="103">
        <v>78212</v>
      </c>
      <c r="AX29" s="100">
        <v>0</v>
      </c>
      <c r="AY29" s="104">
        <v>356043</v>
      </c>
      <c r="AZ29" s="104">
        <v>218096</v>
      </c>
      <c r="BA29" s="104">
        <v>259903</v>
      </c>
      <c r="BB29" s="104">
        <v>224029</v>
      </c>
      <c r="BC29" s="104">
        <v>115719</v>
      </c>
      <c r="BD29" s="103">
        <v>1173790</v>
      </c>
      <c r="BE29" s="106">
        <v>1252002</v>
      </c>
      <c r="BF29" s="100">
        <v>0</v>
      </c>
      <c r="BG29" s="104">
        <v>0</v>
      </c>
      <c r="BH29" s="102">
        <v>0</v>
      </c>
      <c r="BI29" s="101">
        <v>0</v>
      </c>
      <c r="BJ29" s="104">
        <v>0</v>
      </c>
      <c r="BK29" s="104">
        <v>21910</v>
      </c>
      <c r="BL29" s="104">
        <v>0</v>
      </c>
      <c r="BM29" s="104">
        <v>0</v>
      </c>
      <c r="BN29" s="104">
        <v>28490</v>
      </c>
      <c r="BO29" s="103">
        <v>50400</v>
      </c>
      <c r="BP29" s="106">
        <v>50400</v>
      </c>
      <c r="BQ29" s="100">
        <v>21413</v>
      </c>
      <c r="BR29" s="104">
        <v>12593</v>
      </c>
      <c r="BS29" s="103">
        <v>34006</v>
      </c>
      <c r="BT29" s="100">
        <v>0</v>
      </c>
      <c r="BU29" s="104">
        <v>122920</v>
      </c>
      <c r="BV29" s="104">
        <v>110411</v>
      </c>
      <c r="BW29" s="104">
        <v>99932</v>
      </c>
      <c r="BX29" s="104">
        <v>168791</v>
      </c>
      <c r="BY29" s="104">
        <v>162799</v>
      </c>
      <c r="BZ29" s="103">
        <v>664853</v>
      </c>
      <c r="CA29" s="106">
        <v>698859</v>
      </c>
      <c r="CB29" s="100">
        <v>18735</v>
      </c>
      <c r="CC29" s="104">
        <v>71320</v>
      </c>
      <c r="CD29" s="103">
        <v>90055</v>
      </c>
      <c r="CE29" s="100">
        <v>0</v>
      </c>
      <c r="CF29" s="104">
        <v>485451</v>
      </c>
      <c r="CG29" s="104">
        <v>526863</v>
      </c>
      <c r="CH29" s="104">
        <v>285764</v>
      </c>
      <c r="CI29" s="104">
        <v>121278</v>
      </c>
      <c r="CJ29" s="104">
        <v>216501</v>
      </c>
      <c r="CK29" s="103">
        <v>1635857</v>
      </c>
      <c r="CL29" s="106">
        <v>1725912</v>
      </c>
      <c r="CM29" s="100">
        <v>0</v>
      </c>
      <c r="CN29" s="104">
        <v>0</v>
      </c>
      <c r="CO29" s="103">
        <v>0</v>
      </c>
      <c r="CP29" s="101">
        <v>0</v>
      </c>
      <c r="CQ29" s="104">
        <v>328342</v>
      </c>
      <c r="CR29" s="104">
        <v>233509</v>
      </c>
      <c r="CS29" s="104">
        <v>181670</v>
      </c>
      <c r="CT29" s="104">
        <v>15959</v>
      </c>
      <c r="CU29" s="104">
        <v>0</v>
      </c>
      <c r="CV29" s="103">
        <v>759480</v>
      </c>
      <c r="CW29" s="106">
        <v>759480</v>
      </c>
      <c r="CX29" s="100">
        <v>18735</v>
      </c>
      <c r="CY29" s="104">
        <v>71320</v>
      </c>
      <c r="CZ29" s="103">
        <v>90055</v>
      </c>
      <c r="DA29" s="100">
        <v>0</v>
      </c>
      <c r="DB29" s="104">
        <v>157109</v>
      </c>
      <c r="DC29" s="104">
        <v>293354</v>
      </c>
      <c r="DD29" s="104">
        <v>104094</v>
      </c>
      <c r="DE29" s="104">
        <v>105319</v>
      </c>
      <c r="DF29" s="104">
        <v>216501</v>
      </c>
      <c r="DG29" s="103">
        <v>876377</v>
      </c>
      <c r="DH29" s="106">
        <v>966432</v>
      </c>
      <c r="DI29" s="100">
        <v>0</v>
      </c>
      <c r="DJ29" s="104">
        <v>0</v>
      </c>
      <c r="DK29" s="102">
        <v>0</v>
      </c>
      <c r="DL29" s="101">
        <v>0</v>
      </c>
      <c r="DM29" s="104">
        <v>26356</v>
      </c>
      <c r="DN29" s="104">
        <v>14331</v>
      </c>
      <c r="DO29" s="104">
        <v>43458</v>
      </c>
      <c r="DP29" s="104">
        <v>0</v>
      </c>
      <c r="DQ29" s="104">
        <v>87104</v>
      </c>
      <c r="DR29" s="103">
        <v>171249</v>
      </c>
      <c r="DS29" s="106">
        <v>171249</v>
      </c>
      <c r="DT29" s="100">
        <v>0</v>
      </c>
      <c r="DU29" s="104">
        <v>0</v>
      </c>
      <c r="DV29" s="103">
        <v>0</v>
      </c>
      <c r="DW29" s="100">
        <v>0</v>
      </c>
      <c r="DX29" s="104">
        <v>26356</v>
      </c>
      <c r="DY29" s="104">
        <v>14331</v>
      </c>
      <c r="DZ29" s="104">
        <v>43458</v>
      </c>
      <c r="EA29" s="104">
        <v>0</v>
      </c>
      <c r="EB29" s="104">
        <v>87104</v>
      </c>
      <c r="EC29" s="103">
        <v>171249</v>
      </c>
      <c r="ED29" s="106">
        <v>171249</v>
      </c>
      <c r="EE29" s="100">
        <v>0</v>
      </c>
      <c r="EF29" s="102">
        <v>0</v>
      </c>
      <c r="EG29" s="103">
        <v>0</v>
      </c>
      <c r="EH29" s="100">
        <v>0</v>
      </c>
      <c r="EI29" s="104">
        <v>0</v>
      </c>
      <c r="EJ29" s="104">
        <v>0</v>
      </c>
      <c r="EK29" s="104">
        <v>0</v>
      </c>
      <c r="EL29" s="104">
        <v>0</v>
      </c>
      <c r="EM29" s="104">
        <v>0</v>
      </c>
      <c r="EN29" s="102">
        <v>0</v>
      </c>
      <c r="EO29" s="106">
        <v>0</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31178</v>
      </c>
      <c r="FM29" s="104">
        <v>36246</v>
      </c>
      <c r="FN29" s="103">
        <v>67424</v>
      </c>
      <c r="FO29" s="100">
        <v>0</v>
      </c>
      <c r="FP29" s="104">
        <v>45990</v>
      </c>
      <c r="FQ29" s="104">
        <v>185857</v>
      </c>
      <c r="FR29" s="104">
        <v>162638</v>
      </c>
      <c r="FS29" s="104">
        <v>101682</v>
      </c>
      <c r="FT29" s="104">
        <v>276801</v>
      </c>
      <c r="FU29" s="103">
        <v>772968</v>
      </c>
      <c r="FV29" s="106">
        <v>840392</v>
      </c>
      <c r="FW29" s="105">
        <v>31178</v>
      </c>
      <c r="FX29" s="104">
        <v>36246</v>
      </c>
      <c r="FY29" s="102">
        <v>67424</v>
      </c>
      <c r="FZ29" s="101">
        <v>0</v>
      </c>
      <c r="GA29" s="104">
        <v>45990</v>
      </c>
      <c r="GB29" s="104">
        <v>185857</v>
      </c>
      <c r="GC29" s="104">
        <v>162638</v>
      </c>
      <c r="GD29" s="104">
        <v>101682</v>
      </c>
      <c r="GE29" s="104">
        <v>136801</v>
      </c>
      <c r="GF29" s="103">
        <v>632968</v>
      </c>
      <c r="GG29" s="296">
        <v>700392</v>
      </c>
      <c r="GH29" s="105">
        <v>0</v>
      </c>
      <c r="GI29" s="104">
        <v>0</v>
      </c>
      <c r="GJ29" s="102">
        <v>0</v>
      </c>
      <c r="GK29" s="101">
        <v>0</v>
      </c>
      <c r="GL29" s="104">
        <v>0</v>
      </c>
      <c r="GM29" s="104">
        <v>0</v>
      </c>
      <c r="GN29" s="104">
        <v>0</v>
      </c>
      <c r="GO29" s="104">
        <v>0</v>
      </c>
      <c r="GP29" s="104">
        <v>0</v>
      </c>
      <c r="GQ29" s="103">
        <v>0</v>
      </c>
      <c r="GR29" s="106">
        <v>0</v>
      </c>
      <c r="GS29" s="100">
        <v>0</v>
      </c>
      <c r="GT29" s="104">
        <v>0</v>
      </c>
      <c r="GU29" s="103">
        <v>0</v>
      </c>
      <c r="GV29" s="100">
        <v>0</v>
      </c>
      <c r="GW29" s="104">
        <v>0</v>
      </c>
      <c r="GX29" s="104">
        <v>0</v>
      </c>
      <c r="GY29" s="104">
        <v>0</v>
      </c>
      <c r="GZ29" s="104">
        <v>0</v>
      </c>
      <c r="HA29" s="104">
        <v>140000</v>
      </c>
      <c r="HB29" s="102">
        <v>140000</v>
      </c>
      <c r="HC29" s="106">
        <v>140000</v>
      </c>
      <c r="HD29" s="100">
        <v>93600</v>
      </c>
      <c r="HE29" s="104">
        <v>154036</v>
      </c>
      <c r="HF29" s="102">
        <v>247636</v>
      </c>
      <c r="HG29" s="101">
        <v>0</v>
      </c>
      <c r="HH29" s="104">
        <v>1031230</v>
      </c>
      <c r="HI29" s="104">
        <v>923415</v>
      </c>
      <c r="HJ29" s="104">
        <v>695818</v>
      </c>
      <c r="HK29" s="104">
        <v>893145</v>
      </c>
      <c r="HL29" s="104">
        <v>957662</v>
      </c>
      <c r="HM29" s="103">
        <v>4501270</v>
      </c>
      <c r="HN29" s="99">
        <v>4748906</v>
      </c>
      <c r="HO29" s="306"/>
      <c r="HP29" s="307"/>
      <c r="HQ29" s="308"/>
      <c r="HR29" s="309"/>
      <c r="HS29" s="307"/>
      <c r="HT29" s="307"/>
      <c r="HU29" s="307"/>
      <c r="HV29" s="307"/>
      <c r="HW29" s="307"/>
      <c r="HX29" s="310"/>
      <c r="HY29" s="311"/>
      <c r="HZ29" s="118">
        <v>0</v>
      </c>
      <c r="IA29" s="119">
        <v>0</v>
      </c>
      <c r="IB29" s="120">
        <v>0</v>
      </c>
      <c r="IC29" s="133">
        <v>0</v>
      </c>
      <c r="ID29" s="119">
        <v>280609</v>
      </c>
      <c r="IE29" s="134">
        <v>36834</v>
      </c>
      <c r="IF29" s="120">
        <v>810588</v>
      </c>
      <c r="IG29" s="119">
        <v>295122</v>
      </c>
      <c r="IH29" s="120">
        <v>323216</v>
      </c>
      <c r="II29" s="135">
        <v>1746369</v>
      </c>
      <c r="IJ29" s="126">
        <v>1746369</v>
      </c>
      <c r="IK29" s="219">
        <v>0</v>
      </c>
      <c r="IL29" s="223">
        <v>0</v>
      </c>
      <c r="IM29" s="224">
        <v>0</v>
      </c>
      <c r="IN29" s="127"/>
      <c r="IO29" s="109">
        <v>0</v>
      </c>
      <c r="IP29" s="109">
        <v>0</v>
      </c>
      <c r="IQ29" s="109">
        <v>140533</v>
      </c>
      <c r="IR29" s="109">
        <v>189329</v>
      </c>
      <c r="IS29" s="109">
        <v>0</v>
      </c>
      <c r="IT29" s="128">
        <v>329862</v>
      </c>
      <c r="IU29" s="298">
        <v>329862</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6290</v>
      </c>
      <c r="JL29" s="109">
        <v>0</v>
      </c>
      <c r="JM29" s="109">
        <v>0</v>
      </c>
      <c r="JN29" s="109">
        <v>105793</v>
      </c>
      <c r="JO29" s="109">
        <v>0</v>
      </c>
      <c r="JP29" s="110">
        <v>112083</v>
      </c>
      <c r="JQ29" s="298">
        <v>112083</v>
      </c>
      <c r="JR29" s="129">
        <v>0</v>
      </c>
      <c r="JS29" s="109">
        <v>0</v>
      </c>
      <c r="JT29" s="128">
        <v>0</v>
      </c>
      <c r="JU29" s="108">
        <v>0</v>
      </c>
      <c r="JV29" s="109">
        <v>0</v>
      </c>
      <c r="JW29" s="109">
        <v>36834</v>
      </c>
      <c r="JX29" s="109">
        <v>152819</v>
      </c>
      <c r="JY29" s="109">
        <v>0</v>
      </c>
      <c r="JZ29" s="109">
        <v>110120</v>
      </c>
      <c r="KA29" s="110">
        <v>299773</v>
      </c>
      <c r="KB29" s="298">
        <v>299773</v>
      </c>
      <c r="KC29" s="221">
        <v>0</v>
      </c>
      <c r="KD29" s="217">
        <v>0</v>
      </c>
      <c r="KE29" s="110">
        <v>0</v>
      </c>
      <c r="KF29" s="108">
        <v>0</v>
      </c>
      <c r="KG29" s="109">
        <v>274319</v>
      </c>
      <c r="KH29" s="109">
        <v>0</v>
      </c>
      <c r="KI29" s="109">
        <v>310122</v>
      </c>
      <c r="KJ29" s="109">
        <v>0</v>
      </c>
      <c r="KK29" s="109">
        <v>0</v>
      </c>
      <c r="KL29" s="110">
        <v>584441</v>
      </c>
      <c r="KM29" s="130">
        <v>584441</v>
      </c>
      <c r="KN29" s="219">
        <v>0</v>
      </c>
      <c r="KO29" s="223">
        <v>0</v>
      </c>
      <c r="KP29" s="224">
        <v>0</v>
      </c>
      <c r="KQ29" s="127"/>
      <c r="KR29" s="109">
        <v>0</v>
      </c>
      <c r="KS29" s="109">
        <v>0</v>
      </c>
      <c r="KT29" s="109">
        <v>207114</v>
      </c>
      <c r="KU29" s="109">
        <v>0</v>
      </c>
      <c r="KV29" s="109">
        <v>213096</v>
      </c>
      <c r="KW29" s="110">
        <v>420210</v>
      </c>
      <c r="KX29" s="298">
        <v>420210</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0</v>
      </c>
      <c r="MK29" s="109">
        <v>0</v>
      </c>
      <c r="ML29" s="109">
        <v>210299</v>
      </c>
      <c r="MM29" s="109">
        <v>786667</v>
      </c>
      <c r="MN29" s="109">
        <v>0</v>
      </c>
      <c r="MO29" s="110">
        <v>996966</v>
      </c>
      <c r="MP29" s="130">
        <v>996966</v>
      </c>
      <c r="MQ29" s="129">
        <v>0</v>
      </c>
      <c r="MR29" s="109">
        <v>0</v>
      </c>
      <c r="MS29" s="110">
        <v>0</v>
      </c>
      <c r="MT29" s="132"/>
      <c r="MU29" s="109">
        <v>0</v>
      </c>
      <c r="MV29" s="109">
        <v>0</v>
      </c>
      <c r="MW29" s="109">
        <v>210299</v>
      </c>
      <c r="MX29" s="109">
        <v>786667</v>
      </c>
      <c r="MY29" s="109">
        <v>0</v>
      </c>
      <c r="MZ29" s="110">
        <v>996966</v>
      </c>
      <c r="NA29" s="130">
        <v>996966</v>
      </c>
      <c r="NB29" s="129">
        <v>0</v>
      </c>
      <c r="NC29" s="109">
        <v>0</v>
      </c>
      <c r="ND29" s="110">
        <v>0</v>
      </c>
      <c r="NE29" s="132"/>
      <c r="NF29" s="109">
        <v>0</v>
      </c>
      <c r="NG29" s="109">
        <v>0</v>
      </c>
      <c r="NH29" s="109">
        <v>0</v>
      </c>
      <c r="NI29" s="109">
        <v>0</v>
      </c>
      <c r="NJ29" s="109">
        <v>0</v>
      </c>
      <c r="NK29" s="110">
        <v>0</v>
      </c>
      <c r="NL29" s="298">
        <v>0</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196397</v>
      </c>
      <c r="OJ29" s="109">
        <v>320936</v>
      </c>
      <c r="OK29" s="128">
        <v>517333</v>
      </c>
      <c r="OL29" s="108">
        <v>0</v>
      </c>
      <c r="OM29" s="109">
        <v>2617413</v>
      </c>
      <c r="ON29" s="109">
        <v>2288559</v>
      </c>
      <c r="OO29" s="109">
        <v>2764644</v>
      </c>
      <c r="OP29" s="109">
        <v>2911594</v>
      </c>
      <c r="OQ29" s="109">
        <v>2797225</v>
      </c>
      <c r="OR29" s="110">
        <v>13379435</v>
      </c>
      <c r="OS29" s="130">
        <v>13896768</v>
      </c>
    </row>
    <row r="30" spans="2:409" ht="21" customHeight="1" x14ac:dyDescent="0.2">
      <c r="B30" s="472" t="s">
        <v>25</v>
      </c>
      <c r="C30" s="100">
        <v>64411</v>
      </c>
      <c r="D30" s="104">
        <v>128181</v>
      </c>
      <c r="E30" s="103">
        <v>192592</v>
      </c>
      <c r="F30" s="99">
        <v>0</v>
      </c>
      <c r="G30" s="104">
        <v>437010</v>
      </c>
      <c r="H30" s="104">
        <v>962372</v>
      </c>
      <c r="I30" s="104">
        <v>686557</v>
      </c>
      <c r="J30" s="104">
        <v>327488</v>
      </c>
      <c r="K30" s="104">
        <v>871183</v>
      </c>
      <c r="L30" s="160">
        <v>3284610</v>
      </c>
      <c r="M30" s="106">
        <v>3477202</v>
      </c>
      <c r="N30" s="100">
        <v>49753</v>
      </c>
      <c r="O30" s="104">
        <v>69538</v>
      </c>
      <c r="P30" s="103">
        <v>119291</v>
      </c>
      <c r="Q30" s="100">
        <v>0</v>
      </c>
      <c r="R30" s="104">
        <v>189154</v>
      </c>
      <c r="S30" s="104">
        <v>255786</v>
      </c>
      <c r="T30" s="104">
        <v>38530</v>
      </c>
      <c r="U30" s="104">
        <v>46602</v>
      </c>
      <c r="V30" s="104">
        <v>208879</v>
      </c>
      <c r="W30" s="103">
        <v>738951</v>
      </c>
      <c r="X30" s="106">
        <v>858242</v>
      </c>
      <c r="Y30" s="100">
        <v>0</v>
      </c>
      <c r="Z30" s="104">
        <v>0</v>
      </c>
      <c r="AA30" s="103">
        <v>0</v>
      </c>
      <c r="AB30" s="100">
        <v>0</v>
      </c>
      <c r="AC30" s="104">
        <v>72381</v>
      </c>
      <c r="AD30" s="104">
        <v>100072</v>
      </c>
      <c r="AE30" s="104">
        <v>24978</v>
      </c>
      <c r="AF30" s="104">
        <v>27772</v>
      </c>
      <c r="AG30" s="104">
        <v>0</v>
      </c>
      <c r="AH30" s="103">
        <v>225203</v>
      </c>
      <c r="AI30" s="106">
        <v>225203</v>
      </c>
      <c r="AJ30" s="100">
        <v>0</v>
      </c>
      <c r="AK30" s="104">
        <v>0</v>
      </c>
      <c r="AL30" s="103">
        <v>0</v>
      </c>
      <c r="AM30" s="100">
        <v>0</v>
      </c>
      <c r="AN30" s="104">
        <v>0</v>
      </c>
      <c r="AO30" s="104">
        <v>40917</v>
      </c>
      <c r="AP30" s="104">
        <v>0</v>
      </c>
      <c r="AQ30" s="104">
        <v>0</v>
      </c>
      <c r="AR30" s="104">
        <v>81842</v>
      </c>
      <c r="AS30" s="103">
        <v>122759</v>
      </c>
      <c r="AT30" s="106">
        <v>122759</v>
      </c>
      <c r="AU30" s="100">
        <v>18155</v>
      </c>
      <c r="AV30" s="104">
        <v>60487</v>
      </c>
      <c r="AW30" s="103">
        <v>78642</v>
      </c>
      <c r="AX30" s="100">
        <v>0</v>
      </c>
      <c r="AY30" s="104">
        <v>104866</v>
      </c>
      <c r="AZ30" s="104">
        <v>106999</v>
      </c>
      <c r="BA30" s="104">
        <v>0</v>
      </c>
      <c r="BB30" s="104">
        <v>0</v>
      </c>
      <c r="BC30" s="104">
        <v>77176</v>
      </c>
      <c r="BD30" s="103">
        <v>289041</v>
      </c>
      <c r="BE30" s="106">
        <v>367683</v>
      </c>
      <c r="BF30" s="100">
        <v>0</v>
      </c>
      <c r="BG30" s="104">
        <v>0</v>
      </c>
      <c r="BH30" s="102">
        <v>0</v>
      </c>
      <c r="BI30" s="101">
        <v>0</v>
      </c>
      <c r="BJ30" s="104">
        <v>0</v>
      </c>
      <c r="BK30" s="104">
        <v>0</v>
      </c>
      <c r="BL30" s="104">
        <v>0</v>
      </c>
      <c r="BM30" s="104">
        <v>0</v>
      </c>
      <c r="BN30" s="104">
        <v>0</v>
      </c>
      <c r="BO30" s="103">
        <v>0</v>
      </c>
      <c r="BP30" s="106">
        <v>0</v>
      </c>
      <c r="BQ30" s="100">
        <v>31598</v>
      </c>
      <c r="BR30" s="104">
        <v>9051</v>
      </c>
      <c r="BS30" s="103">
        <v>40649</v>
      </c>
      <c r="BT30" s="100">
        <v>0</v>
      </c>
      <c r="BU30" s="104">
        <v>11907</v>
      </c>
      <c r="BV30" s="104">
        <v>7798</v>
      </c>
      <c r="BW30" s="104">
        <v>13552</v>
      </c>
      <c r="BX30" s="104">
        <v>18830</v>
      </c>
      <c r="BY30" s="104">
        <v>49861</v>
      </c>
      <c r="BZ30" s="103">
        <v>101948</v>
      </c>
      <c r="CA30" s="106">
        <v>142597</v>
      </c>
      <c r="CB30" s="100">
        <v>0</v>
      </c>
      <c r="CC30" s="104">
        <v>30601</v>
      </c>
      <c r="CD30" s="103">
        <v>30601</v>
      </c>
      <c r="CE30" s="100">
        <v>0</v>
      </c>
      <c r="CF30" s="104">
        <v>144299</v>
      </c>
      <c r="CG30" s="104">
        <v>354963</v>
      </c>
      <c r="CH30" s="104">
        <v>192292</v>
      </c>
      <c r="CI30" s="104">
        <v>75966</v>
      </c>
      <c r="CJ30" s="104">
        <v>128875</v>
      </c>
      <c r="CK30" s="103">
        <v>896395</v>
      </c>
      <c r="CL30" s="106">
        <v>926996</v>
      </c>
      <c r="CM30" s="100">
        <v>0</v>
      </c>
      <c r="CN30" s="104">
        <v>0</v>
      </c>
      <c r="CO30" s="103">
        <v>0</v>
      </c>
      <c r="CP30" s="101">
        <v>0</v>
      </c>
      <c r="CQ30" s="104">
        <v>144299</v>
      </c>
      <c r="CR30" s="104">
        <v>268782</v>
      </c>
      <c r="CS30" s="104">
        <v>32039</v>
      </c>
      <c r="CT30" s="104">
        <v>75966</v>
      </c>
      <c r="CU30" s="104">
        <v>0</v>
      </c>
      <c r="CV30" s="103">
        <v>521086</v>
      </c>
      <c r="CW30" s="106">
        <v>521086</v>
      </c>
      <c r="CX30" s="100">
        <v>0</v>
      </c>
      <c r="CY30" s="104">
        <v>30601</v>
      </c>
      <c r="CZ30" s="103">
        <v>30601</v>
      </c>
      <c r="DA30" s="100">
        <v>0</v>
      </c>
      <c r="DB30" s="104">
        <v>0</v>
      </c>
      <c r="DC30" s="104">
        <v>86181</v>
      </c>
      <c r="DD30" s="104">
        <v>160253</v>
      </c>
      <c r="DE30" s="104">
        <v>0</v>
      </c>
      <c r="DF30" s="104">
        <v>128875</v>
      </c>
      <c r="DG30" s="103">
        <v>375309</v>
      </c>
      <c r="DH30" s="106">
        <v>405910</v>
      </c>
      <c r="DI30" s="100">
        <v>0</v>
      </c>
      <c r="DJ30" s="104">
        <v>0</v>
      </c>
      <c r="DK30" s="102">
        <v>0</v>
      </c>
      <c r="DL30" s="101">
        <v>0</v>
      </c>
      <c r="DM30" s="104">
        <v>28587</v>
      </c>
      <c r="DN30" s="104">
        <v>50151</v>
      </c>
      <c r="DO30" s="104">
        <v>238287</v>
      </c>
      <c r="DP30" s="104">
        <v>0</v>
      </c>
      <c r="DQ30" s="104">
        <v>0</v>
      </c>
      <c r="DR30" s="103">
        <v>317025</v>
      </c>
      <c r="DS30" s="106">
        <v>317025</v>
      </c>
      <c r="DT30" s="100">
        <v>0</v>
      </c>
      <c r="DU30" s="104">
        <v>0</v>
      </c>
      <c r="DV30" s="103">
        <v>0</v>
      </c>
      <c r="DW30" s="100">
        <v>0</v>
      </c>
      <c r="DX30" s="104">
        <v>28587</v>
      </c>
      <c r="DY30" s="104">
        <v>50151</v>
      </c>
      <c r="DZ30" s="104">
        <v>238287</v>
      </c>
      <c r="EA30" s="104">
        <v>0</v>
      </c>
      <c r="EB30" s="104">
        <v>0</v>
      </c>
      <c r="EC30" s="103">
        <v>317025</v>
      </c>
      <c r="ED30" s="106">
        <v>317025</v>
      </c>
      <c r="EE30" s="100">
        <v>0</v>
      </c>
      <c r="EF30" s="102">
        <v>0</v>
      </c>
      <c r="EG30" s="103">
        <v>0</v>
      </c>
      <c r="EH30" s="100">
        <v>0</v>
      </c>
      <c r="EI30" s="104">
        <v>0</v>
      </c>
      <c r="EJ30" s="104">
        <v>0</v>
      </c>
      <c r="EK30" s="104">
        <v>0</v>
      </c>
      <c r="EL30" s="104">
        <v>0</v>
      </c>
      <c r="EM30" s="104">
        <v>0</v>
      </c>
      <c r="EN30" s="102">
        <v>0</v>
      </c>
      <c r="EO30" s="106">
        <v>0</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14658</v>
      </c>
      <c r="FM30" s="104">
        <v>28042</v>
      </c>
      <c r="FN30" s="103">
        <v>42700</v>
      </c>
      <c r="FO30" s="100">
        <v>0</v>
      </c>
      <c r="FP30" s="104">
        <v>74970</v>
      </c>
      <c r="FQ30" s="104">
        <v>141750</v>
      </c>
      <c r="FR30" s="104">
        <v>48874</v>
      </c>
      <c r="FS30" s="104">
        <v>21504</v>
      </c>
      <c r="FT30" s="104">
        <v>33180</v>
      </c>
      <c r="FU30" s="103">
        <v>320278</v>
      </c>
      <c r="FV30" s="106">
        <v>362978</v>
      </c>
      <c r="FW30" s="105">
        <v>14658</v>
      </c>
      <c r="FX30" s="104">
        <v>28042</v>
      </c>
      <c r="FY30" s="102">
        <v>42700</v>
      </c>
      <c r="FZ30" s="101">
        <v>0</v>
      </c>
      <c r="GA30" s="104">
        <v>74970</v>
      </c>
      <c r="GB30" s="104">
        <v>129150</v>
      </c>
      <c r="GC30" s="104">
        <v>48874</v>
      </c>
      <c r="GD30" s="104">
        <v>21504</v>
      </c>
      <c r="GE30" s="104">
        <v>33180</v>
      </c>
      <c r="GF30" s="103">
        <v>307678</v>
      </c>
      <c r="GG30" s="296">
        <v>350378</v>
      </c>
      <c r="GH30" s="105">
        <v>0</v>
      </c>
      <c r="GI30" s="104">
        <v>0</v>
      </c>
      <c r="GJ30" s="102">
        <v>0</v>
      </c>
      <c r="GK30" s="101">
        <v>0</v>
      </c>
      <c r="GL30" s="104">
        <v>0</v>
      </c>
      <c r="GM30" s="104">
        <v>12600</v>
      </c>
      <c r="GN30" s="104">
        <v>0</v>
      </c>
      <c r="GO30" s="104">
        <v>0</v>
      </c>
      <c r="GP30" s="104">
        <v>0</v>
      </c>
      <c r="GQ30" s="103">
        <v>12600</v>
      </c>
      <c r="GR30" s="106">
        <v>12600</v>
      </c>
      <c r="GS30" s="100">
        <v>0</v>
      </c>
      <c r="GT30" s="104">
        <v>0</v>
      </c>
      <c r="GU30" s="103">
        <v>0</v>
      </c>
      <c r="GV30" s="100">
        <v>0</v>
      </c>
      <c r="GW30" s="104">
        <v>0</v>
      </c>
      <c r="GX30" s="104">
        <v>0</v>
      </c>
      <c r="GY30" s="104">
        <v>0</v>
      </c>
      <c r="GZ30" s="104">
        <v>0</v>
      </c>
      <c r="HA30" s="104">
        <v>0</v>
      </c>
      <c r="HB30" s="102">
        <v>0</v>
      </c>
      <c r="HC30" s="106">
        <v>0</v>
      </c>
      <c r="HD30" s="100">
        <v>0</v>
      </c>
      <c r="HE30" s="104">
        <v>0</v>
      </c>
      <c r="HF30" s="102">
        <v>0</v>
      </c>
      <c r="HG30" s="101">
        <v>0</v>
      </c>
      <c r="HH30" s="104">
        <v>0</v>
      </c>
      <c r="HI30" s="104">
        <v>159722</v>
      </c>
      <c r="HJ30" s="104">
        <v>168574</v>
      </c>
      <c r="HK30" s="104">
        <v>183416</v>
      </c>
      <c r="HL30" s="104">
        <v>500249</v>
      </c>
      <c r="HM30" s="103">
        <v>1011961</v>
      </c>
      <c r="HN30" s="99">
        <v>1011961</v>
      </c>
      <c r="HO30" s="306"/>
      <c r="HP30" s="307"/>
      <c r="HQ30" s="308"/>
      <c r="HR30" s="309"/>
      <c r="HS30" s="307"/>
      <c r="HT30" s="307"/>
      <c r="HU30" s="307"/>
      <c r="HV30" s="307"/>
      <c r="HW30" s="307"/>
      <c r="HX30" s="310"/>
      <c r="HY30" s="311"/>
      <c r="HZ30" s="137">
        <v>0</v>
      </c>
      <c r="IA30" s="122">
        <v>0</v>
      </c>
      <c r="IB30" s="137">
        <v>0</v>
      </c>
      <c r="IC30" s="121">
        <v>0</v>
      </c>
      <c r="ID30" s="122">
        <v>289517</v>
      </c>
      <c r="IE30" s="123">
        <v>108676</v>
      </c>
      <c r="IF30" s="124">
        <v>0</v>
      </c>
      <c r="IG30" s="122">
        <v>0</v>
      </c>
      <c r="IH30" s="124">
        <v>0</v>
      </c>
      <c r="II30" s="125">
        <v>398193</v>
      </c>
      <c r="IJ30" s="137">
        <v>398193</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96665</v>
      </c>
      <c r="JL30" s="109">
        <v>108676</v>
      </c>
      <c r="JM30" s="109">
        <v>0</v>
      </c>
      <c r="JN30" s="109">
        <v>0</v>
      </c>
      <c r="JO30" s="109">
        <v>0</v>
      </c>
      <c r="JP30" s="110">
        <v>205341</v>
      </c>
      <c r="JQ30" s="298">
        <v>205341</v>
      </c>
      <c r="JR30" s="129">
        <v>0</v>
      </c>
      <c r="JS30" s="109">
        <v>0</v>
      </c>
      <c r="JT30" s="128">
        <v>0</v>
      </c>
      <c r="JU30" s="108">
        <v>0</v>
      </c>
      <c r="JV30" s="109">
        <v>0</v>
      </c>
      <c r="JW30" s="109">
        <v>0</v>
      </c>
      <c r="JX30" s="109">
        <v>0</v>
      </c>
      <c r="JY30" s="109">
        <v>0</v>
      </c>
      <c r="JZ30" s="109">
        <v>0</v>
      </c>
      <c r="KA30" s="110">
        <v>0</v>
      </c>
      <c r="KB30" s="298">
        <v>0</v>
      </c>
      <c r="KC30" s="221">
        <v>0</v>
      </c>
      <c r="KD30" s="217">
        <v>0</v>
      </c>
      <c r="KE30" s="110">
        <v>0</v>
      </c>
      <c r="KF30" s="108">
        <v>0</v>
      </c>
      <c r="KG30" s="109">
        <v>0</v>
      </c>
      <c r="KH30" s="109">
        <v>0</v>
      </c>
      <c r="KI30" s="109">
        <v>0</v>
      </c>
      <c r="KJ30" s="109">
        <v>0</v>
      </c>
      <c r="KK30" s="109">
        <v>0</v>
      </c>
      <c r="KL30" s="110">
        <v>0</v>
      </c>
      <c r="KM30" s="130">
        <v>0</v>
      </c>
      <c r="KN30" s="219">
        <v>0</v>
      </c>
      <c r="KO30" s="223">
        <v>0</v>
      </c>
      <c r="KP30" s="224">
        <v>0</v>
      </c>
      <c r="KQ30" s="127"/>
      <c r="KR30" s="109">
        <v>192852</v>
      </c>
      <c r="KS30" s="109">
        <v>0</v>
      </c>
      <c r="KT30" s="109">
        <v>0</v>
      </c>
      <c r="KU30" s="109">
        <v>0</v>
      </c>
      <c r="KV30" s="109">
        <v>0</v>
      </c>
      <c r="KW30" s="110">
        <v>192852</v>
      </c>
      <c r="KX30" s="298">
        <v>192852</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444246</v>
      </c>
      <c r="MK30" s="109">
        <v>851494</v>
      </c>
      <c r="ML30" s="109">
        <v>387306</v>
      </c>
      <c r="MM30" s="109">
        <v>740710</v>
      </c>
      <c r="MN30" s="109">
        <v>434561</v>
      </c>
      <c r="MO30" s="110">
        <v>2858317</v>
      </c>
      <c r="MP30" s="130">
        <v>2858317</v>
      </c>
      <c r="MQ30" s="129">
        <v>0</v>
      </c>
      <c r="MR30" s="109">
        <v>0</v>
      </c>
      <c r="MS30" s="110">
        <v>0</v>
      </c>
      <c r="MT30" s="132"/>
      <c r="MU30" s="109">
        <v>0</v>
      </c>
      <c r="MV30" s="109">
        <v>0</v>
      </c>
      <c r="MW30" s="109">
        <v>387306</v>
      </c>
      <c r="MX30" s="109">
        <v>213444</v>
      </c>
      <c r="MY30" s="109">
        <v>434561</v>
      </c>
      <c r="MZ30" s="110">
        <v>1035311</v>
      </c>
      <c r="NA30" s="130">
        <v>1035311</v>
      </c>
      <c r="NB30" s="129">
        <v>0</v>
      </c>
      <c r="NC30" s="109">
        <v>0</v>
      </c>
      <c r="ND30" s="110">
        <v>0</v>
      </c>
      <c r="NE30" s="132"/>
      <c r="NF30" s="109">
        <v>444246</v>
      </c>
      <c r="NG30" s="109">
        <v>851494</v>
      </c>
      <c r="NH30" s="109">
        <v>0</v>
      </c>
      <c r="NI30" s="109">
        <v>527266</v>
      </c>
      <c r="NJ30" s="109">
        <v>0</v>
      </c>
      <c r="NK30" s="110">
        <v>1823006</v>
      </c>
      <c r="NL30" s="298">
        <v>1823006</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0</v>
      </c>
      <c r="OG30" s="110">
        <v>0</v>
      </c>
      <c r="OH30" s="111">
        <v>0</v>
      </c>
      <c r="OI30" s="129">
        <v>64411</v>
      </c>
      <c r="OJ30" s="109">
        <v>128181</v>
      </c>
      <c r="OK30" s="128">
        <v>192592</v>
      </c>
      <c r="OL30" s="108">
        <v>0</v>
      </c>
      <c r="OM30" s="109">
        <v>1170773</v>
      </c>
      <c r="ON30" s="109">
        <v>1922542</v>
      </c>
      <c r="OO30" s="109">
        <v>1073863</v>
      </c>
      <c r="OP30" s="109">
        <v>1068198</v>
      </c>
      <c r="OQ30" s="109">
        <v>1305744</v>
      </c>
      <c r="OR30" s="110">
        <v>6541120</v>
      </c>
      <c r="OS30" s="130">
        <v>6733712</v>
      </c>
    </row>
    <row r="31" spans="2:409" ht="21" customHeight="1" x14ac:dyDescent="0.2">
      <c r="B31" s="472" t="s">
        <v>26</v>
      </c>
      <c r="C31" s="100">
        <v>137702</v>
      </c>
      <c r="D31" s="104">
        <v>167214</v>
      </c>
      <c r="E31" s="103">
        <v>304916</v>
      </c>
      <c r="F31" s="99">
        <v>0</v>
      </c>
      <c r="G31" s="104">
        <v>1340606</v>
      </c>
      <c r="H31" s="104">
        <v>1708368</v>
      </c>
      <c r="I31" s="104">
        <v>698298</v>
      </c>
      <c r="J31" s="104">
        <v>856579</v>
      </c>
      <c r="K31" s="104">
        <v>1739106</v>
      </c>
      <c r="L31" s="160">
        <v>6342957</v>
      </c>
      <c r="M31" s="106">
        <v>6647873</v>
      </c>
      <c r="N31" s="100">
        <v>45514</v>
      </c>
      <c r="O31" s="104">
        <v>69550</v>
      </c>
      <c r="P31" s="103">
        <v>115064</v>
      </c>
      <c r="Q31" s="100">
        <v>0</v>
      </c>
      <c r="R31" s="104">
        <v>335369</v>
      </c>
      <c r="S31" s="104">
        <v>525646</v>
      </c>
      <c r="T31" s="104">
        <v>33292</v>
      </c>
      <c r="U31" s="104">
        <v>410547</v>
      </c>
      <c r="V31" s="104">
        <v>1051076</v>
      </c>
      <c r="W31" s="103">
        <v>2355930</v>
      </c>
      <c r="X31" s="106">
        <v>2470994</v>
      </c>
      <c r="Y31" s="100">
        <v>0</v>
      </c>
      <c r="Z31" s="104">
        <v>0</v>
      </c>
      <c r="AA31" s="103">
        <v>0</v>
      </c>
      <c r="AB31" s="100">
        <v>0</v>
      </c>
      <c r="AC31" s="104">
        <v>126525</v>
      </c>
      <c r="AD31" s="104">
        <v>226999</v>
      </c>
      <c r="AE31" s="104">
        <v>0</v>
      </c>
      <c r="AF31" s="104">
        <v>104911</v>
      </c>
      <c r="AG31" s="104">
        <v>453372</v>
      </c>
      <c r="AH31" s="103">
        <v>911807</v>
      </c>
      <c r="AI31" s="106">
        <v>911807</v>
      </c>
      <c r="AJ31" s="100">
        <v>0</v>
      </c>
      <c r="AK31" s="104">
        <v>0</v>
      </c>
      <c r="AL31" s="103">
        <v>0</v>
      </c>
      <c r="AM31" s="100">
        <v>0</v>
      </c>
      <c r="AN31" s="104">
        <v>0</v>
      </c>
      <c r="AO31" s="104">
        <v>0</v>
      </c>
      <c r="AP31" s="104">
        <v>0</v>
      </c>
      <c r="AQ31" s="104">
        <v>0</v>
      </c>
      <c r="AR31" s="104">
        <v>230322</v>
      </c>
      <c r="AS31" s="103">
        <v>230322</v>
      </c>
      <c r="AT31" s="106">
        <v>230322</v>
      </c>
      <c r="AU31" s="100">
        <v>0</v>
      </c>
      <c r="AV31" s="104">
        <v>0</v>
      </c>
      <c r="AW31" s="103">
        <v>0</v>
      </c>
      <c r="AX31" s="100">
        <v>0</v>
      </c>
      <c r="AY31" s="104">
        <v>150723</v>
      </c>
      <c r="AZ31" s="104">
        <v>217034</v>
      </c>
      <c r="BA31" s="104">
        <v>0</v>
      </c>
      <c r="BB31" s="104">
        <v>255215</v>
      </c>
      <c r="BC31" s="104">
        <v>317507</v>
      </c>
      <c r="BD31" s="103">
        <v>940479</v>
      </c>
      <c r="BE31" s="106">
        <v>940479</v>
      </c>
      <c r="BF31" s="100">
        <v>0</v>
      </c>
      <c r="BG31" s="104">
        <v>54318</v>
      </c>
      <c r="BH31" s="102">
        <v>54318</v>
      </c>
      <c r="BI31" s="101">
        <v>0</v>
      </c>
      <c r="BJ31" s="104">
        <v>0</v>
      </c>
      <c r="BK31" s="104">
        <v>0</v>
      </c>
      <c r="BL31" s="104">
        <v>0</v>
      </c>
      <c r="BM31" s="104">
        <v>0</v>
      </c>
      <c r="BN31" s="104">
        <v>0</v>
      </c>
      <c r="BO31" s="103">
        <v>0</v>
      </c>
      <c r="BP31" s="106">
        <v>54318</v>
      </c>
      <c r="BQ31" s="100">
        <v>45514</v>
      </c>
      <c r="BR31" s="104">
        <v>15232</v>
      </c>
      <c r="BS31" s="103">
        <v>60746</v>
      </c>
      <c r="BT31" s="100">
        <v>0</v>
      </c>
      <c r="BU31" s="104">
        <v>58121</v>
      </c>
      <c r="BV31" s="104">
        <v>81613</v>
      </c>
      <c r="BW31" s="104">
        <v>33292</v>
      </c>
      <c r="BX31" s="104">
        <v>50421</v>
      </c>
      <c r="BY31" s="104">
        <v>49875</v>
      </c>
      <c r="BZ31" s="103">
        <v>273322</v>
      </c>
      <c r="CA31" s="106">
        <v>334068</v>
      </c>
      <c r="CB31" s="100">
        <v>0</v>
      </c>
      <c r="CC31" s="104">
        <v>0</v>
      </c>
      <c r="CD31" s="103">
        <v>0</v>
      </c>
      <c r="CE31" s="100">
        <v>0</v>
      </c>
      <c r="CF31" s="104">
        <v>501197</v>
      </c>
      <c r="CG31" s="104">
        <v>213358</v>
      </c>
      <c r="CH31" s="104">
        <v>101052</v>
      </c>
      <c r="CI31" s="104">
        <v>207659</v>
      </c>
      <c r="CJ31" s="104">
        <v>0</v>
      </c>
      <c r="CK31" s="103">
        <v>1023266</v>
      </c>
      <c r="CL31" s="106">
        <v>1023266</v>
      </c>
      <c r="CM31" s="100">
        <v>0</v>
      </c>
      <c r="CN31" s="104">
        <v>0</v>
      </c>
      <c r="CO31" s="103">
        <v>0</v>
      </c>
      <c r="CP31" s="101">
        <v>0</v>
      </c>
      <c r="CQ31" s="104">
        <v>331248</v>
      </c>
      <c r="CR31" s="104">
        <v>110923</v>
      </c>
      <c r="CS31" s="104">
        <v>76381</v>
      </c>
      <c r="CT31" s="104">
        <v>207659</v>
      </c>
      <c r="CU31" s="104">
        <v>0</v>
      </c>
      <c r="CV31" s="103">
        <v>726211</v>
      </c>
      <c r="CW31" s="106">
        <v>726211</v>
      </c>
      <c r="CX31" s="100">
        <v>0</v>
      </c>
      <c r="CY31" s="104">
        <v>0</v>
      </c>
      <c r="CZ31" s="103">
        <v>0</v>
      </c>
      <c r="DA31" s="100">
        <v>0</v>
      </c>
      <c r="DB31" s="104">
        <v>169949</v>
      </c>
      <c r="DC31" s="104">
        <v>102435</v>
      </c>
      <c r="DD31" s="104">
        <v>24671</v>
      </c>
      <c r="DE31" s="104">
        <v>0</v>
      </c>
      <c r="DF31" s="104">
        <v>0</v>
      </c>
      <c r="DG31" s="103">
        <v>297055</v>
      </c>
      <c r="DH31" s="106">
        <v>297055</v>
      </c>
      <c r="DI31" s="100">
        <v>0</v>
      </c>
      <c r="DJ31" s="104">
        <v>0</v>
      </c>
      <c r="DK31" s="102">
        <v>0</v>
      </c>
      <c r="DL31" s="101">
        <v>0</v>
      </c>
      <c r="DM31" s="104">
        <v>29726</v>
      </c>
      <c r="DN31" s="104">
        <v>30100</v>
      </c>
      <c r="DO31" s="104">
        <v>23100</v>
      </c>
      <c r="DP31" s="104">
        <v>0</v>
      </c>
      <c r="DQ31" s="104">
        <v>304649</v>
      </c>
      <c r="DR31" s="103">
        <v>387575</v>
      </c>
      <c r="DS31" s="106">
        <v>387575</v>
      </c>
      <c r="DT31" s="100">
        <v>0</v>
      </c>
      <c r="DU31" s="104">
        <v>0</v>
      </c>
      <c r="DV31" s="103">
        <v>0</v>
      </c>
      <c r="DW31" s="100">
        <v>0</v>
      </c>
      <c r="DX31" s="104">
        <v>29726</v>
      </c>
      <c r="DY31" s="104">
        <v>30100</v>
      </c>
      <c r="DZ31" s="104">
        <v>23100</v>
      </c>
      <c r="EA31" s="104">
        <v>0</v>
      </c>
      <c r="EB31" s="104">
        <v>304649</v>
      </c>
      <c r="EC31" s="103">
        <v>387575</v>
      </c>
      <c r="ED31" s="106">
        <v>387575</v>
      </c>
      <c r="EE31" s="100">
        <v>0</v>
      </c>
      <c r="EF31" s="102">
        <v>0</v>
      </c>
      <c r="EG31" s="103">
        <v>0</v>
      </c>
      <c r="EH31" s="100">
        <v>0</v>
      </c>
      <c r="EI31" s="104">
        <v>0</v>
      </c>
      <c r="EJ31" s="104">
        <v>0</v>
      </c>
      <c r="EK31" s="104">
        <v>0</v>
      </c>
      <c r="EL31" s="104">
        <v>0</v>
      </c>
      <c r="EM31" s="104">
        <v>0</v>
      </c>
      <c r="EN31" s="102">
        <v>0</v>
      </c>
      <c r="EO31" s="106">
        <v>0</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0</v>
      </c>
      <c r="FM31" s="104">
        <v>20762</v>
      </c>
      <c r="FN31" s="103">
        <v>20762</v>
      </c>
      <c r="FO31" s="100">
        <v>0</v>
      </c>
      <c r="FP31" s="104">
        <v>209790</v>
      </c>
      <c r="FQ31" s="104">
        <v>99120</v>
      </c>
      <c r="FR31" s="104">
        <v>21280</v>
      </c>
      <c r="FS31" s="104">
        <v>50729</v>
      </c>
      <c r="FT31" s="104">
        <v>186777</v>
      </c>
      <c r="FU31" s="103">
        <v>567696</v>
      </c>
      <c r="FV31" s="106">
        <v>588458</v>
      </c>
      <c r="FW31" s="105">
        <v>0</v>
      </c>
      <c r="FX31" s="104">
        <v>20762</v>
      </c>
      <c r="FY31" s="102">
        <v>20762</v>
      </c>
      <c r="FZ31" s="101">
        <v>0</v>
      </c>
      <c r="GA31" s="104">
        <v>69790</v>
      </c>
      <c r="GB31" s="104">
        <v>99120</v>
      </c>
      <c r="GC31" s="104">
        <v>21280</v>
      </c>
      <c r="GD31" s="104">
        <v>50729</v>
      </c>
      <c r="GE31" s="104">
        <v>150192</v>
      </c>
      <c r="GF31" s="103">
        <v>391111</v>
      </c>
      <c r="GG31" s="296">
        <v>411873</v>
      </c>
      <c r="GH31" s="105">
        <v>0</v>
      </c>
      <c r="GI31" s="104">
        <v>0</v>
      </c>
      <c r="GJ31" s="102">
        <v>0</v>
      </c>
      <c r="GK31" s="101">
        <v>0</v>
      </c>
      <c r="GL31" s="104">
        <v>0</v>
      </c>
      <c r="GM31" s="104">
        <v>0</v>
      </c>
      <c r="GN31" s="104">
        <v>0</v>
      </c>
      <c r="GO31" s="104">
        <v>0</v>
      </c>
      <c r="GP31" s="104">
        <v>36585</v>
      </c>
      <c r="GQ31" s="103">
        <v>36585</v>
      </c>
      <c r="GR31" s="106">
        <v>36585</v>
      </c>
      <c r="GS31" s="100">
        <v>0</v>
      </c>
      <c r="GT31" s="104">
        <v>0</v>
      </c>
      <c r="GU31" s="103">
        <v>0</v>
      </c>
      <c r="GV31" s="100">
        <v>0</v>
      </c>
      <c r="GW31" s="104">
        <v>140000</v>
      </c>
      <c r="GX31" s="104">
        <v>0</v>
      </c>
      <c r="GY31" s="104">
        <v>0</v>
      </c>
      <c r="GZ31" s="104">
        <v>0</v>
      </c>
      <c r="HA31" s="104">
        <v>0</v>
      </c>
      <c r="HB31" s="102">
        <v>140000</v>
      </c>
      <c r="HC31" s="106">
        <v>140000</v>
      </c>
      <c r="HD31" s="100">
        <v>92188</v>
      </c>
      <c r="HE31" s="104">
        <v>76902</v>
      </c>
      <c r="HF31" s="102">
        <v>169090</v>
      </c>
      <c r="HG31" s="101">
        <v>0</v>
      </c>
      <c r="HH31" s="104">
        <v>264524</v>
      </c>
      <c r="HI31" s="104">
        <v>840144</v>
      </c>
      <c r="HJ31" s="104">
        <v>519574</v>
      </c>
      <c r="HK31" s="104">
        <v>187644</v>
      </c>
      <c r="HL31" s="104">
        <v>196604</v>
      </c>
      <c r="HM31" s="103">
        <v>2008490</v>
      </c>
      <c r="HN31" s="99">
        <v>2177580</v>
      </c>
      <c r="HO31" s="306"/>
      <c r="HP31" s="307"/>
      <c r="HQ31" s="308"/>
      <c r="HR31" s="309"/>
      <c r="HS31" s="307"/>
      <c r="HT31" s="307"/>
      <c r="HU31" s="307"/>
      <c r="HV31" s="307"/>
      <c r="HW31" s="307"/>
      <c r="HX31" s="310"/>
      <c r="HY31" s="311"/>
      <c r="HZ31" s="118">
        <v>0</v>
      </c>
      <c r="IA31" s="119">
        <v>0</v>
      </c>
      <c r="IB31" s="120">
        <v>0</v>
      </c>
      <c r="IC31" s="133">
        <v>0</v>
      </c>
      <c r="ID31" s="119">
        <v>186996</v>
      </c>
      <c r="IE31" s="134">
        <v>338515</v>
      </c>
      <c r="IF31" s="120">
        <v>551408</v>
      </c>
      <c r="IG31" s="119">
        <v>214001</v>
      </c>
      <c r="IH31" s="120">
        <v>22077</v>
      </c>
      <c r="II31" s="135">
        <v>1312997</v>
      </c>
      <c r="IJ31" s="126">
        <v>1312997</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79805</v>
      </c>
      <c r="JL31" s="109">
        <v>132069</v>
      </c>
      <c r="JM31" s="109">
        <v>128897</v>
      </c>
      <c r="JN31" s="109">
        <v>0</v>
      </c>
      <c r="JO31" s="109">
        <v>22077</v>
      </c>
      <c r="JP31" s="110">
        <v>362848</v>
      </c>
      <c r="JQ31" s="298">
        <v>362848</v>
      </c>
      <c r="JR31" s="129">
        <v>0</v>
      </c>
      <c r="JS31" s="109">
        <v>0</v>
      </c>
      <c r="JT31" s="128">
        <v>0</v>
      </c>
      <c r="JU31" s="108">
        <v>0</v>
      </c>
      <c r="JV31" s="109">
        <v>0</v>
      </c>
      <c r="JW31" s="109">
        <v>0</v>
      </c>
      <c r="JX31" s="109">
        <v>0</v>
      </c>
      <c r="JY31" s="109">
        <v>0</v>
      </c>
      <c r="JZ31" s="109">
        <v>0</v>
      </c>
      <c r="KA31" s="110">
        <v>0</v>
      </c>
      <c r="KB31" s="298">
        <v>0</v>
      </c>
      <c r="KC31" s="221">
        <v>0</v>
      </c>
      <c r="KD31" s="217">
        <v>0</v>
      </c>
      <c r="KE31" s="110">
        <v>0</v>
      </c>
      <c r="KF31" s="108">
        <v>0</v>
      </c>
      <c r="KG31" s="109">
        <v>107191</v>
      </c>
      <c r="KH31" s="109">
        <v>0</v>
      </c>
      <c r="KI31" s="109">
        <v>0</v>
      </c>
      <c r="KJ31" s="109">
        <v>0</v>
      </c>
      <c r="KK31" s="109">
        <v>0</v>
      </c>
      <c r="KL31" s="110">
        <v>107191</v>
      </c>
      <c r="KM31" s="130">
        <v>107191</v>
      </c>
      <c r="KN31" s="219">
        <v>0</v>
      </c>
      <c r="KO31" s="223">
        <v>0</v>
      </c>
      <c r="KP31" s="224">
        <v>0</v>
      </c>
      <c r="KQ31" s="127"/>
      <c r="KR31" s="109">
        <v>0</v>
      </c>
      <c r="KS31" s="109">
        <v>206446</v>
      </c>
      <c r="KT31" s="109">
        <v>422511</v>
      </c>
      <c r="KU31" s="109">
        <v>214001</v>
      </c>
      <c r="KV31" s="109">
        <v>0</v>
      </c>
      <c r="KW31" s="110">
        <v>842958</v>
      </c>
      <c r="KX31" s="298">
        <v>842958</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0</v>
      </c>
      <c r="MK31" s="109">
        <v>640561</v>
      </c>
      <c r="ML31" s="109">
        <v>202106</v>
      </c>
      <c r="MM31" s="109">
        <v>728404</v>
      </c>
      <c r="MN31" s="109">
        <v>0</v>
      </c>
      <c r="MO31" s="110">
        <v>1571071</v>
      </c>
      <c r="MP31" s="130">
        <v>1571071</v>
      </c>
      <c r="MQ31" s="129">
        <v>0</v>
      </c>
      <c r="MR31" s="109">
        <v>0</v>
      </c>
      <c r="MS31" s="110">
        <v>0</v>
      </c>
      <c r="MT31" s="132"/>
      <c r="MU31" s="109">
        <v>0</v>
      </c>
      <c r="MV31" s="109">
        <v>0</v>
      </c>
      <c r="MW31" s="109">
        <v>202106</v>
      </c>
      <c r="MX31" s="109">
        <v>0</v>
      </c>
      <c r="MY31" s="109">
        <v>0</v>
      </c>
      <c r="MZ31" s="110">
        <v>202106</v>
      </c>
      <c r="NA31" s="130">
        <v>202106</v>
      </c>
      <c r="NB31" s="129">
        <v>0</v>
      </c>
      <c r="NC31" s="109">
        <v>0</v>
      </c>
      <c r="ND31" s="110">
        <v>0</v>
      </c>
      <c r="NE31" s="132"/>
      <c r="NF31" s="109">
        <v>0</v>
      </c>
      <c r="NG31" s="109">
        <v>640561</v>
      </c>
      <c r="NH31" s="109">
        <v>0</v>
      </c>
      <c r="NI31" s="109">
        <v>728404</v>
      </c>
      <c r="NJ31" s="109">
        <v>0</v>
      </c>
      <c r="NK31" s="110">
        <v>1368965</v>
      </c>
      <c r="NL31" s="298">
        <v>1368965</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137702</v>
      </c>
      <c r="OJ31" s="109">
        <v>167214</v>
      </c>
      <c r="OK31" s="128">
        <v>304916</v>
      </c>
      <c r="OL31" s="108">
        <v>0</v>
      </c>
      <c r="OM31" s="109">
        <v>1527602</v>
      </c>
      <c r="ON31" s="109">
        <v>2687444</v>
      </c>
      <c r="OO31" s="109">
        <v>1451812</v>
      </c>
      <c r="OP31" s="109">
        <v>1798984</v>
      </c>
      <c r="OQ31" s="109">
        <v>1761183</v>
      </c>
      <c r="OR31" s="110">
        <v>9227025</v>
      </c>
      <c r="OS31" s="130">
        <v>9531941</v>
      </c>
    </row>
    <row r="32" spans="2:409" ht="21" customHeight="1" x14ac:dyDescent="0.2">
      <c r="B32" s="472" t="s">
        <v>27</v>
      </c>
      <c r="C32" s="100">
        <v>69448</v>
      </c>
      <c r="D32" s="104">
        <v>96113</v>
      </c>
      <c r="E32" s="103">
        <v>165561</v>
      </c>
      <c r="F32" s="99">
        <v>0</v>
      </c>
      <c r="G32" s="104">
        <v>1004457</v>
      </c>
      <c r="H32" s="104">
        <v>935141</v>
      </c>
      <c r="I32" s="104">
        <v>1534135</v>
      </c>
      <c r="J32" s="104">
        <v>842454</v>
      </c>
      <c r="K32" s="104">
        <v>449066</v>
      </c>
      <c r="L32" s="160">
        <v>4765253</v>
      </c>
      <c r="M32" s="106">
        <v>4930814</v>
      </c>
      <c r="N32" s="100">
        <v>11393</v>
      </c>
      <c r="O32" s="104">
        <v>31083</v>
      </c>
      <c r="P32" s="103">
        <v>42476</v>
      </c>
      <c r="Q32" s="100">
        <v>0</v>
      </c>
      <c r="R32" s="104">
        <v>61672</v>
      </c>
      <c r="S32" s="104">
        <v>368017</v>
      </c>
      <c r="T32" s="104">
        <v>494088</v>
      </c>
      <c r="U32" s="104">
        <v>164087</v>
      </c>
      <c r="V32" s="104">
        <v>48972</v>
      </c>
      <c r="W32" s="103">
        <v>1136836</v>
      </c>
      <c r="X32" s="106">
        <v>1179312</v>
      </c>
      <c r="Y32" s="100">
        <v>0</v>
      </c>
      <c r="Z32" s="104">
        <v>0</v>
      </c>
      <c r="AA32" s="103">
        <v>0</v>
      </c>
      <c r="AB32" s="100">
        <v>0</v>
      </c>
      <c r="AC32" s="104">
        <v>17369</v>
      </c>
      <c r="AD32" s="104">
        <v>156934</v>
      </c>
      <c r="AE32" s="104">
        <v>308596</v>
      </c>
      <c r="AF32" s="104">
        <v>0</v>
      </c>
      <c r="AG32" s="104">
        <v>0</v>
      </c>
      <c r="AH32" s="103">
        <v>482899</v>
      </c>
      <c r="AI32" s="106">
        <v>482899</v>
      </c>
      <c r="AJ32" s="100">
        <v>0</v>
      </c>
      <c r="AK32" s="104">
        <v>0</v>
      </c>
      <c r="AL32" s="103">
        <v>0</v>
      </c>
      <c r="AM32" s="100">
        <v>0</v>
      </c>
      <c r="AN32" s="104">
        <v>0</v>
      </c>
      <c r="AO32" s="104">
        <v>0</v>
      </c>
      <c r="AP32" s="104">
        <v>0</v>
      </c>
      <c r="AQ32" s="104">
        <v>53230</v>
      </c>
      <c r="AR32" s="104">
        <v>0</v>
      </c>
      <c r="AS32" s="103">
        <v>53230</v>
      </c>
      <c r="AT32" s="106">
        <v>53230</v>
      </c>
      <c r="AU32" s="100">
        <v>11393</v>
      </c>
      <c r="AV32" s="104">
        <v>24944</v>
      </c>
      <c r="AW32" s="103">
        <v>36337</v>
      </c>
      <c r="AX32" s="100">
        <v>0</v>
      </c>
      <c r="AY32" s="104">
        <v>0</v>
      </c>
      <c r="AZ32" s="104">
        <v>200597</v>
      </c>
      <c r="BA32" s="104">
        <v>97271</v>
      </c>
      <c r="BB32" s="104">
        <v>50867</v>
      </c>
      <c r="BC32" s="104">
        <v>0</v>
      </c>
      <c r="BD32" s="103">
        <v>348735</v>
      </c>
      <c r="BE32" s="106">
        <v>385072</v>
      </c>
      <c r="BF32" s="100">
        <v>0</v>
      </c>
      <c r="BG32" s="104">
        <v>0</v>
      </c>
      <c r="BH32" s="102">
        <v>0</v>
      </c>
      <c r="BI32" s="101">
        <v>0</v>
      </c>
      <c r="BJ32" s="104">
        <v>0</v>
      </c>
      <c r="BK32" s="104">
        <v>0</v>
      </c>
      <c r="BL32" s="104">
        <v>0</v>
      </c>
      <c r="BM32" s="104">
        <v>0</v>
      </c>
      <c r="BN32" s="104">
        <v>0</v>
      </c>
      <c r="BO32" s="103">
        <v>0</v>
      </c>
      <c r="BP32" s="106">
        <v>0</v>
      </c>
      <c r="BQ32" s="100">
        <v>0</v>
      </c>
      <c r="BR32" s="104">
        <v>6139</v>
      </c>
      <c r="BS32" s="103">
        <v>6139</v>
      </c>
      <c r="BT32" s="100">
        <v>0</v>
      </c>
      <c r="BU32" s="104">
        <v>44303</v>
      </c>
      <c r="BV32" s="104">
        <v>10486</v>
      </c>
      <c r="BW32" s="104">
        <v>88221</v>
      </c>
      <c r="BX32" s="104">
        <v>59990</v>
      </c>
      <c r="BY32" s="104">
        <v>48972</v>
      </c>
      <c r="BZ32" s="103">
        <v>251972</v>
      </c>
      <c r="CA32" s="106">
        <v>258111</v>
      </c>
      <c r="CB32" s="100">
        <v>19205</v>
      </c>
      <c r="CC32" s="104">
        <v>0</v>
      </c>
      <c r="CD32" s="103">
        <v>19205</v>
      </c>
      <c r="CE32" s="100">
        <v>0</v>
      </c>
      <c r="CF32" s="104">
        <v>296173</v>
      </c>
      <c r="CG32" s="104">
        <v>209024</v>
      </c>
      <c r="CH32" s="104">
        <v>241671</v>
      </c>
      <c r="CI32" s="104">
        <v>91338</v>
      </c>
      <c r="CJ32" s="104">
        <v>0</v>
      </c>
      <c r="CK32" s="103">
        <v>838206</v>
      </c>
      <c r="CL32" s="106">
        <v>857411</v>
      </c>
      <c r="CM32" s="100">
        <v>0</v>
      </c>
      <c r="CN32" s="104">
        <v>0</v>
      </c>
      <c r="CO32" s="103">
        <v>0</v>
      </c>
      <c r="CP32" s="101">
        <v>0</v>
      </c>
      <c r="CQ32" s="104">
        <v>236677</v>
      </c>
      <c r="CR32" s="104">
        <v>132081</v>
      </c>
      <c r="CS32" s="104">
        <v>175884</v>
      </c>
      <c r="CT32" s="104">
        <v>91338</v>
      </c>
      <c r="CU32" s="104">
        <v>0</v>
      </c>
      <c r="CV32" s="103">
        <v>635980</v>
      </c>
      <c r="CW32" s="106">
        <v>635980</v>
      </c>
      <c r="CX32" s="100">
        <v>19205</v>
      </c>
      <c r="CY32" s="104">
        <v>0</v>
      </c>
      <c r="CZ32" s="103">
        <v>19205</v>
      </c>
      <c r="DA32" s="100">
        <v>0</v>
      </c>
      <c r="DB32" s="104">
        <v>59496</v>
      </c>
      <c r="DC32" s="104">
        <v>76943</v>
      </c>
      <c r="DD32" s="104">
        <v>65787</v>
      </c>
      <c r="DE32" s="104">
        <v>0</v>
      </c>
      <c r="DF32" s="104">
        <v>0</v>
      </c>
      <c r="DG32" s="103">
        <v>202226</v>
      </c>
      <c r="DH32" s="106">
        <v>221431</v>
      </c>
      <c r="DI32" s="100">
        <v>0</v>
      </c>
      <c r="DJ32" s="104">
        <v>0</v>
      </c>
      <c r="DK32" s="102">
        <v>0</v>
      </c>
      <c r="DL32" s="101">
        <v>0</v>
      </c>
      <c r="DM32" s="104">
        <v>58919</v>
      </c>
      <c r="DN32" s="104">
        <v>28171</v>
      </c>
      <c r="DO32" s="104">
        <v>21389</v>
      </c>
      <c r="DP32" s="104">
        <v>62587</v>
      </c>
      <c r="DQ32" s="104">
        <v>0</v>
      </c>
      <c r="DR32" s="103">
        <v>171066</v>
      </c>
      <c r="DS32" s="106">
        <v>171066</v>
      </c>
      <c r="DT32" s="100">
        <v>0</v>
      </c>
      <c r="DU32" s="104">
        <v>0</v>
      </c>
      <c r="DV32" s="103">
        <v>0</v>
      </c>
      <c r="DW32" s="100">
        <v>0</v>
      </c>
      <c r="DX32" s="104">
        <v>58919</v>
      </c>
      <c r="DY32" s="104">
        <v>28171</v>
      </c>
      <c r="DZ32" s="104">
        <v>21389</v>
      </c>
      <c r="EA32" s="104">
        <v>62587</v>
      </c>
      <c r="EB32" s="104">
        <v>0</v>
      </c>
      <c r="EC32" s="103">
        <v>171066</v>
      </c>
      <c r="ED32" s="106">
        <v>171066</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38850</v>
      </c>
      <c r="FM32" s="104">
        <v>65030</v>
      </c>
      <c r="FN32" s="103">
        <v>103880</v>
      </c>
      <c r="FO32" s="100">
        <v>0</v>
      </c>
      <c r="FP32" s="104">
        <v>5250</v>
      </c>
      <c r="FQ32" s="104">
        <v>54047</v>
      </c>
      <c r="FR32" s="104">
        <v>112126</v>
      </c>
      <c r="FS32" s="104">
        <v>78050</v>
      </c>
      <c r="FT32" s="104">
        <v>0</v>
      </c>
      <c r="FU32" s="103">
        <v>249473</v>
      </c>
      <c r="FV32" s="106">
        <v>353353</v>
      </c>
      <c r="FW32" s="105">
        <v>38850</v>
      </c>
      <c r="FX32" s="104">
        <v>65030</v>
      </c>
      <c r="FY32" s="102">
        <v>103880</v>
      </c>
      <c r="FZ32" s="101">
        <v>0</v>
      </c>
      <c r="GA32" s="104">
        <v>5250</v>
      </c>
      <c r="GB32" s="104">
        <v>54047</v>
      </c>
      <c r="GC32" s="104">
        <v>112126</v>
      </c>
      <c r="GD32" s="104">
        <v>78050</v>
      </c>
      <c r="GE32" s="104">
        <v>0</v>
      </c>
      <c r="GF32" s="103">
        <v>249473</v>
      </c>
      <c r="GG32" s="296">
        <v>353353</v>
      </c>
      <c r="GH32" s="105">
        <v>0</v>
      </c>
      <c r="GI32" s="104">
        <v>0</v>
      </c>
      <c r="GJ32" s="102">
        <v>0</v>
      </c>
      <c r="GK32" s="101">
        <v>0</v>
      </c>
      <c r="GL32" s="104">
        <v>0</v>
      </c>
      <c r="GM32" s="104">
        <v>0</v>
      </c>
      <c r="GN32" s="104">
        <v>0</v>
      </c>
      <c r="GO32" s="104">
        <v>0</v>
      </c>
      <c r="GP32" s="104">
        <v>0</v>
      </c>
      <c r="GQ32" s="103">
        <v>0</v>
      </c>
      <c r="GR32" s="106">
        <v>0</v>
      </c>
      <c r="GS32" s="100">
        <v>0</v>
      </c>
      <c r="GT32" s="104">
        <v>0</v>
      </c>
      <c r="GU32" s="103">
        <v>0</v>
      </c>
      <c r="GV32" s="100">
        <v>0</v>
      </c>
      <c r="GW32" s="104">
        <v>0</v>
      </c>
      <c r="GX32" s="104">
        <v>0</v>
      </c>
      <c r="GY32" s="104">
        <v>0</v>
      </c>
      <c r="GZ32" s="104">
        <v>0</v>
      </c>
      <c r="HA32" s="104">
        <v>0</v>
      </c>
      <c r="HB32" s="102">
        <v>0</v>
      </c>
      <c r="HC32" s="106">
        <v>0</v>
      </c>
      <c r="HD32" s="100">
        <v>0</v>
      </c>
      <c r="HE32" s="104">
        <v>0</v>
      </c>
      <c r="HF32" s="102">
        <v>0</v>
      </c>
      <c r="HG32" s="101">
        <v>0</v>
      </c>
      <c r="HH32" s="104">
        <v>582443</v>
      </c>
      <c r="HI32" s="104">
        <v>275882</v>
      </c>
      <c r="HJ32" s="104">
        <v>664861</v>
      </c>
      <c r="HK32" s="104">
        <v>446392</v>
      </c>
      <c r="HL32" s="104">
        <v>400094</v>
      </c>
      <c r="HM32" s="103">
        <v>2369672</v>
      </c>
      <c r="HN32" s="99">
        <v>2369672</v>
      </c>
      <c r="HO32" s="306"/>
      <c r="HP32" s="307"/>
      <c r="HQ32" s="308"/>
      <c r="HR32" s="309"/>
      <c r="HS32" s="307"/>
      <c r="HT32" s="307"/>
      <c r="HU32" s="307"/>
      <c r="HV32" s="307"/>
      <c r="HW32" s="307"/>
      <c r="HX32" s="310"/>
      <c r="HY32" s="311"/>
      <c r="HZ32" s="137">
        <v>0</v>
      </c>
      <c r="IA32" s="122">
        <v>0</v>
      </c>
      <c r="IB32" s="137">
        <v>0</v>
      </c>
      <c r="IC32" s="121">
        <v>0</v>
      </c>
      <c r="ID32" s="122">
        <v>127163</v>
      </c>
      <c r="IE32" s="123">
        <v>69822</v>
      </c>
      <c r="IF32" s="124">
        <v>92652</v>
      </c>
      <c r="IG32" s="122">
        <v>0</v>
      </c>
      <c r="IH32" s="124">
        <v>0</v>
      </c>
      <c r="II32" s="125">
        <v>289637</v>
      </c>
      <c r="IJ32" s="137">
        <v>289637</v>
      </c>
      <c r="IK32" s="219">
        <v>0</v>
      </c>
      <c r="IL32" s="223">
        <v>0</v>
      </c>
      <c r="IM32" s="224">
        <v>0</v>
      </c>
      <c r="IN32" s="127"/>
      <c r="IO32" s="109">
        <v>0</v>
      </c>
      <c r="IP32" s="109">
        <v>0</v>
      </c>
      <c r="IQ32" s="109">
        <v>0</v>
      </c>
      <c r="IR32" s="109">
        <v>0</v>
      </c>
      <c r="IS32" s="109">
        <v>0</v>
      </c>
      <c r="IT32" s="128">
        <v>0</v>
      </c>
      <c r="IU32" s="298">
        <v>0</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127163</v>
      </c>
      <c r="JL32" s="109">
        <v>32148</v>
      </c>
      <c r="JM32" s="109">
        <v>0</v>
      </c>
      <c r="JN32" s="109">
        <v>0</v>
      </c>
      <c r="JO32" s="109">
        <v>0</v>
      </c>
      <c r="JP32" s="110">
        <v>159311</v>
      </c>
      <c r="JQ32" s="298">
        <v>159311</v>
      </c>
      <c r="JR32" s="129">
        <v>0</v>
      </c>
      <c r="JS32" s="109">
        <v>0</v>
      </c>
      <c r="JT32" s="128">
        <v>0</v>
      </c>
      <c r="JU32" s="108">
        <v>0</v>
      </c>
      <c r="JV32" s="109">
        <v>0</v>
      </c>
      <c r="JW32" s="109">
        <v>37674</v>
      </c>
      <c r="JX32" s="109">
        <v>92652</v>
      </c>
      <c r="JY32" s="109">
        <v>0</v>
      </c>
      <c r="JZ32" s="109">
        <v>0</v>
      </c>
      <c r="KA32" s="110">
        <v>130326</v>
      </c>
      <c r="KB32" s="298">
        <v>130326</v>
      </c>
      <c r="KC32" s="221">
        <v>0</v>
      </c>
      <c r="KD32" s="217">
        <v>0</v>
      </c>
      <c r="KE32" s="110">
        <v>0</v>
      </c>
      <c r="KF32" s="108">
        <v>0</v>
      </c>
      <c r="KG32" s="109">
        <v>0</v>
      </c>
      <c r="KH32" s="109">
        <v>0</v>
      </c>
      <c r="KI32" s="109">
        <v>0</v>
      </c>
      <c r="KJ32" s="109">
        <v>0</v>
      </c>
      <c r="KK32" s="109">
        <v>0</v>
      </c>
      <c r="KL32" s="110">
        <v>0</v>
      </c>
      <c r="KM32" s="130">
        <v>0</v>
      </c>
      <c r="KN32" s="219">
        <v>0</v>
      </c>
      <c r="KO32" s="223">
        <v>0</v>
      </c>
      <c r="KP32" s="224">
        <v>0</v>
      </c>
      <c r="KQ32" s="127"/>
      <c r="KR32" s="109">
        <v>0</v>
      </c>
      <c r="KS32" s="109">
        <v>0</v>
      </c>
      <c r="KT32" s="109">
        <v>0</v>
      </c>
      <c r="KU32" s="109">
        <v>0</v>
      </c>
      <c r="KV32" s="109">
        <v>0</v>
      </c>
      <c r="KW32" s="110">
        <v>0</v>
      </c>
      <c r="KX32" s="298">
        <v>0</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0</v>
      </c>
      <c r="LQ32" s="109">
        <v>0</v>
      </c>
      <c r="LR32" s="109">
        <v>0</v>
      </c>
      <c r="LS32" s="110">
        <v>0</v>
      </c>
      <c r="LT32" s="298">
        <v>0</v>
      </c>
      <c r="LU32" s="129">
        <v>0</v>
      </c>
      <c r="LV32" s="109">
        <v>0</v>
      </c>
      <c r="LW32" s="110">
        <v>0</v>
      </c>
      <c r="LX32" s="132"/>
      <c r="LY32" s="109">
        <v>0</v>
      </c>
      <c r="LZ32" s="109">
        <v>0</v>
      </c>
      <c r="MA32" s="109">
        <v>0</v>
      </c>
      <c r="MB32" s="109">
        <v>0</v>
      </c>
      <c r="MC32" s="109">
        <v>0</v>
      </c>
      <c r="MD32" s="110">
        <v>0</v>
      </c>
      <c r="ME32" s="111">
        <v>0</v>
      </c>
      <c r="MF32" s="129">
        <v>0</v>
      </c>
      <c r="MG32" s="109">
        <v>0</v>
      </c>
      <c r="MH32" s="110">
        <v>0</v>
      </c>
      <c r="MI32" s="132"/>
      <c r="MJ32" s="109">
        <v>174132</v>
      </c>
      <c r="MK32" s="109">
        <v>0</v>
      </c>
      <c r="ML32" s="109">
        <v>192118</v>
      </c>
      <c r="MM32" s="109">
        <v>212671</v>
      </c>
      <c r="MN32" s="109">
        <v>455564</v>
      </c>
      <c r="MO32" s="110">
        <v>1034485</v>
      </c>
      <c r="MP32" s="130">
        <v>1034485</v>
      </c>
      <c r="MQ32" s="129">
        <v>0</v>
      </c>
      <c r="MR32" s="109">
        <v>0</v>
      </c>
      <c r="MS32" s="110">
        <v>0</v>
      </c>
      <c r="MT32" s="132"/>
      <c r="MU32" s="109">
        <v>0</v>
      </c>
      <c r="MV32" s="109">
        <v>0</v>
      </c>
      <c r="MW32" s="109">
        <v>192118</v>
      </c>
      <c r="MX32" s="109">
        <v>212671</v>
      </c>
      <c r="MY32" s="109">
        <v>224900</v>
      </c>
      <c r="MZ32" s="110">
        <v>629689</v>
      </c>
      <c r="NA32" s="130">
        <v>629689</v>
      </c>
      <c r="NB32" s="129">
        <v>0</v>
      </c>
      <c r="NC32" s="109">
        <v>0</v>
      </c>
      <c r="ND32" s="110">
        <v>0</v>
      </c>
      <c r="NE32" s="132"/>
      <c r="NF32" s="109">
        <v>174132</v>
      </c>
      <c r="NG32" s="109">
        <v>0</v>
      </c>
      <c r="NH32" s="109">
        <v>0</v>
      </c>
      <c r="NI32" s="109">
        <v>0</v>
      </c>
      <c r="NJ32" s="109">
        <v>230664</v>
      </c>
      <c r="NK32" s="110">
        <v>404796</v>
      </c>
      <c r="NL32" s="298">
        <v>404796</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0</v>
      </c>
      <c r="OF32" s="109">
        <v>0</v>
      </c>
      <c r="OG32" s="110">
        <v>0</v>
      </c>
      <c r="OH32" s="111">
        <v>0</v>
      </c>
      <c r="OI32" s="129">
        <v>69448</v>
      </c>
      <c r="OJ32" s="109">
        <v>96113</v>
      </c>
      <c r="OK32" s="128">
        <v>165561</v>
      </c>
      <c r="OL32" s="108">
        <v>0</v>
      </c>
      <c r="OM32" s="109">
        <v>1305752</v>
      </c>
      <c r="ON32" s="109">
        <v>1004963</v>
      </c>
      <c r="OO32" s="109">
        <v>1818905</v>
      </c>
      <c r="OP32" s="109">
        <v>1055125</v>
      </c>
      <c r="OQ32" s="109">
        <v>904630</v>
      </c>
      <c r="OR32" s="110">
        <v>6089375</v>
      </c>
      <c r="OS32" s="130">
        <v>6254936</v>
      </c>
    </row>
    <row r="33" spans="2:409" ht="21" customHeight="1" x14ac:dyDescent="0.2">
      <c r="B33" s="472" t="s">
        <v>28</v>
      </c>
      <c r="C33" s="100">
        <v>0</v>
      </c>
      <c r="D33" s="104">
        <v>7700</v>
      </c>
      <c r="E33" s="103">
        <v>7700</v>
      </c>
      <c r="F33" s="99">
        <v>0</v>
      </c>
      <c r="G33" s="104">
        <v>66266</v>
      </c>
      <c r="H33" s="104">
        <v>246899</v>
      </c>
      <c r="I33" s="104">
        <v>620487</v>
      </c>
      <c r="J33" s="104">
        <v>398134</v>
      </c>
      <c r="K33" s="104">
        <v>0</v>
      </c>
      <c r="L33" s="160">
        <v>1331786</v>
      </c>
      <c r="M33" s="106">
        <v>1339486</v>
      </c>
      <c r="N33" s="100">
        <v>0</v>
      </c>
      <c r="O33" s="104">
        <v>0</v>
      </c>
      <c r="P33" s="103">
        <v>0</v>
      </c>
      <c r="Q33" s="100">
        <v>0</v>
      </c>
      <c r="R33" s="104">
        <v>35032</v>
      </c>
      <c r="S33" s="104">
        <v>110205</v>
      </c>
      <c r="T33" s="104">
        <v>64309</v>
      </c>
      <c r="U33" s="104">
        <v>84987</v>
      </c>
      <c r="V33" s="104">
        <v>0</v>
      </c>
      <c r="W33" s="103">
        <v>294533</v>
      </c>
      <c r="X33" s="106">
        <v>294533</v>
      </c>
      <c r="Y33" s="100">
        <v>0</v>
      </c>
      <c r="Z33" s="104">
        <v>0</v>
      </c>
      <c r="AA33" s="103">
        <v>0</v>
      </c>
      <c r="AB33" s="100">
        <v>0</v>
      </c>
      <c r="AC33" s="104">
        <v>35032</v>
      </c>
      <c r="AD33" s="104">
        <v>43617</v>
      </c>
      <c r="AE33" s="104">
        <v>0</v>
      </c>
      <c r="AF33" s="104">
        <v>65177</v>
      </c>
      <c r="AG33" s="104">
        <v>0</v>
      </c>
      <c r="AH33" s="103">
        <v>143826</v>
      </c>
      <c r="AI33" s="106">
        <v>143826</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49438</v>
      </c>
      <c r="BA33" s="104">
        <v>31521</v>
      </c>
      <c r="BB33" s="104">
        <v>0</v>
      </c>
      <c r="BC33" s="104">
        <v>0</v>
      </c>
      <c r="BD33" s="103">
        <v>80959</v>
      </c>
      <c r="BE33" s="106">
        <v>80959</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0</v>
      </c>
      <c r="BV33" s="104">
        <v>17150</v>
      </c>
      <c r="BW33" s="104">
        <v>32788</v>
      </c>
      <c r="BX33" s="104">
        <v>19810</v>
      </c>
      <c r="BY33" s="104">
        <v>0</v>
      </c>
      <c r="BZ33" s="103">
        <v>69748</v>
      </c>
      <c r="CA33" s="106">
        <v>69748</v>
      </c>
      <c r="CB33" s="100">
        <v>0</v>
      </c>
      <c r="CC33" s="104">
        <v>0</v>
      </c>
      <c r="CD33" s="103">
        <v>0</v>
      </c>
      <c r="CE33" s="100">
        <v>0</v>
      </c>
      <c r="CF33" s="104">
        <v>22834</v>
      </c>
      <c r="CG33" s="104">
        <v>67317</v>
      </c>
      <c r="CH33" s="104">
        <v>310786</v>
      </c>
      <c r="CI33" s="104">
        <v>107401</v>
      </c>
      <c r="CJ33" s="104">
        <v>0</v>
      </c>
      <c r="CK33" s="103">
        <v>508338</v>
      </c>
      <c r="CL33" s="106">
        <v>508338</v>
      </c>
      <c r="CM33" s="100">
        <v>0</v>
      </c>
      <c r="CN33" s="104">
        <v>0</v>
      </c>
      <c r="CO33" s="103">
        <v>0</v>
      </c>
      <c r="CP33" s="101">
        <v>0</v>
      </c>
      <c r="CQ33" s="104">
        <v>22834</v>
      </c>
      <c r="CR33" s="104">
        <v>47621</v>
      </c>
      <c r="CS33" s="104">
        <v>310786</v>
      </c>
      <c r="CT33" s="104">
        <v>107401</v>
      </c>
      <c r="CU33" s="104">
        <v>0</v>
      </c>
      <c r="CV33" s="103">
        <v>488642</v>
      </c>
      <c r="CW33" s="106">
        <v>488642</v>
      </c>
      <c r="CX33" s="100">
        <v>0</v>
      </c>
      <c r="CY33" s="104">
        <v>0</v>
      </c>
      <c r="CZ33" s="103">
        <v>0</v>
      </c>
      <c r="DA33" s="100">
        <v>0</v>
      </c>
      <c r="DB33" s="104">
        <v>0</v>
      </c>
      <c r="DC33" s="104">
        <v>19696</v>
      </c>
      <c r="DD33" s="104">
        <v>0</v>
      </c>
      <c r="DE33" s="104">
        <v>0</v>
      </c>
      <c r="DF33" s="104">
        <v>0</v>
      </c>
      <c r="DG33" s="103">
        <v>19696</v>
      </c>
      <c r="DH33" s="106">
        <v>19696</v>
      </c>
      <c r="DI33" s="100">
        <v>0</v>
      </c>
      <c r="DJ33" s="104">
        <v>0</v>
      </c>
      <c r="DK33" s="102">
        <v>0</v>
      </c>
      <c r="DL33" s="101">
        <v>0</v>
      </c>
      <c r="DM33" s="104">
        <v>0</v>
      </c>
      <c r="DN33" s="104">
        <v>42091</v>
      </c>
      <c r="DO33" s="104">
        <v>69930</v>
      </c>
      <c r="DP33" s="104">
        <v>0</v>
      </c>
      <c r="DQ33" s="104">
        <v>0</v>
      </c>
      <c r="DR33" s="103">
        <v>112021</v>
      </c>
      <c r="DS33" s="106">
        <v>112021</v>
      </c>
      <c r="DT33" s="100">
        <v>0</v>
      </c>
      <c r="DU33" s="104">
        <v>0</v>
      </c>
      <c r="DV33" s="103">
        <v>0</v>
      </c>
      <c r="DW33" s="100">
        <v>0</v>
      </c>
      <c r="DX33" s="104">
        <v>0</v>
      </c>
      <c r="DY33" s="104">
        <v>42091</v>
      </c>
      <c r="DZ33" s="104">
        <v>69930</v>
      </c>
      <c r="EA33" s="104">
        <v>0</v>
      </c>
      <c r="EB33" s="104">
        <v>0</v>
      </c>
      <c r="EC33" s="103">
        <v>112021</v>
      </c>
      <c r="ED33" s="106">
        <v>112021</v>
      </c>
      <c r="EE33" s="100">
        <v>0</v>
      </c>
      <c r="EF33" s="102">
        <v>0</v>
      </c>
      <c r="EG33" s="103">
        <v>0</v>
      </c>
      <c r="EH33" s="100">
        <v>0</v>
      </c>
      <c r="EI33" s="104">
        <v>0</v>
      </c>
      <c r="EJ33" s="104">
        <v>0</v>
      </c>
      <c r="EK33" s="104">
        <v>0</v>
      </c>
      <c r="EL33" s="104">
        <v>0</v>
      </c>
      <c r="EM33" s="104">
        <v>0</v>
      </c>
      <c r="EN33" s="102">
        <v>0</v>
      </c>
      <c r="EO33" s="106">
        <v>0</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0</v>
      </c>
      <c r="FM33" s="104">
        <v>7700</v>
      </c>
      <c r="FN33" s="103">
        <v>7700</v>
      </c>
      <c r="FO33" s="100">
        <v>0</v>
      </c>
      <c r="FP33" s="104">
        <v>8400</v>
      </c>
      <c r="FQ33" s="104">
        <v>27286</v>
      </c>
      <c r="FR33" s="104">
        <v>13300</v>
      </c>
      <c r="FS33" s="104">
        <v>21350</v>
      </c>
      <c r="FT33" s="104">
        <v>0</v>
      </c>
      <c r="FU33" s="103">
        <v>70336</v>
      </c>
      <c r="FV33" s="106">
        <v>78036</v>
      </c>
      <c r="FW33" s="105">
        <v>0</v>
      </c>
      <c r="FX33" s="104">
        <v>7700</v>
      </c>
      <c r="FY33" s="102">
        <v>7700</v>
      </c>
      <c r="FZ33" s="101">
        <v>0</v>
      </c>
      <c r="GA33" s="104">
        <v>8400</v>
      </c>
      <c r="GB33" s="104">
        <v>27286</v>
      </c>
      <c r="GC33" s="104">
        <v>13300</v>
      </c>
      <c r="GD33" s="104">
        <v>21350</v>
      </c>
      <c r="GE33" s="104">
        <v>0</v>
      </c>
      <c r="GF33" s="103">
        <v>70336</v>
      </c>
      <c r="GG33" s="296">
        <v>78036</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0</v>
      </c>
      <c r="HI33" s="104">
        <v>0</v>
      </c>
      <c r="HJ33" s="104">
        <v>162162</v>
      </c>
      <c r="HK33" s="104">
        <v>184396</v>
      </c>
      <c r="HL33" s="104">
        <v>0</v>
      </c>
      <c r="HM33" s="103">
        <v>346558</v>
      </c>
      <c r="HN33" s="99">
        <v>346558</v>
      </c>
      <c r="HO33" s="306"/>
      <c r="HP33" s="307"/>
      <c r="HQ33" s="308"/>
      <c r="HR33" s="309"/>
      <c r="HS33" s="307"/>
      <c r="HT33" s="307"/>
      <c r="HU33" s="307"/>
      <c r="HV33" s="307"/>
      <c r="HW33" s="307"/>
      <c r="HX33" s="310"/>
      <c r="HY33" s="311"/>
      <c r="HZ33" s="118">
        <v>0</v>
      </c>
      <c r="IA33" s="119">
        <v>0</v>
      </c>
      <c r="IB33" s="120">
        <v>0</v>
      </c>
      <c r="IC33" s="133">
        <v>0</v>
      </c>
      <c r="ID33" s="119">
        <v>86226</v>
      </c>
      <c r="IE33" s="134">
        <v>222159</v>
      </c>
      <c r="IF33" s="120">
        <v>0</v>
      </c>
      <c r="IG33" s="119">
        <v>0</v>
      </c>
      <c r="IH33" s="120">
        <v>0</v>
      </c>
      <c r="II33" s="135">
        <v>308385</v>
      </c>
      <c r="IJ33" s="126">
        <v>308385</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86226</v>
      </c>
      <c r="JL33" s="109">
        <v>14693</v>
      </c>
      <c r="JM33" s="109">
        <v>0</v>
      </c>
      <c r="JN33" s="109">
        <v>0</v>
      </c>
      <c r="JO33" s="109">
        <v>0</v>
      </c>
      <c r="JP33" s="110">
        <v>100919</v>
      </c>
      <c r="JQ33" s="298">
        <v>100919</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207466</v>
      </c>
      <c r="KT33" s="109">
        <v>0</v>
      </c>
      <c r="KU33" s="109">
        <v>0</v>
      </c>
      <c r="KV33" s="109">
        <v>0</v>
      </c>
      <c r="KW33" s="110">
        <v>207466</v>
      </c>
      <c r="KX33" s="298">
        <v>207466</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8">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0</v>
      </c>
      <c r="MK33" s="109">
        <v>0</v>
      </c>
      <c r="ML33" s="109">
        <v>0</v>
      </c>
      <c r="MM33" s="109">
        <v>0</v>
      </c>
      <c r="MN33" s="109">
        <v>0</v>
      </c>
      <c r="MO33" s="110">
        <v>0</v>
      </c>
      <c r="MP33" s="130">
        <v>0</v>
      </c>
      <c r="MQ33" s="129">
        <v>0</v>
      </c>
      <c r="MR33" s="109">
        <v>0</v>
      </c>
      <c r="MS33" s="110">
        <v>0</v>
      </c>
      <c r="MT33" s="132"/>
      <c r="MU33" s="109">
        <v>0</v>
      </c>
      <c r="MV33" s="109">
        <v>0</v>
      </c>
      <c r="MW33" s="109">
        <v>0</v>
      </c>
      <c r="MX33" s="109">
        <v>0</v>
      </c>
      <c r="MY33" s="109">
        <v>0</v>
      </c>
      <c r="MZ33" s="110">
        <v>0</v>
      </c>
      <c r="NA33" s="130">
        <v>0</v>
      </c>
      <c r="NB33" s="129">
        <v>0</v>
      </c>
      <c r="NC33" s="109">
        <v>0</v>
      </c>
      <c r="ND33" s="110">
        <v>0</v>
      </c>
      <c r="NE33" s="132"/>
      <c r="NF33" s="109">
        <v>0</v>
      </c>
      <c r="NG33" s="109">
        <v>0</v>
      </c>
      <c r="NH33" s="109">
        <v>0</v>
      </c>
      <c r="NI33" s="109">
        <v>0</v>
      </c>
      <c r="NJ33" s="109">
        <v>0</v>
      </c>
      <c r="NK33" s="110">
        <v>0</v>
      </c>
      <c r="NL33" s="298">
        <v>0</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7700</v>
      </c>
      <c r="OK33" s="128">
        <v>7700</v>
      </c>
      <c r="OL33" s="108">
        <v>0</v>
      </c>
      <c r="OM33" s="109">
        <v>152492</v>
      </c>
      <c r="ON33" s="109">
        <v>469058</v>
      </c>
      <c r="OO33" s="109">
        <v>620487</v>
      </c>
      <c r="OP33" s="109">
        <v>398134</v>
      </c>
      <c r="OQ33" s="109">
        <v>0</v>
      </c>
      <c r="OR33" s="110">
        <v>1640171</v>
      </c>
      <c r="OS33" s="130">
        <v>1647871</v>
      </c>
    </row>
    <row r="34" spans="2:409" ht="21" customHeight="1" x14ac:dyDescent="0.2">
      <c r="B34" s="472" t="s">
        <v>29</v>
      </c>
      <c r="C34" s="100">
        <v>0</v>
      </c>
      <c r="D34" s="104">
        <v>61530</v>
      </c>
      <c r="E34" s="103">
        <v>61530</v>
      </c>
      <c r="F34" s="99">
        <v>0</v>
      </c>
      <c r="G34" s="104">
        <v>463102</v>
      </c>
      <c r="H34" s="104">
        <v>177195</v>
      </c>
      <c r="I34" s="104">
        <v>256606</v>
      </c>
      <c r="J34" s="104">
        <v>572570</v>
      </c>
      <c r="K34" s="104">
        <v>0</v>
      </c>
      <c r="L34" s="160">
        <v>1469473</v>
      </c>
      <c r="M34" s="106">
        <v>1531003</v>
      </c>
      <c r="N34" s="100">
        <v>0</v>
      </c>
      <c r="O34" s="104">
        <v>48930</v>
      </c>
      <c r="P34" s="103">
        <v>48930</v>
      </c>
      <c r="Q34" s="100">
        <v>0</v>
      </c>
      <c r="R34" s="104">
        <v>160093</v>
      </c>
      <c r="S34" s="104">
        <v>145583</v>
      </c>
      <c r="T34" s="104">
        <v>75880</v>
      </c>
      <c r="U34" s="104">
        <v>272945</v>
      </c>
      <c r="V34" s="104">
        <v>0</v>
      </c>
      <c r="W34" s="103">
        <v>654501</v>
      </c>
      <c r="X34" s="106">
        <v>703431</v>
      </c>
      <c r="Y34" s="100">
        <v>0</v>
      </c>
      <c r="Z34" s="104">
        <v>0</v>
      </c>
      <c r="AA34" s="103">
        <v>0</v>
      </c>
      <c r="AB34" s="100">
        <v>0</v>
      </c>
      <c r="AC34" s="104">
        <v>43281</v>
      </c>
      <c r="AD34" s="104">
        <v>73630</v>
      </c>
      <c r="AE34" s="104">
        <v>0</v>
      </c>
      <c r="AF34" s="104">
        <v>210085</v>
      </c>
      <c r="AG34" s="104">
        <v>0</v>
      </c>
      <c r="AH34" s="103">
        <v>326996</v>
      </c>
      <c r="AI34" s="106">
        <v>326996</v>
      </c>
      <c r="AJ34" s="100">
        <v>0</v>
      </c>
      <c r="AK34" s="104">
        <v>0</v>
      </c>
      <c r="AL34" s="103">
        <v>0</v>
      </c>
      <c r="AM34" s="100">
        <v>0</v>
      </c>
      <c r="AN34" s="104">
        <v>0</v>
      </c>
      <c r="AO34" s="104">
        <v>0</v>
      </c>
      <c r="AP34" s="104">
        <v>0</v>
      </c>
      <c r="AQ34" s="104">
        <v>0</v>
      </c>
      <c r="AR34" s="104">
        <v>0</v>
      </c>
      <c r="AS34" s="103">
        <v>0</v>
      </c>
      <c r="AT34" s="106">
        <v>0</v>
      </c>
      <c r="AU34" s="100">
        <v>0</v>
      </c>
      <c r="AV34" s="104">
        <v>48930</v>
      </c>
      <c r="AW34" s="103">
        <v>48930</v>
      </c>
      <c r="AX34" s="100">
        <v>0</v>
      </c>
      <c r="AY34" s="104">
        <v>72152</v>
      </c>
      <c r="AZ34" s="104">
        <v>47600</v>
      </c>
      <c r="BA34" s="104">
        <v>71708</v>
      </c>
      <c r="BB34" s="104">
        <v>27174</v>
      </c>
      <c r="BC34" s="104">
        <v>0</v>
      </c>
      <c r="BD34" s="103">
        <v>218634</v>
      </c>
      <c r="BE34" s="106">
        <v>267564</v>
      </c>
      <c r="BF34" s="100">
        <v>0</v>
      </c>
      <c r="BG34" s="104">
        <v>0</v>
      </c>
      <c r="BH34" s="102">
        <v>0</v>
      </c>
      <c r="BI34" s="101">
        <v>0</v>
      </c>
      <c r="BJ34" s="104">
        <v>20076</v>
      </c>
      <c r="BK34" s="104">
        <v>0</v>
      </c>
      <c r="BL34" s="104">
        <v>0</v>
      </c>
      <c r="BM34" s="104">
        <v>26768</v>
      </c>
      <c r="BN34" s="104">
        <v>0</v>
      </c>
      <c r="BO34" s="103">
        <v>46844</v>
      </c>
      <c r="BP34" s="106">
        <v>46844</v>
      </c>
      <c r="BQ34" s="100">
        <v>0</v>
      </c>
      <c r="BR34" s="104">
        <v>0</v>
      </c>
      <c r="BS34" s="103">
        <v>0</v>
      </c>
      <c r="BT34" s="100">
        <v>0</v>
      </c>
      <c r="BU34" s="104">
        <v>24584</v>
      </c>
      <c r="BV34" s="104">
        <v>24353</v>
      </c>
      <c r="BW34" s="104">
        <v>4172</v>
      </c>
      <c r="BX34" s="104">
        <v>8918</v>
      </c>
      <c r="BY34" s="104">
        <v>0</v>
      </c>
      <c r="BZ34" s="103">
        <v>62027</v>
      </c>
      <c r="CA34" s="106">
        <v>62027</v>
      </c>
      <c r="CB34" s="100">
        <v>0</v>
      </c>
      <c r="CC34" s="104">
        <v>0</v>
      </c>
      <c r="CD34" s="103">
        <v>0</v>
      </c>
      <c r="CE34" s="100">
        <v>0</v>
      </c>
      <c r="CF34" s="104">
        <v>152796</v>
      </c>
      <c r="CG34" s="104">
        <v>28462</v>
      </c>
      <c r="CH34" s="104">
        <v>118776</v>
      </c>
      <c r="CI34" s="104">
        <v>83011</v>
      </c>
      <c r="CJ34" s="104">
        <v>0</v>
      </c>
      <c r="CK34" s="103">
        <v>383045</v>
      </c>
      <c r="CL34" s="106">
        <v>383045</v>
      </c>
      <c r="CM34" s="100">
        <v>0</v>
      </c>
      <c r="CN34" s="104">
        <v>0</v>
      </c>
      <c r="CO34" s="103">
        <v>0</v>
      </c>
      <c r="CP34" s="101">
        <v>0</v>
      </c>
      <c r="CQ34" s="104">
        <v>65366</v>
      </c>
      <c r="CR34" s="104">
        <v>28462</v>
      </c>
      <c r="CS34" s="104">
        <v>17934</v>
      </c>
      <c r="CT34" s="104">
        <v>83011</v>
      </c>
      <c r="CU34" s="104">
        <v>0</v>
      </c>
      <c r="CV34" s="103">
        <v>194773</v>
      </c>
      <c r="CW34" s="106">
        <v>194773</v>
      </c>
      <c r="CX34" s="100">
        <v>0</v>
      </c>
      <c r="CY34" s="104">
        <v>0</v>
      </c>
      <c r="CZ34" s="103">
        <v>0</v>
      </c>
      <c r="DA34" s="100">
        <v>0</v>
      </c>
      <c r="DB34" s="104">
        <v>87430</v>
      </c>
      <c r="DC34" s="104">
        <v>0</v>
      </c>
      <c r="DD34" s="104">
        <v>100842</v>
      </c>
      <c r="DE34" s="104">
        <v>0</v>
      </c>
      <c r="DF34" s="104">
        <v>0</v>
      </c>
      <c r="DG34" s="103">
        <v>188272</v>
      </c>
      <c r="DH34" s="106">
        <v>188272</v>
      </c>
      <c r="DI34" s="100">
        <v>0</v>
      </c>
      <c r="DJ34" s="104">
        <v>0</v>
      </c>
      <c r="DK34" s="102">
        <v>0</v>
      </c>
      <c r="DL34" s="101">
        <v>0</v>
      </c>
      <c r="DM34" s="104">
        <v>16681</v>
      </c>
      <c r="DN34" s="104">
        <v>0</v>
      </c>
      <c r="DO34" s="104">
        <v>0</v>
      </c>
      <c r="DP34" s="104">
        <v>0</v>
      </c>
      <c r="DQ34" s="104">
        <v>0</v>
      </c>
      <c r="DR34" s="103">
        <v>16681</v>
      </c>
      <c r="DS34" s="106">
        <v>16681</v>
      </c>
      <c r="DT34" s="100">
        <v>0</v>
      </c>
      <c r="DU34" s="104">
        <v>0</v>
      </c>
      <c r="DV34" s="103">
        <v>0</v>
      </c>
      <c r="DW34" s="100">
        <v>0</v>
      </c>
      <c r="DX34" s="104">
        <v>0</v>
      </c>
      <c r="DY34" s="104">
        <v>0</v>
      </c>
      <c r="DZ34" s="104">
        <v>0</v>
      </c>
      <c r="EA34" s="104">
        <v>0</v>
      </c>
      <c r="EB34" s="104">
        <v>0</v>
      </c>
      <c r="EC34" s="103">
        <v>0</v>
      </c>
      <c r="ED34" s="106">
        <v>0</v>
      </c>
      <c r="EE34" s="100">
        <v>0</v>
      </c>
      <c r="EF34" s="102">
        <v>0</v>
      </c>
      <c r="EG34" s="103">
        <v>0</v>
      </c>
      <c r="EH34" s="100">
        <v>0</v>
      </c>
      <c r="EI34" s="104">
        <v>16681</v>
      </c>
      <c r="EJ34" s="104">
        <v>0</v>
      </c>
      <c r="EK34" s="104">
        <v>0</v>
      </c>
      <c r="EL34" s="104">
        <v>0</v>
      </c>
      <c r="EM34" s="104">
        <v>0</v>
      </c>
      <c r="EN34" s="102">
        <v>16681</v>
      </c>
      <c r="EO34" s="106">
        <v>16681</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0</v>
      </c>
      <c r="FM34" s="104">
        <v>12600</v>
      </c>
      <c r="FN34" s="103">
        <v>12600</v>
      </c>
      <c r="FO34" s="100">
        <v>0</v>
      </c>
      <c r="FP34" s="104">
        <v>4200</v>
      </c>
      <c r="FQ34" s="104">
        <v>3150</v>
      </c>
      <c r="FR34" s="104">
        <v>61950</v>
      </c>
      <c r="FS34" s="104">
        <v>36680</v>
      </c>
      <c r="FT34" s="104">
        <v>0</v>
      </c>
      <c r="FU34" s="103">
        <v>105980</v>
      </c>
      <c r="FV34" s="106">
        <v>118580</v>
      </c>
      <c r="FW34" s="105">
        <v>0</v>
      </c>
      <c r="FX34" s="104">
        <v>12600</v>
      </c>
      <c r="FY34" s="102">
        <v>12600</v>
      </c>
      <c r="FZ34" s="101">
        <v>0</v>
      </c>
      <c r="GA34" s="104">
        <v>4200</v>
      </c>
      <c r="GB34" s="104">
        <v>3150</v>
      </c>
      <c r="GC34" s="104">
        <v>61950</v>
      </c>
      <c r="GD34" s="104">
        <v>36680</v>
      </c>
      <c r="GE34" s="104">
        <v>0</v>
      </c>
      <c r="GF34" s="103">
        <v>105980</v>
      </c>
      <c r="GG34" s="296">
        <v>118580</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0</v>
      </c>
      <c r="HE34" s="104">
        <v>0</v>
      </c>
      <c r="HF34" s="102">
        <v>0</v>
      </c>
      <c r="HG34" s="101">
        <v>0</v>
      </c>
      <c r="HH34" s="104">
        <v>129332</v>
      </c>
      <c r="HI34" s="104">
        <v>0</v>
      </c>
      <c r="HJ34" s="104">
        <v>0</v>
      </c>
      <c r="HK34" s="104">
        <v>179934</v>
      </c>
      <c r="HL34" s="104">
        <v>0</v>
      </c>
      <c r="HM34" s="103">
        <v>309266</v>
      </c>
      <c r="HN34" s="99">
        <v>309266</v>
      </c>
      <c r="HO34" s="306"/>
      <c r="HP34" s="307"/>
      <c r="HQ34" s="308"/>
      <c r="HR34" s="309"/>
      <c r="HS34" s="307"/>
      <c r="HT34" s="307"/>
      <c r="HU34" s="307"/>
      <c r="HV34" s="307"/>
      <c r="HW34" s="307"/>
      <c r="HX34" s="310"/>
      <c r="HY34" s="311"/>
      <c r="HZ34" s="137">
        <v>0</v>
      </c>
      <c r="IA34" s="122">
        <v>0</v>
      </c>
      <c r="IB34" s="137">
        <v>0</v>
      </c>
      <c r="IC34" s="121">
        <v>0</v>
      </c>
      <c r="ID34" s="122">
        <v>441872</v>
      </c>
      <c r="IE34" s="123">
        <v>156359</v>
      </c>
      <c r="IF34" s="124">
        <v>0</v>
      </c>
      <c r="IG34" s="122">
        <v>245320</v>
      </c>
      <c r="IH34" s="124">
        <v>0</v>
      </c>
      <c r="II34" s="125">
        <v>843551</v>
      </c>
      <c r="IJ34" s="137">
        <v>843551</v>
      </c>
      <c r="IK34" s="219">
        <v>0</v>
      </c>
      <c r="IL34" s="223">
        <v>0</v>
      </c>
      <c r="IM34" s="224">
        <v>0</v>
      </c>
      <c r="IN34" s="127"/>
      <c r="IO34" s="109">
        <v>55062</v>
      </c>
      <c r="IP34" s="109">
        <v>0</v>
      </c>
      <c r="IQ34" s="109">
        <v>0</v>
      </c>
      <c r="IR34" s="109">
        <v>0</v>
      </c>
      <c r="IS34" s="109">
        <v>0</v>
      </c>
      <c r="IT34" s="128">
        <v>55062</v>
      </c>
      <c r="IU34" s="298">
        <v>55062</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46995</v>
      </c>
      <c r="JL34" s="109">
        <v>0</v>
      </c>
      <c r="JM34" s="109">
        <v>0</v>
      </c>
      <c r="JN34" s="109">
        <v>25331</v>
      </c>
      <c r="JO34" s="109">
        <v>0</v>
      </c>
      <c r="JP34" s="110">
        <v>72326</v>
      </c>
      <c r="JQ34" s="298">
        <v>72326</v>
      </c>
      <c r="JR34" s="129">
        <v>0</v>
      </c>
      <c r="JS34" s="109">
        <v>0</v>
      </c>
      <c r="JT34" s="128">
        <v>0</v>
      </c>
      <c r="JU34" s="108">
        <v>0</v>
      </c>
      <c r="JV34" s="109">
        <v>0</v>
      </c>
      <c r="JW34" s="109">
        <v>0</v>
      </c>
      <c r="JX34" s="109">
        <v>0</v>
      </c>
      <c r="JY34" s="109">
        <v>0</v>
      </c>
      <c r="JZ34" s="109">
        <v>0</v>
      </c>
      <c r="KA34" s="110">
        <v>0</v>
      </c>
      <c r="KB34" s="298">
        <v>0</v>
      </c>
      <c r="KC34" s="221">
        <v>0</v>
      </c>
      <c r="KD34" s="217">
        <v>0</v>
      </c>
      <c r="KE34" s="110">
        <v>0</v>
      </c>
      <c r="KF34" s="108">
        <v>0</v>
      </c>
      <c r="KG34" s="109">
        <v>339815</v>
      </c>
      <c r="KH34" s="109">
        <v>156359</v>
      </c>
      <c r="KI34" s="109">
        <v>0</v>
      </c>
      <c r="KJ34" s="109">
        <v>0</v>
      </c>
      <c r="KK34" s="109">
        <v>0</v>
      </c>
      <c r="KL34" s="110">
        <v>496174</v>
      </c>
      <c r="KM34" s="130">
        <v>496174</v>
      </c>
      <c r="KN34" s="219">
        <v>0</v>
      </c>
      <c r="KO34" s="223">
        <v>0</v>
      </c>
      <c r="KP34" s="224">
        <v>0</v>
      </c>
      <c r="KQ34" s="127"/>
      <c r="KR34" s="109">
        <v>0</v>
      </c>
      <c r="KS34" s="109">
        <v>0</v>
      </c>
      <c r="KT34" s="109">
        <v>0</v>
      </c>
      <c r="KU34" s="109">
        <v>0</v>
      </c>
      <c r="KV34" s="109">
        <v>0</v>
      </c>
      <c r="KW34" s="110">
        <v>0</v>
      </c>
      <c r="KX34" s="298">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0</v>
      </c>
      <c r="LQ34" s="109">
        <v>219989</v>
      </c>
      <c r="LR34" s="109">
        <v>0</v>
      </c>
      <c r="LS34" s="110">
        <v>219989</v>
      </c>
      <c r="LT34" s="298">
        <v>219989</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0</v>
      </c>
      <c r="MK34" s="109">
        <v>0</v>
      </c>
      <c r="ML34" s="109">
        <v>0</v>
      </c>
      <c r="MM34" s="109">
        <v>320996</v>
      </c>
      <c r="MN34" s="109">
        <v>142632</v>
      </c>
      <c r="MO34" s="110">
        <v>463628</v>
      </c>
      <c r="MP34" s="130">
        <v>463628</v>
      </c>
      <c r="MQ34" s="129">
        <v>0</v>
      </c>
      <c r="MR34" s="109">
        <v>0</v>
      </c>
      <c r="MS34" s="110">
        <v>0</v>
      </c>
      <c r="MT34" s="132"/>
      <c r="MU34" s="109">
        <v>0</v>
      </c>
      <c r="MV34" s="109">
        <v>0</v>
      </c>
      <c r="MW34" s="109">
        <v>0</v>
      </c>
      <c r="MX34" s="109">
        <v>233758</v>
      </c>
      <c r="MY34" s="109">
        <v>0</v>
      </c>
      <c r="MZ34" s="110">
        <v>233758</v>
      </c>
      <c r="NA34" s="130">
        <v>233758</v>
      </c>
      <c r="NB34" s="129">
        <v>0</v>
      </c>
      <c r="NC34" s="109">
        <v>0</v>
      </c>
      <c r="ND34" s="110">
        <v>0</v>
      </c>
      <c r="NE34" s="132"/>
      <c r="NF34" s="109">
        <v>0</v>
      </c>
      <c r="NG34" s="109">
        <v>0</v>
      </c>
      <c r="NH34" s="109">
        <v>0</v>
      </c>
      <c r="NI34" s="109">
        <v>87238</v>
      </c>
      <c r="NJ34" s="109">
        <v>142632</v>
      </c>
      <c r="NK34" s="110">
        <v>229870</v>
      </c>
      <c r="NL34" s="298">
        <v>229870</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0</v>
      </c>
      <c r="OJ34" s="109">
        <v>61530</v>
      </c>
      <c r="OK34" s="128">
        <v>61530</v>
      </c>
      <c r="OL34" s="108">
        <v>0</v>
      </c>
      <c r="OM34" s="109">
        <v>904974</v>
      </c>
      <c r="ON34" s="109">
        <v>333554</v>
      </c>
      <c r="OO34" s="109">
        <v>256606</v>
      </c>
      <c r="OP34" s="109">
        <v>1138886</v>
      </c>
      <c r="OQ34" s="109">
        <v>142632</v>
      </c>
      <c r="OR34" s="110">
        <v>2776652</v>
      </c>
      <c r="OS34" s="130">
        <v>2838182</v>
      </c>
    </row>
    <row r="35" spans="2:409" ht="21" customHeight="1" x14ac:dyDescent="0.2">
      <c r="B35" s="472" t="s">
        <v>30</v>
      </c>
      <c r="C35" s="100">
        <v>63980</v>
      </c>
      <c r="D35" s="104">
        <v>0</v>
      </c>
      <c r="E35" s="161">
        <v>63980</v>
      </c>
      <c r="F35" s="162">
        <v>0</v>
      </c>
      <c r="G35" s="163">
        <v>456226</v>
      </c>
      <c r="H35" s="163">
        <v>342045</v>
      </c>
      <c r="I35" s="163">
        <v>465274</v>
      </c>
      <c r="J35" s="163">
        <v>344081</v>
      </c>
      <c r="K35" s="163">
        <v>0</v>
      </c>
      <c r="L35" s="164">
        <v>1607626</v>
      </c>
      <c r="M35" s="106">
        <v>1671606</v>
      </c>
      <c r="N35" s="100">
        <v>0</v>
      </c>
      <c r="O35" s="104">
        <v>0</v>
      </c>
      <c r="P35" s="103">
        <v>0</v>
      </c>
      <c r="Q35" s="100">
        <v>0</v>
      </c>
      <c r="R35" s="104">
        <v>189206</v>
      </c>
      <c r="S35" s="104">
        <v>3402</v>
      </c>
      <c r="T35" s="104">
        <v>138332</v>
      </c>
      <c r="U35" s="104">
        <v>154273</v>
      </c>
      <c r="V35" s="104">
        <v>0</v>
      </c>
      <c r="W35" s="103">
        <v>485213</v>
      </c>
      <c r="X35" s="106">
        <v>485213</v>
      </c>
      <c r="Y35" s="100">
        <v>0</v>
      </c>
      <c r="Z35" s="104">
        <v>0</v>
      </c>
      <c r="AA35" s="103">
        <v>0</v>
      </c>
      <c r="AB35" s="100">
        <v>0</v>
      </c>
      <c r="AC35" s="104">
        <v>72583</v>
      </c>
      <c r="AD35" s="104">
        <v>0</v>
      </c>
      <c r="AE35" s="104">
        <v>121644</v>
      </c>
      <c r="AF35" s="104">
        <v>85547</v>
      </c>
      <c r="AG35" s="104">
        <v>0</v>
      </c>
      <c r="AH35" s="103">
        <v>279774</v>
      </c>
      <c r="AI35" s="106">
        <v>279774</v>
      </c>
      <c r="AJ35" s="100">
        <v>0</v>
      </c>
      <c r="AK35" s="104">
        <v>0</v>
      </c>
      <c r="AL35" s="103">
        <v>0</v>
      </c>
      <c r="AM35" s="100">
        <v>0</v>
      </c>
      <c r="AN35" s="104">
        <v>39846</v>
      </c>
      <c r="AO35" s="104">
        <v>0</v>
      </c>
      <c r="AP35" s="104">
        <v>0</v>
      </c>
      <c r="AQ35" s="104">
        <v>39802</v>
      </c>
      <c r="AR35" s="104">
        <v>0</v>
      </c>
      <c r="AS35" s="103">
        <v>79648</v>
      </c>
      <c r="AT35" s="106">
        <v>79648</v>
      </c>
      <c r="AU35" s="100">
        <v>0</v>
      </c>
      <c r="AV35" s="104">
        <v>0</v>
      </c>
      <c r="AW35" s="103">
        <v>0</v>
      </c>
      <c r="AX35" s="100">
        <v>0</v>
      </c>
      <c r="AY35" s="104">
        <v>50338</v>
      </c>
      <c r="AZ35" s="104">
        <v>0</v>
      </c>
      <c r="BA35" s="104">
        <v>0</v>
      </c>
      <c r="BB35" s="104">
        <v>28924</v>
      </c>
      <c r="BC35" s="104">
        <v>0</v>
      </c>
      <c r="BD35" s="103">
        <v>79262</v>
      </c>
      <c r="BE35" s="106">
        <v>79262</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26439</v>
      </c>
      <c r="BV35" s="104">
        <v>3402</v>
      </c>
      <c r="BW35" s="104">
        <v>16688</v>
      </c>
      <c r="BX35" s="104">
        <v>0</v>
      </c>
      <c r="BY35" s="104">
        <v>0</v>
      </c>
      <c r="BZ35" s="103">
        <v>46529</v>
      </c>
      <c r="CA35" s="106">
        <v>46529</v>
      </c>
      <c r="CB35" s="100">
        <v>0</v>
      </c>
      <c r="CC35" s="104">
        <v>0</v>
      </c>
      <c r="CD35" s="103">
        <v>0</v>
      </c>
      <c r="CE35" s="100">
        <v>0</v>
      </c>
      <c r="CF35" s="104">
        <v>131465</v>
      </c>
      <c r="CG35" s="104">
        <v>97348</v>
      </c>
      <c r="CH35" s="104">
        <v>0</v>
      </c>
      <c r="CI35" s="104">
        <v>92903</v>
      </c>
      <c r="CJ35" s="104">
        <v>0</v>
      </c>
      <c r="CK35" s="103">
        <v>321716</v>
      </c>
      <c r="CL35" s="106">
        <v>321716</v>
      </c>
      <c r="CM35" s="100">
        <v>0</v>
      </c>
      <c r="CN35" s="104">
        <v>0</v>
      </c>
      <c r="CO35" s="103">
        <v>0</v>
      </c>
      <c r="CP35" s="101">
        <v>0</v>
      </c>
      <c r="CQ35" s="104">
        <v>97379</v>
      </c>
      <c r="CR35" s="104">
        <v>97348</v>
      </c>
      <c r="CS35" s="104">
        <v>0</v>
      </c>
      <c r="CT35" s="104">
        <v>0</v>
      </c>
      <c r="CU35" s="104">
        <v>0</v>
      </c>
      <c r="CV35" s="103">
        <v>194727</v>
      </c>
      <c r="CW35" s="106">
        <v>194727</v>
      </c>
      <c r="CX35" s="100">
        <v>0</v>
      </c>
      <c r="CY35" s="104">
        <v>0</v>
      </c>
      <c r="CZ35" s="103">
        <v>0</v>
      </c>
      <c r="DA35" s="100">
        <v>0</v>
      </c>
      <c r="DB35" s="104">
        <v>34086</v>
      </c>
      <c r="DC35" s="104">
        <v>0</v>
      </c>
      <c r="DD35" s="104">
        <v>0</v>
      </c>
      <c r="DE35" s="104">
        <v>92903</v>
      </c>
      <c r="DF35" s="104">
        <v>0</v>
      </c>
      <c r="DG35" s="103">
        <v>126989</v>
      </c>
      <c r="DH35" s="106">
        <v>126989</v>
      </c>
      <c r="DI35" s="100">
        <v>0</v>
      </c>
      <c r="DJ35" s="104">
        <v>0</v>
      </c>
      <c r="DK35" s="102">
        <v>0</v>
      </c>
      <c r="DL35" s="101">
        <v>0</v>
      </c>
      <c r="DM35" s="104">
        <v>0</v>
      </c>
      <c r="DN35" s="104">
        <v>79518</v>
      </c>
      <c r="DO35" s="104">
        <v>0</v>
      </c>
      <c r="DP35" s="104">
        <v>46295</v>
      </c>
      <c r="DQ35" s="104">
        <v>0</v>
      </c>
      <c r="DR35" s="103">
        <v>125813</v>
      </c>
      <c r="DS35" s="106">
        <v>125813</v>
      </c>
      <c r="DT35" s="100">
        <v>0</v>
      </c>
      <c r="DU35" s="104">
        <v>0</v>
      </c>
      <c r="DV35" s="103">
        <v>0</v>
      </c>
      <c r="DW35" s="100">
        <v>0</v>
      </c>
      <c r="DX35" s="104">
        <v>0</v>
      </c>
      <c r="DY35" s="104">
        <v>79518</v>
      </c>
      <c r="DZ35" s="104">
        <v>0</v>
      </c>
      <c r="EA35" s="104">
        <v>46295</v>
      </c>
      <c r="EB35" s="104">
        <v>0</v>
      </c>
      <c r="EC35" s="103">
        <v>125813</v>
      </c>
      <c r="ED35" s="106">
        <v>125813</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63980</v>
      </c>
      <c r="FM35" s="104">
        <v>0</v>
      </c>
      <c r="FN35" s="103">
        <v>63980</v>
      </c>
      <c r="FO35" s="100">
        <v>0</v>
      </c>
      <c r="FP35" s="104">
        <v>5600</v>
      </c>
      <c r="FQ35" s="104">
        <v>16450</v>
      </c>
      <c r="FR35" s="104">
        <v>0</v>
      </c>
      <c r="FS35" s="104">
        <v>50610</v>
      </c>
      <c r="FT35" s="104">
        <v>0</v>
      </c>
      <c r="FU35" s="103">
        <v>72660</v>
      </c>
      <c r="FV35" s="106">
        <v>136640</v>
      </c>
      <c r="FW35" s="105">
        <v>24080</v>
      </c>
      <c r="FX35" s="104">
        <v>0</v>
      </c>
      <c r="FY35" s="102">
        <v>24080</v>
      </c>
      <c r="FZ35" s="101">
        <v>0</v>
      </c>
      <c r="GA35" s="104">
        <v>5600</v>
      </c>
      <c r="GB35" s="104">
        <v>16450</v>
      </c>
      <c r="GC35" s="104">
        <v>0</v>
      </c>
      <c r="GD35" s="104">
        <v>50610</v>
      </c>
      <c r="GE35" s="104">
        <v>0</v>
      </c>
      <c r="GF35" s="103">
        <v>72660</v>
      </c>
      <c r="GG35" s="296">
        <v>96740</v>
      </c>
      <c r="GH35" s="105">
        <v>0</v>
      </c>
      <c r="GI35" s="104">
        <v>0</v>
      </c>
      <c r="GJ35" s="102">
        <v>0</v>
      </c>
      <c r="GK35" s="101">
        <v>0</v>
      </c>
      <c r="GL35" s="104">
        <v>0</v>
      </c>
      <c r="GM35" s="104">
        <v>0</v>
      </c>
      <c r="GN35" s="104">
        <v>0</v>
      </c>
      <c r="GO35" s="104">
        <v>0</v>
      </c>
      <c r="GP35" s="104">
        <v>0</v>
      </c>
      <c r="GQ35" s="103">
        <v>0</v>
      </c>
      <c r="GR35" s="106">
        <v>0</v>
      </c>
      <c r="GS35" s="100">
        <v>39900</v>
      </c>
      <c r="GT35" s="104">
        <v>0</v>
      </c>
      <c r="GU35" s="103">
        <v>39900</v>
      </c>
      <c r="GV35" s="100">
        <v>0</v>
      </c>
      <c r="GW35" s="104">
        <v>0</v>
      </c>
      <c r="GX35" s="104">
        <v>0</v>
      </c>
      <c r="GY35" s="104">
        <v>0</v>
      </c>
      <c r="GZ35" s="104">
        <v>0</v>
      </c>
      <c r="HA35" s="104">
        <v>0</v>
      </c>
      <c r="HB35" s="102">
        <v>0</v>
      </c>
      <c r="HC35" s="106">
        <v>39900</v>
      </c>
      <c r="HD35" s="100">
        <v>0</v>
      </c>
      <c r="HE35" s="104">
        <v>0</v>
      </c>
      <c r="HF35" s="102">
        <v>0</v>
      </c>
      <c r="HG35" s="101">
        <v>0</v>
      </c>
      <c r="HH35" s="104">
        <v>129955</v>
      </c>
      <c r="HI35" s="104">
        <v>145327</v>
      </c>
      <c r="HJ35" s="104">
        <v>326942</v>
      </c>
      <c r="HK35" s="104">
        <v>0</v>
      </c>
      <c r="HL35" s="104">
        <v>0</v>
      </c>
      <c r="HM35" s="103">
        <v>602224</v>
      </c>
      <c r="HN35" s="99">
        <v>602224</v>
      </c>
      <c r="HO35" s="306"/>
      <c r="HP35" s="307"/>
      <c r="HQ35" s="308"/>
      <c r="HR35" s="309"/>
      <c r="HS35" s="307"/>
      <c r="HT35" s="307"/>
      <c r="HU35" s="307"/>
      <c r="HV35" s="307"/>
      <c r="HW35" s="307"/>
      <c r="HX35" s="310"/>
      <c r="HY35" s="311"/>
      <c r="HZ35" s="118">
        <v>0</v>
      </c>
      <c r="IA35" s="119">
        <v>0</v>
      </c>
      <c r="IB35" s="120">
        <v>0</v>
      </c>
      <c r="IC35" s="133">
        <v>0</v>
      </c>
      <c r="ID35" s="119">
        <v>47495</v>
      </c>
      <c r="IE35" s="134">
        <v>37674</v>
      </c>
      <c r="IF35" s="120">
        <v>0</v>
      </c>
      <c r="IG35" s="119">
        <v>0</v>
      </c>
      <c r="IH35" s="120">
        <v>0</v>
      </c>
      <c r="II35" s="135">
        <v>85169</v>
      </c>
      <c r="IJ35" s="126">
        <v>85169</v>
      </c>
      <c r="IK35" s="219">
        <v>0</v>
      </c>
      <c r="IL35" s="223">
        <v>0</v>
      </c>
      <c r="IM35" s="224">
        <v>0</v>
      </c>
      <c r="IN35" s="127"/>
      <c r="IO35" s="109">
        <v>0</v>
      </c>
      <c r="IP35" s="109">
        <v>0</v>
      </c>
      <c r="IQ35" s="109">
        <v>0</v>
      </c>
      <c r="IR35" s="109">
        <v>0</v>
      </c>
      <c r="IS35" s="109">
        <v>0</v>
      </c>
      <c r="IT35" s="128">
        <v>0</v>
      </c>
      <c r="IU35" s="298">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47495</v>
      </c>
      <c r="JL35" s="109">
        <v>0</v>
      </c>
      <c r="JM35" s="109">
        <v>0</v>
      </c>
      <c r="JN35" s="109">
        <v>0</v>
      </c>
      <c r="JO35" s="109">
        <v>0</v>
      </c>
      <c r="JP35" s="110">
        <v>47495</v>
      </c>
      <c r="JQ35" s="298">
        <v>47495</v>
      </c>
      <c r="JR35" s="129">
        <v>0</v>
      </c>
      <c r="JS35" s="109">
        <v>0</v>
      </c>
      <c r="JT35" s="128">
        <v>0</v>
      </c>
      <c r="JU35" s="108">
        <v>0</v>
      </c>
      <c r="JV35" s="109">
        <v>0</v>
      </c>
      <c r="JW35" s="109">
        <v>37674</v>
      </c>
      <c r="JX35" s="109">
        <v>0</v>
      </c>
      <c r="JY35" s="109">
        <v>0</v>
      </c>
      <c r="JZ35" s="109">
        <v>0</v>
      </c>
      <c r="KA35" s="110">
        <v>37674</v>
      </c>
      <c r="KB35" s="298">
        <v>37674</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0</v>
      </c>
      <c r="KV35" s="109">
        <v>0</v>
      </c>
      <c r="KW35" s="110">
        <v>0</v>
      </c>
      <c r="KX35" s="298">
        <v>0</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0</v>
      </c>
      <c r="MK35" s="109">
        <v>0</v>
      </c>
      <c r="ML35" s="109">
        <v>206668</v>
      </c>
      <c r="MM35" s="109">
        <v>418448</v>
      </c>
      <c r="MN35" s="109">
        <v>249141</v>
      </c>
      <c r="MO35" s="110">
        <v>874257</v>
      </c>
      <c r="MP35" s="130">
        <v>874257</v>
      </c>
      <c r="MQ35" s="129">
        <v>0</v>
      </c>
      <c r="MR35" s="109">
        <v>0</v>
      </c>
      <c r="MS35" s="110">
        <v>0</v>
      </c>
      <c r="MT35" s="132"/>
      <c r="MU35" s="109">
        <v>0</v>
      </c>
      <c r="MV35" s="109">
        <v>0</v>
      </c>
      <c r="MW35" s="109">
        <v>206668</v>
      </c>
      <c r="MX35" s="109">
        <v>418448</v>
      </c>
      <c r="MY35" s="109">
        <v>0</v>
      </c>
      <c r="MZ35" s="110">
        <v>625116</v>
      </c>
      <c r="NA35" s="130">
        <v>625116</v>
      </c>
      <c r="NB35" s="129">
        <v>0</v>
      </c>
      <c r="NC35" s="109">
        <v>0</v>
      </c>
      <c r="ND35" s="110">
        <v>0</v>
      </c>
      <c r="NE35" s="132"/>
      <c r="NF35" s="109">
        <v>0</v>
      </c>
      <c r="NG35" s="109">
        <v>0</v>
      </c>
      <c r="NH35" s="109">
        <v>0</v>
      </c>
      <c r="NI35" s="109">
        <v>0</v>
      </c>
      <c r="NJ35" s="109">
        <v>249141</v>
      </c>
      <c r="NK35" s="110">
        <v>249141</v>
      </c>
      <c r="NL35" s="298">
        <v>249141</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0</v>
      </c>
      <c r="OF35" s="109">
        <v>0</v>
      </c>
      <c r="OG35" s="110">
        <v>0</v>
      </c>
      <c r="OH35" s="111">
        <v>0</v>
      </c>
      <c r="OI35" s="129">
        <v>63980</v>
      </c>
      <c r="OJ35" s="109">
        <v>0</v>
      </c>
      <c r="OK35" s="128">
        <v>63980</v>
      </c>
      <c r="OL35" s="108">
        <v>0</v>
      </c>
      <c r="OM35" s="109">
        <v>503721</v>
      </c>
      <c r="ON35" s="109">
        <v>379719</v>
      </c>
      <c r="OO35" s="109">
        <v>671942</v>
      </c>
      <c r="OP35" s="109">
        <v>762529</v>
      </c>
      <c r="OQ35" s="109">
        <v>249141</v>
      </c>
      <c r="OR35" s="110">
        <v>2567052</v>
      </c>
      <c r="OS35" s="130">
        <v>2631032</v>
      </c>
    </row>
    <row r="36" spans="2:409" ht="21" customHeight="1" x14ac:dyDescent="0.2">
      <c r="B36" s="472" t="s">
        <v>31</v>
      </c>
      <c r="C36" s="100">
        <v>13160</v>
      </c>
      <c r="D36" s="104">
        <v>7700</v>
      </c>
      <c r="E36" s="103">
        <v>20860</v>
      </c>
      <c r="F36" s="99">
        <v>0</v>
      </c>
      <c r="G36" s="104">
        <v>247507</v>
      </c>
      <c r="H36" s="104">
        <v>395208</v>
      </c>
      <c r="I36" s="104">
        <v>267300</v>
      </c>
      <c r="J36" s="104">
        <v>63952</v>
      </c>
      <c r="K36" s="104">
        <v>176554</v>
      </c>
      <c r="L36" s="160">
        <v>1150521</v>
      </c>
      <c r="M36" s="106">
        <v>1171381</v>
      </c>
      <c r="N36" s="100">
        <v>0</v>
      </c>
      <c r="O36" s="104">
        <v>0</v>
      </c>
      <c r="P36" s="103">
        <v>0</v>
      </c>
      <c r="Q36" s="100">
        <v>0</v>
      </c>
      <c r="R36" s="104">
        <v>132353</v>
      </c>
      <c r="S36" s="104">
        <v>107457</v>
      </c>
      <c r="T36" s="104">
        <v>86548</v>
      </c>
      <c r="U36" s="104">
        <v>56966</v>
      </c>
      <c r="V36" s="104">
        <v>145404</v>
      </c>
      <c r="W36" s="103">
        <v>528728</v>
      </c>
      <c r="X36" s="106">
        <v>528728</v>
      </c>
      <c r="Y36" s="100">
        <v>0</v>
      </c>
      <c r="Z36" s="104">
        <v>0</v>
      </c>
      <c r="AA36" s="103">
        <v>0</v>
      </c>
      <c r="AB36" s="100">
        <v>0</v>
      </c>
      <c r="AC36" s="104">
        <v>57288</v>
      </c>
      <c r="AD36" s="104">
        <v>0</v>
      </c>
      <c r="AE36" s="104">
        <v>0</v>
      </c>
      <c r="AF36" s="104">
        <v>0</v>
      </c>
      <c r="AG36" s="104">
        <v>0</v>
      </c>
      <c r="AH36" s="103">
        <v>57288</v>
      </c>
      <c r="AI36" s="106">
        <v>57288</v>
      </c>
      <c r="AJ36" s="100">
        <v>0</v>
      </c>
      <c r="AK36" s="104">
        <v>0</v>
      </c>
      <c r="AL36" s="103">
        <v>0</v>
      </c>
      <c r="AM36" s="100">
        <v>0</v>
      </c>
      <c r="AN36" s="104">
        <v>0</v>
      </c>
      <c r="AO36" s="104">
        <v>0</v>
      </c>
      <c r="AP36" s="104">
        <v>0</v>
      </c>
      <c r="AQ36" s="104">
        <v>0</v>
      </c>
      <c r="AR36" s="104">
        <v>86051</v>
      </c>
      <c r="AS36" s="103">
        <v>86051</v>
      </c>
      <c r="AT36" s="106">
        <v>86051</v>
      </c>
      <c r="AU36" s="100">
        <v>0</v>
      </c>
      <c r="AV36" s="104">
        <v>0</v>
      </c>
      <c r="AW36" s="103">
        <v>0</v>
      </c>
      <c r="AX36" s="100">
        <v>0</v>
      </c>
      <c r="AY36" s="104">
        <v>75065</v>
      </c>
      <c r="AZ36" s="104">
        <v>94283</v>
      </c>
      <c r="BA36" s="104">
        <v>86548</v>
      </c>
      <c r="BB36" s="104">
        <v>32963</v>
      </c>
      <c r="BC36" s="104">
        <v>59353</v>
      </c>
      <c r="BD36" s="103">
        <v>348212</v>
      </c>
      <c r="BE36" s="106">
        <v>348212</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13174</v>
      </c>
      <c r="BW36" s="104">
        <v>0</v>
      </c>
      <c r="BX36" s="104">
        <v>24003</v>
      </c>
      <c r="BY36" s="104">
        <v>0</v>
      </c>
      <c r="BZ36" s="103">
        <v>37177</v>
      </c>
      <c r="CA36" s="106">
        <v>37177</v>
      </c>
      <c r="CB36" s="100">
        <v>0</v>
      </c>
      <c r="CC36" s="104">
        <v>0</v>
      </c>
      <c r="CD36" s="103">
        <v>0</v>
      </c>
      <c r="CE36" s="100">
        <v>0</v>
      </c>
      <c r="CF36" s="104">
        <v>81403</v>
      </c>
      <c r="CG36" s="104">
        <v>266751</v>
      </c>
      <c r="CH36" s="104">
        <v>137247</v>
      </c>
      <c r="CI36" s="104">
        <v>0</v>
      </c>
      <c r="CJ36" s="104">
        <v>0</v>
      </c>
      <c r="CK36" s="103">
        <v>485401</v>
      </c>
      <c r="CL36" s="106">
        <v>485401</v>
      </c>
      <c r="CM36" s="100">
        <v>0</v>
      </c>
      <c r="CN36" s="104">
        <v>0</v>
      </c>
      <c r="CO36" s="103">
        <v>0</v>
      </c>
      <c r="CP36" s="101">
        <v>0</v>
      </c>
      <c r="CQ36" s="104">
        <v>57260</v>
      </c>
      <c r="CR36" s="104">
        <v>188094</v>
      </c>
      <c r="CS36" s="104">
        <v>137247</v>
      </c>
      <c r="CT36" s="104">
        <v>0</v>
      </c>
      <c r="CU36" s="104">
        <v>0</v>
      </c>
      <c r="CV36" s="103">
        <v>382601</v>
      </c>
      <c r="CW36" s="106">
        <v>382601</v>
      </c>
      <c r="CX36" s="100">
        <v>0</v>
      </c>
      <c r="CY36" s="104">
        <v>0</v>
      </c>
      <c r="CZ36" s="103">
        <v>0</v>
      </c>
      <c r="DA36" s="100">
        <v>0</v>
      </c>
      <c r="DB36" s="104">
        <v>24143</v>
      </c>
      <c r="DC36" s="104">
        <v>78657</v>
      </c>
      <c r="DD36" s="104">
        <v>0</v>
      </c>
      <c r="DE36" s="104">
        <v>0</v>
      </c>
      <c r="DF36" s="104">
        <v>0</v>
      </c>
      <c r="DG36" s="103">
        <v>102800</v>
      </c>
      <c r="DH36" s="106">
        <v>102800</v>
      </c>
      <c r="DI36" s="100">
        <v>0</v>
      </c>
      <c r="DJ36" s="104">
        <v>0</v>
      </c>
      <c r="DK36" s="102">
        <v>0</v>
      </c>
      <c r="DL36" s="101">
        <v>0</v>
      </c>
      <c r="DM36" s="104">
        <v>23321</v>
      </c>
      <c r="DN36" s="104">
        <v>0</v>
      </c>
      <c r="DO36" s="104">
        <v>0</v>
      </c>
      <c r="DP36" s="104">
        <v>0</v>
      </c>
      <c r="DQ36" s="104">
        <v>0</v>
      </c>
      <c r="DR36" s="103">
        <v>23321</v>
      </c>
      <c r="DS36" s="106">
        <v>23321</v>
      </c>
      <c r="DT36" s="100">
        <v>0</v>
      </c>
      <c r="DU36" s="104">
        <v>0</v>
      </c>
      <c r="DV36" s="103">
        <v>0</v>
      </c>
      <c r="DW36" s="100">
        <v>0</v>
      </c>
      <c r="DX36" s="104">
        <v>23321</v>
      </c>
      <c r="DY36" s="104">
        <v>0</v>
      </c>
      <c r="DZ36" s="104">
        <v>0</v>
      </c>
      <c r="EA36" s="104">
        <v>0</v>
      </c>
      <c r="EB36" s="104">
        <v>0</v>
      </c>
      <c r="EC36" s="103">
        <v>23321</v>
      </c>
      <c r="ED36" s="106">
        <v>23321</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13160</v>
      </c>
      <c r="FM36" s="104">
        <v>7700</v>
      </c>
      <c r="FN36" s="103">
        <v>20860</v>
      </c>
      <c r="FO36" s="100">
        <v>0</v>
      </c>
      <c r="FP36" s="104">
        <v>10430</v>
      </c>
      <c r="FQ36" s="104">
        <v>21000</v>
      </c>
      <c r="FR36" s="104">
        <v>43505</v>
      </c>
      <c r="FS36" s="104">
        <v>6986</v>
      </c>
      <c r="FT36" s="104">
        <v>31150</v>
      </c>
      <c r="FU36" s="103">
        <v>113071</v>
      </c>
      <c r="FV36" s="106">
        <v>133931</v>
      </c>
      <c r="FW36" s="105">
        <v>13160</v>
      </c>
      <c r="FX36" s="104">
        <v>7700</v>
      </c>
      <c r="FY36" s="102">
        <v>20860</v>
      </c>
      <c r="FZ36" s="101">
        <v>0</v>
      </c>
      <c r="GA36" s="104">
        <v>10430</v>
      </c>
      <c r="GB36" s="104">
        <v>21000</v>
      </c>
      <c r="GC36" s="104">
        <v>43505</v>
      </c>
      <c r="GD36" s="104">
        <v>6986</v>
      </c>
      <c r="GE36" s="104">
        <v>31150</v>
      </c>
      <c r="GF36" s="103">
        <v>113071</v>
      </c>
      <c r="GG36" s="296">
        <v>133931</v>
      </c>
      <c r="GH36" s="105">
        <v>0</v>
      </c>
      <c r="GI36" s="104">
        <v>0</v>
      </c>
      <c r="GJ36" s="102">
        <v>0</v>
      </c>
      <c r="GK36" s="101">
        <v>0</v>
      </c>
      <c r="GL36" s="104">
        <v>0</v>
      </c>
      <c r="GM36" s="104">
        <v>0</v>
      </c>
      <c r="GN36" s="104">
        <v>0</v>
      </c>
      <c r="GO36" s="104">
        <v>0</v>
      </c>
      <c r="GP36" s="104">
        <v>0</v>
      </c>
      <c r="GQ36" s="103">
        <v>0</v>
      </c>
      <c r="GR36" s="106">
        <v>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0</v>
      </c>
      <c r="HK36" s="104">
        <v>0</v>
      </c>
      <c r="HL36" s="104">
        <v>0</v>
      </c>
      <c r="HM36" s="103">
        <v>0</v>
      </c>
      <c r="HN36" s="99">
        <v>0</v>
      </c>
      <c r="HO36" s="306"/>
      <c r="HP36" s="307"/>
      <c r="HQ36" s="308"/>
      <c r="HR36" s="309"/>
      <c r="HS36" s="307"/>
      <c r="HT36" s="307"/>
      <c r="HU36" s="307"/>
      <c r="HV36" s="307"/>
      <c r="HW36" s="307"/>
      <c r="HX36" s="310"/>
      <c r="HY36" s="311"/>
      <c r="HZ36" s="137">
        <v>0</v>
      </c>
      <c r="IA36" s="122">
        <v>0</v>
      </c>
      <c r="IB36" s="137">
        <v>0</v>
      </c>
      <c r="IC36" s="121">
        <v>0</v>
      </c>
      <c r="ID36" s="122">
        <v>49563</v>
      </c>
      <c r="IE36" s="123">
        <v>248030</v>
      </c>
      <c r="IF36" s="124">
        <v>78869</v>
      </c>
      <c r="IG36" s="122">
        <v>98756</v>
      </c>
      <c r="IH36" s="124">
        <v>0</v>
      </c>
      <c r="II36" s="125">
        <v>475218</v>
      </c>
      <c r="IJ36" s="137">
        <v>475218</v>
      </c>
      <c r="IK36" s="219">
        <v>0</v>
      </c>
      <c r="IL36" s="223">
        <v>0</v>
      </c>
      <c r="IM36" s="224">
        <v>0</v>
      </c>
      <c r="IN36" s="127"/>
      <c r="IO36" s="109">
        <v>0</v>
      </c>
      <c r="IP36" s="109">
        <v>87472</v>
      </c>
      <c r="IQ36" s="109">
        <v>0</v>
      </c>
      <c r="IR36" s="109">
        <v>0</v>
      </c>
      <c r="IS36" s="109">
        <v>0</v>
      </c>
      <c r="IT36" s="128">
        <v>87472</v>
      </c>
      <c r="IU36" s="298">
        <v>87472</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49563</v>
      </c>
      <c r="JL36" s="109">
        <v>7998</v>
      </c>
      <c r="JM36" s="109">
        <v>78869</v>
      </c>
      <c r="JN36" s="109">
        <v>98756</v>
      </c>
      <c r="JO36" s="109">
        <v>0</v>
      </c>
      <c r="JP36" s="110">
        <v>235186</v>
      </c>
      <c r="JQ36" s="298">
        <v>235186</v>
      </c>
      <c r="JR36" s="129">
        <v>0</v>
      </c>
      <c r="JS36" s="109">
        <v>0</v>
      </c>
      <c r="JT36" s="128">
        <v>0</v>
      </c>
      <c r="JU36" s="108">
        <v>0</v>
      </c>
      <c r="JV36" s="109">
        <v>0</v>
      </c>
      <c r="JW36" s="109">
        <v>0</v>
      </c>
      <c r="JX36" s="109">
        <v>0</v>
      </c>
      <c r="JY36" s="109">
        <v>0</v>
      </c>
      <c r="JZ36" s="109">
        <v>0</v>
      </c>
      <c r="KA36" s="110">
        <v>0</v>
      </c>
      <c r="KB36" s="298">
        <v>0</v>
      </c>
      <c r="KC36" s="221">
        <v>0</v>
      </c>
      <c r="KD36" s="217">
        <v>0</v>
      </c>
      <c r="KE36" s="110">
        <v>0</v>
      </c>
      <c r="KF36" s="108">
        <v>0</v>
      </c>
      <c r="KG36" s="109">
        <v>0</v>
      </c>
      <c r="KH36" s="109">
        <v>152560</v>
      </c>
      <c r="KI36" s="109">
        <v>0</v>
      </c>
      <c r="KJ36" s="109">
        <v>0</v>
      </c>
      <c r="KK36" s="109">
        <v>0</v>
      </c>
      <c r="KL36" s="110">
        <v>152560</v>
      </c>
      <c r="KM36" s="130">
        <v>152560</v>
      </c>
      <c r="KN36" s="219">
        <v>0</v>
      </c>
      <c r="KO36" s="223">
        <v>0</v>
      </c>
      <c r="KP36" s="224">
        <v>0</v>
      </c>
      <c r="KQ36" s="127"/>
      <c r="KR36" s="109">
        <v>0</v>
      </c>
      <c r="KS36" s="109">
        <v>0</v>
      </c>
      <c r="KT36" s="109">
        <v>0</v>
      </c>
      <c r="KU36" s="109">
        <v>0</v>
      </c>
      <c r="KV36" s="109">
        <v>0</v>
      </c>
      <c r="KW36" s="110">
        <v>0</v>
      </c>
      <c r="KX36" s="298">
        <v>0</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0</v>
      </c>
      <c r="LP36" s="109">
        <v>0</v>
      </c>
      <c r="LQ36" s="109">
        <v>0</v>
      </c>
      <c r="LR36" s="109">
        <v>0</v>
      </c>
      <c r="LS36" s="110">
        <v>0</v>
      </c>
      <c r="LT36" s="298">
        <v>0</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0</v>
      </c>
      <c r="MK36" s="109">
        <v>200459</v>
      </c>
      <c r="ML36" s="109">
        <v>411278</v>
      </c>
      <c r="MM36" s="109">
        <v>0</v>
      </c>
      <c r="MN36" s="109">
        <v>222670</v>
      </c>
      <c r="MO36" s="110">
        <v>834407</v>
      </c>
      <c r="MP36" s="130">
        <v>834407</v>
      </c>
      <c r="MQ36" s="129">
        <v>0</v>
      </c>
      <c r="MR36" s="109">
        <v>0</v>
      </c>
      <c r="MS36" s="110">
        <v>0</v>
      </c>
      <c r="MT36" s="132"/>
      <c r="MU36" s="109">
        <v>0</v>
      </c>
      <c r="MV36" s="109">
        <v>0</v>
      </c>
      <c r="MW36" s="109">
        <v>199517</v>
      </c>
      <c r="MX36" s="109">
        <v>0</v>
      </c>
      <c r="MY36" s="109">
        <v>222670</v>
      </c>
      <c r="MZ36" s="110">
        <v>422187</v>
      </c>
      <c r="NA36" s="130">
        <v>422187</v>
      </c>
      <c r="NB36" s="129">
        <v>0</v>
      </c>
      <c r="NC36" s="109">
        <v>0</v>
      </c>
      <c r="ND36" s="110">
        <v>0</v>
      </c>
      <c r="NE36" s="132"/>
      <c r="NF36" s="109">
        <v>0</v>
      </c>
      <c r="NG36" s="109">
        <v>200459</v>
      </c>
      <c r="NH36" s="109">
        <v>211761</v>
      </c>
      <c r="NI36" s="109">
        <v>0</v>
      </c>
      <c r="NJ36" s="109">
        <v>0</v>
      </c>
      <c r="NK36" s="110">
        <v>412220</v>
      </c>
      <c r="NL36" s="298">
        <v>412220</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13160</v>
      </c>
      <c r="OJ36" s="109">
        <v>7700</v>
      </c>
      <c r="OK36" s="128">
        <v>20860</v>
      </c>
      <c r="OL36" s="108">
        <v>0</v>
      </c>
      <c r="OM36" s="109">
        <v>297070</v>
      </c>
      <c r="ON36" s="109">
        <v>843697</v>
      </c>
      <c r="OO36" s="109">
        <v>757447</v>
      </c>
      <c r="OP36" s="109">
        <v>162708</v>
      </c>
      <c r="OQ36" s="109">
        <v>399224</v>
      </c>
      <c r="OR36" s="110">
        <v>2460146</v>
      </c>
      <c r="OS36" s="130">
        <v>2481006</v>
      </c>
    </row>
    <row r="37" spans="2:409" ht="21" customHeight="1" x14ac:dyDescent="0.2">
      <c r="B37" s="472" t="s">
        <v>32</v>
      </c>
      <c r="C37" s="100">
        <v>19880</v>
      </c>
      <c r="D37" s="104">
        <v>0</v>
      </c>
      <c r="E37" s="161">
        <v>19880</v>
      </c>
      <c r="F37" s="162">
        <v>0</v>
      </c>
      <c r="G37" s="163">
        <v>348805</v>
      </c>
      <c r="H37" s="163">
        <v>653247</v>
      </c>
      <c r="I37" s="163">
        <v>379106</v>
      </c>
      <c r="J37" s="163">
        <v>565535</v>
      </c>
      <c r="K37" s="163">
        <v>460236</v>
      </c>
      <c r="L37" s="164">
        <v>2406929</v>
      </c>
      <c r="M37" s="106">
        <v>2426809</v>
      </c>
      <c r="N37" s="100">
        <v>0</v>
      </c>
      <c r="O37" s="104">
        <v>0</v>
      </c>
      <c r="P37" s="103">
        <v>0</v>
      </c>
      <c r="Q37" s="100">
        <v>0</v>
      </c>
      <c r="R37" s="104">
        <v>92358</v>
      </c>
      <c r="S37" s="104">
        <v>132328</v>
      </c>
      <c r="T37" s="104">
        <v>82105</v>
      </c>
      <c r="U37" s="104">
        <v>30562</v>
      </c>
      <c r="V37" s="104">
        <v>285950</v>
      </c>
      <c r="W37" s="103">
        <v>623303</v>
      </c>
      <c r="X37" s="106">
        <v>623303</v>
      </c>
      <c r="Y37" s="100">
        <v>0</v>
      </c>
      <c r="Z37" s="104">
        <v>0</v>
      </c>
      <c r="AA37" s="103">
        <v>0</v>
      </c>
      <c r="AB37" s="100">
        <v>0</v>
      </c>
      <c r="AC37" s="104">
        <v>70182</v>
      </c>
      <c r="AD37" s="104">
        <v>28182</v>
      </c>
      <c r="AE37" s="104">
        <v>32895</v>
      </c>
      <c r="AF37" s="104">
        <v>0</v>
      </c>
      <c r="AG37" s="104">
        <v>203210</v>
      </c>
      <c r="AH37" s="103">
        <v>334469</v>
      </c>
      <c r="AI37" s="106">
        <v>334469</v>
      </c>
      <c r="AJ37" s="100">
        <v>0</v>
      </c>
      <c r="AK37" s="104">
        <v>0</v>
      </c>
      <c r="AL37" s="103">
        <v>0</v>
      </c>
      <c r="AM37" s="100">
        <v>0</v>
      </c>
      <c r="AN37" s="104">
        <v>0</v>
      </c>
      <c r="AO37" s="104">
        <v>0</v>
      </c>
      <c r="AP37" s="104">
        <v>0</v>
      </c>
      <c r="AQ37" s="104">
        <v>0</v>
      </c>
      <c r="AR37" s="104">
        <v>0</v>
      </c>
      <c r="AS37" s="103">
        <v>0</v>
      </c>
      <c r="AT37" s="106">
        <v>0</v>
      </c>
      <c r="AU37" s="100">
        <v>0</v>
      </c>
      <c r="AV37" s="104">
        <v>0</v>
      </c>
      <c r="AW37" s="103">
        <v>0</v>
      </c>
      <c r="AX37" s="100">
        <v>0</v>
      </c>
      <c r="AY37" s="104">
        <v>22176</v>
      </c>
      <c r="AZ37" s="104">
        <v>66045</v>
      </c>
      <c r="BA37" s="104">
        <v>0</v>
      </c>
      <c r="BB37" s="104">
        <v>0</v>
      </c>
      <c r="BC37" s="104">
        <v>58366</v>
      </c>
      <c r="BD37" s="103">
        <v>146587</v>
      </c>
      <c r="BE37" s="106">
        <v>146587</v>
      </c>
      <c r="BF37" s="100">
        <v>0</v>
      </c>
      <c r="BG37" s="104">
        <v>0</v>
      </c>
      <c r="BH37" s="102">
        <v>0</v>
      </c>
      <c r="BI37" s="101">
        <v>0</v>
      </c>
      <c r="BJ37" s="104">
        <v>0</v>
      </c>
      <c r="BK37" s="104">
        <v>20076</v>
      </c>
      <c r="BL37" s="104">
        <v>0</v>
      </c>
      <c r="BM37" s="104">
        <v>20076</v>
      </c>
      <c r="BN37" s="104">
        <v>0</v>
      </c>
      <c r="BO37" s="103">
        <v>40152</v>
      </c>
      <c r="BP37" s="106">
        <v>40152</v>
      </c>
      <c r="BQ37" s="100">
        <v>0</v>
      </c>
      <c r="BR37" s="104">
        <v>0</v>
      </c>
      <c r="BS37" s="103">
        <v>0</v>
      </c>
      <c r="BT37" s="100">
        <v>0</v>
      </c>
      <c r="BU37" s="104">
        <v>0</v>
      </c>
      <c r="BV37" s="104">
        <v>18025</v>
      </c>
      <c r="BW37" s="104">
        <v>49210</v>
      </c>
      <c r="BX37" s="104">
        <v>10486</v>
      </c>
      <c r="BY37" s="104">
        <v>24374</v>
      </c>
      <c r="BZ37" s="103">
        <v>102095</v>
      </c>
      <c r="CA37" s="106">
        <v>102095</v>
      </c>
      <c r="CB37" s="100">
        <v>0</v>
      </c>
      <c r="CC37" s="104">
        <v>0</v>
      </c>
      <c r="CD37" s="103">
        <v>0</v>
      </c>
      <c r="CE37" s="100">
        <v>0</v>
      </c>
      <c r="CF37" s="104">
        <v>95692</v>
      </c>
      <c r="CG37" s="104">
        <v>286419</v>
      </c>
      <c r="CH37" s="104">
        <v>68082</v>
      </c>
      <c r="CI37" s="104">
        <v>210846</v>
      </c>
      <c r="CJ37" s="104">
        <v>92491</v>
      </c>
      <c r="CK37" s="103">
        <v>753530</v>
      </c>
      <c r="CL37" s="106">
        <v>753530</v>
      </c>
      <c r="CM37" s="100">
        <v>0</v>
      </c>
      <c r="CN37" s="104">
        <v>0</v>
      </c>
      <c r="CO37" s="103">
        <v>0</v>
      </c>
      <c r="CP37" s="101">
        <v>0</v>
      </c>
      <c r="CQ37" s="104">
        <v>95692</v>
      </c>
      <c r="CR37" s="104">
        <v>286419</v>
      </c>
      <c r="CS37" s="104">
        <v>0</v>
      </c>
      <c r="CT37" s="104">
        <v>119926</v>
      </c>
      <c r="CU37" s="104">
        <v>46872</v>
      </c>
      <c r="CV37" s="103">
        <v>548909</v>
      </c>
      <c r="CW37" s="106">
        <v>548909</v>
      </c>
      <c r="CX37" s="100">
        <v>0</v>
      </c>
      <c r="CY37" s="104">
        <v>0</v>
      </c>
      <c r="CZ37" s="103">
        <v>0</v>
      </c>
      <c r="DA37" s="100">
        <v>0</v>
      </c>
      <c r="DB37" s="104">
        <v>0</v>
      </c>
      <c r="DC37" s="104">
        <v>0</v>
      </c>
      <c r="DD37" s="104">
        <v>68082</v>
      </c>
      <c r="DE37" s="104">
        <v>90920</v>
      </c>
      <c r="DF37" s="104">
        <v>45619</v>
      </c>
      <c r="DG37" s="103">
        <v>204621</v>
      </c>
      <c r="DH37" s="106">
        <v>204621</v>
      </c>
      <c r="DI37" s="100">
        <v>0</v>
      </c>
      <c r="DJ37" s="104">
        <v>0</v>
      </c>
      <c r="DK37" s="102">
        <v>0</v>
      </c>
      <c r="DL37" s="101">
        <v>0</v>
      </c>
      <c r="DM37" s="104">
        <v>0</v>
      </c>
      <c r="DN37" s="104">
        <v>17332</v>
      </c>
      <c r="DO37" s="104">
        <v>0</v>
      </c>
      <c r="DP37" s="104">
        <v>54781</v>
      </c>
      <c r="DQ37" s="104">
        <v>47250</v>
      </c>
      <c r="DR37" s="103">
        <v>119363</v>
      </c>
      <c r="DS37" s="106">
        <v>119363</v>
      </c>
      <c r="DT37" s="100">
        <v>0</v>
      </c>
      <c r="DU37" s="104">
        <v>0</v>
      </c>
      <c r="DV37" s="103">
        <v>0</v>
      </c>
      <c r="DW37" s="100">
        <v>0</v>
      </c>
      <c r="DX37" s="104">
        <v>0</v>
      </c>
      <c r="DY37" s="104">
        <v>17332</v>
      </c>
      <c r="DZ37" s="104">
        <v>0</v>
      </c>
      <c r="EA37" s="104">
        <v>54781</v>
      </c>
      <c r="EB37" s="104">
        <v>18263</v>
      </c>
      <c r="EC37" s="103">
        <v>90376</v>
      </c>
      <c r="ED37" s="106">
        <v>90376</v>
      </c>
      <c r="EE37" s="100">
        <v>0</v>
      </c>
      <c r="EF37" s="102">
        <v>0</v>
      </c>
      <c r="EG37" s="103">
        <v>0</v>
      </c>
      <c r="EH37" s="100">
        <v>0</v>
      </c>
      <c r="EI37" s="104">
        <v>0</v>
      </c>
      <c r="EJ37" s="104">
        <v>0</v>
      </c>
      <c r="EK37" s="104">
        <v>0</v>
      </c>
      <c r="EL37" s="104">
        <v>0</v>
      </c>
      <c r="EM37" s="104">
        <v>28987</v>
      </c>
      <c r="EN37" s="102">
        <v>28987</v>
      </c>
      <c r="EO37" s="106">
        <v>28987</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19880</v>
      </c>
      <c r="FM37" s="104">
        <v>0</v>
      </c>
      <c r="FN37" s="103">
        <v>19880</v>
      </c>
      <c r="FO37" s="100">
        <v>0</v>
      </c>
      <c r="FP37" s="104">
        <v>30800</v>
      </c>
      <c r="FQ37" s="104">
        <v>71610</v>
      </c>
      <c r="FR37" s="104">
        <v>55405</v>
      </c>
      <c r="FS37" s="104">
        <v>93128</v>
      </c>
      <c r="FT37" s="104">
        <v>34545</v>
      </c>
      <c r="FU37" s="103">
        <v>285488</v>
      </c>
      <c r="FV37" s="106">
        <v>305368</v>
      </c>
      <c r="FW37" s="105">
        <v>19880</v>
      </c>
      <c r="FX37" s="104">
        <v>0</v>
      </c>
      <c r="FY37" s="102">
        <v>19880</v>
      </c>
      <c r="FZ37" s="101">
        <v>0</v>
      </c>
      <c r="GA37" s="104">
        <v>9100</v>
      </c>
      <c r="GB37" s="104">
        <v>71610</v>
      </c>
      <c r="GC37" s="104">
        <v>32305</v>
      </c>
      <c r="GD37" s="104">
        <v>93128</v>
      </c>
      <c r="GE37" s="104">
        <v>34545</v>
      </c>
      <c r="GF37" s="103">
        <v>240688</v>
      </c>
      <c r="GG37" s="296">
        <v>260568</v>
      </c>
      <c r="GH37" s="105">
        <v>0</v>
      </c>
      <c r="GI37" s="104">
        <v>0</v>
      </c>
      <c r="GJ37" s="102">
        <v>0</v>
      </c>
      <c r="GK37" s="101">
        <v>0</v>
      </c>
      <c r="GL37" s="104">
        <v>21700</v>
      </c>
      <c r="GM37" s="104">
        <v>0</v>
      </c>
      <c r="GN37" s="104">
        <v>23100</v>
      </c>
      <c r="GO37" s="104">
        <v>0</v>
      </c>
      <c r="GP37" s="104">
        <v>0</v>
      </c>
      <c r="GQ37" s="103">
        <v>44800</v>
      </c>
      <c r="GR37" s="106">
        <v>4480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129955</v>
      </c>
      <c r="HI37" s="104">
        <v>145558</v>
      </c>
      <c r="HJ37" s="104">
        <v>173514</v>
      </c>
      <c r="HK37" s="104">
        <v>176218</v>
      </c>
      <c r="HL37" s="104">
        <v>0</v>
      </c>
      <c r="HM37" s="103">
        <v>625245</v>
      </c>
      <c r="HN37" s="99">
        <v>625245</v>
      </c>
      <c r="HO37" s="306"/>
      <c r="HP37" s="307"/>
      <c r="HQ37" s="308"/>
      <c r="HR37" s="309"/>
      <c r="HS37" s="307"/>
      <c r="HT37" s="307"/>
      <c r="HU37" s="307"/>
      <c r="HV37" s="307"/>
      <c r="HW37" s="307"/>
      <c r="HX37" s="310"/>
      <c r="HY37" s="311"/>
      <c r="HZ37" s="118">
        <v>0</v>
      </c>
      <c r="IA37" s="119">
        <v>0</v>
      </c>
      <c r="IB37" s="120">
        <v>0</v>
      </c>
      <c r="IC37" s="133">
        <v>0</v>
      </c>
      <c r="ID37" s="119">
        <v>102466</v>
      </c>
      <c r="IE37" s="134">
        <v>305823</v>
      </c>
      <c r="IF37" s="120">
        <v>162659</v>
      </c>
      <c r="IG37" s="119">
        <v>0</v>
      </c>
      <c r="IH37" s="120">
        <v>335496</v>
      </c>
      <c r="II37" s="135">
        <v>906444</v>
      </c>
      <c r="IJ37" s="126">
        <v>906444</v>
      </c>
      <c r="IK37" s="219">
        <v>0</v>
      </c>
      <c r="IL37" s="223">
        <v>0</v>
      </c>
      <c r="IM37" s="224">
        <v>0</v>
      </c>
      <c r="IN37" s="127"/>
      <c r="IO37" s="109">
        <v>0</v>
      </c>
      <c r="IP37" s="109">
        <v>167174</v>
      </c>
      <c r="IQ37" s="109">
        <v>0</v>
      </c>
      <c r="IR37" s="109">
        <v>0</v>
      </c>
      <c r="IS37" s="109">
        <v>0</v>
      </c>
      <c r="IT37" s="128">
        <v>167174</v>
      </c>
      <c r="IU37" s="298">
        <v>167174</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0</v>
      </c>
      <c r="JL37" s="109">
        <v>0</v>
      </c>
      <c r="JM37" s="109">
        <v>42427</v>
      </c>
      <c r="JN37" s="109">
        <v>0</v>
      </c>
      <c r="JO37" s="109">
        <v>0</v>
      </c>
      <c r="JP37" s="110">
        <v>42427</v>
      </c>
      <c r="JQ37" s="298">
        <v>42427</v>
      </c>
      <c r="JR37" s="129">
        <v>0</v>
      </c>
      <c r="JS37" s="109">
        <v>0</v>
      </c>
      <c r="JT37" s="128">
        <v>0</v>
      </c>
      <c r="JU37" s="108">
        <v>0</v>
      </c>
      <c r="JV37" s="109">
        <v>102466</v>
      </c>
      <c r="JW37" s="109">
        <v>0</v>
      </c>
      <c r="JX37" s="109">
        <v>0</v>
      </c>
      <c r="JY37" s="109">
        <v>0</v>
      </c>
      <c r="JZ37" s="109">
        <v>0</v>
      </c>
      <c r="KA37" s="110">
        <v>102466</v>
      </c>
      <c r="KB37" s="298">
        <v>102466</v>
      </c>
      <c r="KC37" s="221">
        <v>0</v>
      </c>
      <c r="KD37" s="217">
        <v>0</v>
      </c>
      <c r="KE37" s="110">
        <v>0</v>
      </c>
      <c r="KF37" s="108">
        <v>0</v>
      </c>
      <c r="KG37" s="109">
        <v>0</v>
      </c>
      <c r="KH37" s="109">
        <v>138649</v>
      </c>
      <c r="KI37" s="109">
        <v>0</v>
      </c>
      <c r="KJ37" s="109">
        <v>0</v>
      </c>
      <c r="KK37" s="109">
        <v>0</v>
      </c>
      <c r="KL37" s="110">
        <v>138649</v>
      </c>
      <c r="KM37" s="130">
        <v>138649</v>
      </c>
      <c r="KN37" s="219">
        <v>0</v>
      </c>
      <c r="KO37" s="223">
        <v>0</v>
      </c>
      <c r="KP37" s="224">
        <v>0</v>
      </c>
      <c r="KQ37" s="127"/>
      <c r="KR37" s="109">
        <v>0</v>
      </c>
      <c r="KS37" s="109">
        <v>0</v>
      </c>
      <c r="KT37" s="109">
        <v>0</v>
      </c>
      <c r="KU37" s="109">
        <v>0</v>
      </c>
      <c r="KV37" s="109">
        <v>221410</v>
      </c>
      <c r="KW37" s="110">
        <v>221410</v>
      </c>
      <c r="KX37" s="298">
        <v>221410</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120232</v>
      </c>
      <c r="LQ37" s="109">
        <v>0</v>
      </c>
      <c r="LR37" s="109">
        <v>114086</v>
      </c>
      <c r="LS37" s="110">
        <v>234318</v>
      </c>
      <c r="LT37" s="298">
        <v>234318</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0</v>
      </c>
      <c r="MK37" s="109">
        <v>0</v>
      </c>
      <c r="ML37" s="109">
        <v>195223</v>
      </c>
      <c r="MM37" s="109">
        <v>171895</v>
      </c>
      <c r="MN37" s="109">
        <v>253222</v>
      </c>
      <c r="MO37" s="110">
        <v>620340</v>
      </c>
      <c r="MP37" s="130">
        <v>620340</v>
      </c>
      <c r="MQ37" s="129">
        <v>0</v>
      </c>
      <c r="MR37" s="109">
        <v>0</v>
      </c>
      <c r="MS37" s="110">
        <v>0</v>
      </c>
      <c r="MT37" s="132"/>
      <c r="MU37" s="109">
        <v>0</v>
      </c>
      <c r="MV37" s="109">
        <v>0</v>
      </c>
      <c r="MW37" s="109">
        <v>195223</v>
      </c>
      <c r="MX37" s="109">
        <v>0</v>
      </c>
      <c r="MY37" s="109">
        <v>253222</v>
      </c>
      <c r="MZ37" s="110">
        <v>448445</v>
      </c>
      <c r="NA37" s="130">
        <v>448445</v>
      </c>
      <c r="NB37" s="129">
        <v>0</v>
      </c>
      <c r="NC37" s="109">
        <v>0</v>
      </c>
      <c r="ND37" s="110">
        <v>0</v>
      </c>
      <c r="NE37" s="132"/>
      <c r="NF37" s="109">
        <v>0</v>
      </c>
      <c r="NG37" s="109">
        <v>0</v>
      </c>
      <c r="NH37" s="109">
        <v>0</v>
      </c>
      <c r="NI37" s="109">
        <v>171895</v>
      </c>
      <c r="NJ37" s="109">
        <v>0</v>
      </c>
      <c r="NK37" s="110">
        <v>171895</v>
      </c>
      <c r="NL37" s="298">
        <v>171895</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19880</v>
      </c>
      <c r="OJ37" s="109">
        <v>0</v>
      </c>
      <c r="OK37" s="128">
        <v>19880</v>
      </c>
      <c r="OL37" s="108">
        <v>0</v>
      </c>
      <c r="OM37" s="109">
        <v>451271</v>
      </c>
      <c r="ON37" s="109">
        <v>959070</v>
      </c>
      <c r="OO37" s="109">
        <v>736988</v>
      </c>
      <c r="OP37" s="109">
        <v>737430</v>
      </c>
      <c r="OQ37" s="109">
        <v>1048954</v>
      </c>
      <c r="OR37" s="110">
        <v>3933713</v>
      </c>
      <c r="OS37" s="130">
        <v>3953593</v>
      </c>
    </row>
    <row r="38" spans="2:409" ht="21" customHeight="1" x14ac:dyDescent="0.2">
      <c r="B38" s="472" t="s">
        <v>33</v>
      </c>
      <c r="C38" s="100">
        <v>22367</v>
      </c>
      <c r="D38" s="104">
        <v>544790</v>
      </c>
      <c r="E38" s="103">
        <v>567157</v>
      </c>
      <c r="F38" s="99">
        <v>0</v>
      </c>
      <c r="G38" s="104">
        <v>431697</v>
      </c>
      <c r="H38" s="104">
        <v>99285</v>
      </c>
      <c r="I38" s="104">
        <v>895353</v>
      </c>
      <c r="J38" s="104">
        <v>623556</v>
      </c>
      <c r="K38" s="104">
        <v>576590</v>
      </c>
      <c r="L38" s="160">
        <v>2626481</v>
      </c>
      <c r="M38" s="106">
        <v>3193638</v>
      </c>
      <c r="N38" s="100">
        <v>0</v>
      </c>
      <c r="O38" s="104">
        <v>15715</v>
      </c>
      <c r="P38" s="103">
        <v>15715</v>
      </c>
      <c r="Q38" s="100">
        <v>0</v>
      </c>
      <c r="R38" s="104">
        <v>128480</v>
      </c>
      <c r="S38" s="104">
        <v>87735</v>
      </c>
      <c r="T38" s="104">
        <v>91157</v>
      </c>
      <c r="U38" s="104">
        <v>19936</v>
      </c>
      <c r="V38" s="104">
        <v>269972</v>
      </c>
      <c r="W38" s="103">
        <v>597280</v>
      </c>
      <c r="X38" s="106">
        <v>612995</v>
      </c>
      <c r="Y38" s="100">
        <v>0</v>
      </c>
      <c r="Z38" s="104">
        <v>0</v>
      </c>
      <c r="AA38" s="103">
        <v>0</v>
      </c>
      <c r="AB38" s="100">
        <v>0</v>
      </c>
      <c r="AC38" s="104">
        <v>58010</v>
      </c>
      <c r="AD38" s="104">
        <v>0</v>
      </c>
      <c r="AE38" s="104">
        <v>0</v>
      </c>
      <c r="AF38" s="104">
        <v>0</v>
      </c>
      <c r="AG38" s="104">
        <v>169768</v>
      </c>
      <c r="AH38" s="103">
        <v>227778</v>
      </c>
      <c r="AI38" s="106">
        <v>227778</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0</v>
      </c>
      <c r="AZ38" s="104">
        <v>27573</v>
      </c>
      <c r="BA38" s="104">
        <v>0</v>
      </c>
      <c r="BB38" s="104">
        <v>0</v>
      </c>
      <c r="BC38" s="104">
        <v>11384</v>
      </c>
      <c r="BD38" s="103">
        <v>38957</v>
      </c>
      <c r="BE38" s="106">
        <v>38957</v>
      </c>
      <c r="BF38" s="100">
        <v>0</v>
      </c>
      <c r="BG38" s="104">
        <v>0</v>
      </c>
      <c r="BH38" s="102">
        <v>0</v>
      </c>
      <c r="BI38" s="101">
        <v>0</v>
      </c>
      <c r="BJ38" s="104">
        <v>66844</v>
      </c>
      <c r="BK38" s="104">
        <v>60162</v>
      </c>
      <c r="BL38" s="104">
        <v>46791</v>
      </c>
      <c r="BM38" s="104">
        <v>0</v>
      </c>
      <c r="BN38" s="104">
        <v>53477</v>
      </c>
      <c r="BO38" s="103">
        <v>227274</v>
      </c>
      <c r="BP38" s="106">
        <v>227274</v>
      </c>
      <c r="BQ38" s="100">
        <v>0</v>
      </c>
      <c r="BR38" s="104">
        <v>15715</v>
      </c>
      <c r="BS38" s="103">
        <v>15715</v>
      </c>
      <c r="BT38" s="100">
        <v>0</v>
      </c>
      <c r="BU38" s="104">
        <v>3626</v>
      </c>
      <c r="BV38" s="104">
        <v>0</v>
      </c>
      <c r="BW38" s="104">
        <v>44366</v>
      </c>
      <c r="BX38" s="104">
        <v>19936</v>
      </c>
      <c r="BY38" s="104">
        <v>35343</v>
      </c>
      <c r="BZ38" s="103">
        <v>103271</v>
      </c>
      <c r="CA38" s="106">
        <v>118986</v>
      </c>
      <c r="CB38" s="100">
        <v>18167</v>
      </c>
      <c r="CC38" s="104">
        <v>0</v>
      </c>
      <c r="CD38" s="103">
        <v>18167</v>
      </c>
      <c r="CE38" s="100">
        <v>0</v>
      </c>
      <c r="CF38" s="104">
        <v>96088</v>
      </c>
      <c r="CG38" s="104">
        <v>0</v>
      </c>
      <c r="CH38" s="104">
        <v>61707</v>
      </c>
      <c r="CI38" s="104">
        <v>0</v>
      </c>
      <c r="CJ38" s="104">
        <v>61775</v>
      </c>
      <c r="CK38" s="103">
        <v>219570</v>
      </c>
      <c r="CL38" s="106">
        <v>237737</v>
      </c>
      <c r="CM38" s="100">
        <v>0</v>
      </c>
      <c r="CN38" s="104">
        <v>0</v>
      </c>
      <c r="CO38" s="103">
        <v>0</v>
      </c>
      <c r="CP38" s="101">
        <v>0</v>
      </c>
      <c r="CQ38" s="104">
        <v>59349</v>
      </c>
      <c r="CR38" s="104">
        <v>0</v>
      </c>
      <c r="CS38" s="104">
        <v>0</v>
      </c>
      <c r="CT38" s="104">
        <v>0</v>
      </c>
      <c r="CU38" s="104">
        <v>61775</v>
      </c>
      <c r="CV38" s="103">
        <v>121124</v>
      </c>
      <c r="CW38" s="106">
        <v>121124</v>
      </c>
      <c r="CX38" s="100">
        <v>18167</v>
      </c>
      <c r="CY38" s="104">
        <v>0</v>
      </c>
      <c r="CZ38" s="103">
        <v>18167</v>
      </c>
      <c r="DA38" s="100">
        <v>0</v>
      </c>
      <c r="DB38" s="104">
        <v>36739</v>
      </c>
      <c r="DC38" s="104">
        <v>0</v>
      </c>
      <c r="DD38" s="104">
        <v>61707</v>
      </c>
      <c r="DE38" s="104">
        <v>0</v>
      </c>
      <c r="DF38" s="104">
        <v>0</v>
      </c>
      <c r="DG38" s="103">
        <v>98446</v>
      </c>
      <c r="DH38" s="106">
        <v>116613</v>
      </c>
      <c r="DI38" s="100">
        <v>0</v>
      </c>
      <c r="DJ38" s="104">
        <v>0</v>
      </c>
      <c r="DK38" s="102">
        <v>0</v>
      </c>
      <c r="DL38" s="101">
        <v>0</v>
      </c>
      <c r="DM38" s="104">
        <v>57223</v>
      </c>
      <c r="DN38" s="104">
        <v>0</v>
      </c>
      <c r="DO38" s="104">
        <v>21420</v>
      </c>
      <c r="DP38" s="104">
        <v>219197</v>
      </c>
      <c r="DQ38" s="104">
        <v>0</v>
      </c>
      <c r="DR38" s="103">
        <v>297840</v>
      </c>
      <c r="DS38" s="106">
        <v>297840</v>
      </c>
      <c r="DT38" s="100">
        <v>0</v>
      </c>
      <c r="DU38" s="104">
        <v>0</v>
      </c>
      <c r="DV38" s="103">
        <v>0</v>
      </c>
      <c r="DW38" s="100">
        <v>0</v>
      </c>
      <c r="DX38" s="104">
        <v>0</v>
      </c>
      <c r="DY38" s="104">
        <v>0</v>
      </c>
      <c r="DZ38" s="104">
        <v>21420</v>
      </c>
      <c r="EA38" s="104">
        <v>219197</v>
      </c>
      <c r="EB38" s="104">
        <v>0</v>
      </c>
      <c r="EC38" s="103">
        <v>240617</v>
      </c>
      <c r="ED38" s="106">
        <v>240617</v>
      </c>
      <c r="EE38" s="100">
        <v>0</v>
      </c>
      <c r="EF38" s="102">
        <v>0</v>
      </c>
      <c r="EG38" s="103">
        <v>0</v>
      </c>
      <c r="EH38" s="100">
        <v>0</v>
      </c>
      <c r="EI38" s="104">
        <v>57223</v>
      </c>
      <c r="EJ38" s="104">
        <v>0</v>
      </c>
      <c r="EK38" s="104">
        <v>0</v>
      </c>
      <c r="EL38" s="104">
        <v>0</v>
      </c>
      <c r="EM38" s="104">
        <v>0</v>
      </c>
      <c r="EN38" s="102">
        <v>57223</v>
      </c>
      <c r="EO38" s="106">
        <v>57223</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4200</v>
      </c>
      <c r="FM38" s="104">
        <v>4900</v>
      </c>
      <c r="FN38" s="103">
        <v>9100</v>
      </c>
      <c r="FO38" s="100">
        <v>0</v>
      </c>
      <c r="FP38" s="104">
        <v>17430</v>
      </c>
      <c r="FQ38" s="104">
        <v>11550</v>
      </c>
      <c r="FR38" s="104">
        <v>21728</v>
      </c>
      <c r="FS38" s="104">
        <v>0</v>
      </c>
      <c r="FT38" s="104">
        <v>43988</v>
      </c>
      <c r="FU38" s="103">
        <v>94696</v>
      </c>
      <c r="FV38" s="106">
        <v>103796</v>
      </c>
      <c r="FW38" s="105">
        <v>4200</v>
      </c>
      <c r="FX38" s="104">
        <v>4900</v>
      </c>
      <c r="FY38" s="102">
        <v>9100</v>
      </c>
      <c r="FZ38" s="101">
        <v>0</v>
      </c>
      <c r="GA38" s="104">
        <v>17430</v>
      </c>
      <c r="GB38" s="104">
        <v>11550</v>
      </c>
      <c r="GC38" s="104">
        <v>21728</v>
      </c>
      <c r="GD38" s="104">
        <v>0</v>
      </c>
      <c r="GE38" s="104">
        <v>43988</v>
      </c>
      <c r="GF38" s="103">
        <v>94696</v>
      </c>
      <c r="GG38" s="296">
        <v>103796</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524175</v>
      </c>
      <c r="HF38" s="102">
        <v>524175</v>
      </c>
      <c r="HG38" s="101">
        <v>0</v>
      </c>
      <c r="HH38" s="104">
        <v>132476</v>
      </c>
      <c r="HI38" s="104">
        <v>0</v>
      </c>
      <c r="HJ38" s="104">
        <v>699341</v>
      </c>
      <c r="HK38" s="104">
        <v>384423</v>
      </c>
      <c r="HL38" s="104">
        <v>200855</v>
      </c>
      <c r="HM38" s="103">
        <v>1417095</v>
      </c>
      <c r="HN38" s="99">
        <v>1941270</v>
      </c>
      <c r="HO38" s="306"/>
      <c r="HP38" s="307"/>
      <c r="HQ38" s="308"/>
      <c r="HR38" s="309"/>
      <c r="HS38" s="307"/>
      <c r="HT38" s="307"/>
      <c r="HU38" s="307"/>
      <c r="HV38" s="307"/>
      <c r="HW38" s="307"/>
      <c r="HX38" s="310"/>
      <c r="HY38" s="311"/>
      <c r="HZ38" s="137">
        <v>0</v>
      </c>
      <c r="IA38" s="122">
        <v>0</v>
      </c>
      <c r="IB38" s="137">
        <v>0</v>
      </c>
      <c r="IC38" s="133">
        <v>0</v>
      </c>
      <c r="ID38" s="119">
        <v>39542</v>
      </c>
      <c r="IE38" s="134">
        <v>0</v>
      </c>
      <c r="IF38" s="120">
        <v>58600</v>
      </c>
      <c r="IG38" s="119">
        <v>62540</v>
      </c>
      <c r="IH38" s="120">
        <v>239532</v>
      </c>
      <c r="II38" s="135">
        <v>400214</v>
      </c>
      <c r="IJ38" s="137">
        <v>400214</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39542</v>
      </c>
      <c r="JL38" s="109">
        <v>0</v>
      </c>
      <c r="JM38" s="109">
        <v>58600</v>
      </c>
      <c r="JN38" s="109">
        <v>62540</v>
      </c>
      <c r="JO38" s="109">
        <v>0</v>
      </c>
      <c r="JP38" s="110">
        <v>160682</v>
      </c>
      <c r="JQ38" s="298">
        <v>160682</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0</v>
      </c>
      <c r="KU38" s="109">
        <v>0</v>
      </c>
      <c r="KV38" s="109">
        <v>0</v>
      </c>
      <c r="KW38" s="110">
        <v>0</v>
      </c>
      <c r="KX38" s="298">
        <v>0</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0</v>
      </c>
      <c r="LZ38" s="109">
        <v>0</v>
      </c>
      <c r="MA38" s="109">
        <v>0</v>
      </c>
      <c r="MB38" s="109">
        <v>0</v>
      </c>
      <c r="MC38" s="109">
        <v>239532</v>
      </c>
      <c r="MD38" s="110">
        <v>239532</v>
      </c>
      <c r="ME38" s="111">
        <v>239532</v>
      </c>
      <c r="MF38" s="129">
        <v>0</v>
      </c>
      <c r="MG38" s="109">
        <v>0</v>
      </c>
      <c r="MH38" s="110">
        <v>0</v>
      </c>
      <c r="MI38" s="132"/>
      <c r="MJ38" s="109">
        <v>0</v>
      </c>
      <c r="MK38" s="109">
        <v>0</v>
      </c>
      <c r="ML38" s="109">
        <v>221029</v>
      </c>
      <c r="MM38" s="109">
        <v>346286</v>
      </c>
      <c r="MN38" s="109">
        <v>892512</v>
      </c>
      <c r="MO38" s="110">
        <v>1459827</v>
      </c>
      <c r="MP38" s="130">
        <v>1459827</v>
      </c>
      <c r="MQ38" s="129">
        <v>0</v>
      </c>
      <c r="MR38" s="109">
        <v>0</v>
      </c>
      <c r="MS38" s="110">
        <v>0</v>
      </c>
      <c r="MT38" s="132"/>
      <c r="MU38" s="109">
        <v>0</v>
      </c>
      <c r="MV38" s="109">
        <v>0</v>
      </c>
      <c r="MW38" s="109">
        <v>0</v>
      </c>
      <c r="MX38" s="109">
        <v>0</v>
      </c>
      <c r="MY38" s="109">
        <v>0</v>
      </c>
      <c r="MZ38" s="110">
        <v>0</v>
      </c>
      <c r="NA38" s="130">
        <v>0</v>
      </c>
      <c r="NB38" s="129">
        <v>0</v>
      </c>
      <c r="NC38" s="109">
        <v>0</v>
      </c>
      <c r="ND38" s="110">
        <v>0</v>
      </c>
      <c r="NE38" s="132"/>
      <c r="NF38" s="109">
        <v>0</v>
      </c>
      <c r="NG38" s="109">
        <v>0</v>
      </c>
      <c r="NH38" s="109">
        <v>221029</v>
      </c>
      <c r="NI38" s="109">
        <v>60112</v>
      </c>
      <c r="NJ38" s="109">
        <v>0</v>
      </c>
      <c r="NK38" s="110">
        <v>281141</v>
      </c>
      <c r="NL38" s="298">
        <v>281141</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0</v>
      </c>
      <c r="OC38" s="109">
        <v>0</v>
      </c>
      <c r="OD38" s="109">
        <v>0</v>
      </c>
      <c r="OE38" s="109">
        <v>286174</v>
      </c>
      <c r="OF38" s="109">
        <v>892512</v>
      </c>
      <c r="OG38" s="110">
        <v>1178686</v>
      </c>
      <c r="OH38" s="111">
        <v>1178686</v>
      </c>
      <c r="OI38" s="129">
        <v>22367</v>
      </c>
      <c r="OJ38" s="109">
        <v>544790</v>
      </c>
      <c r="OK38" s="128">
        <v>567157</v>
      </c>
      <c r="OL38" s="108">
        <v>0</v>
      </c>
      <c r="OM38" s="109">
        <v>471239</v>
      </c>
      <c r="ON38" s="109">
        <v>99285</v>
      </c>
      <c r="OO38" s="109">
        <v>1174982</v>
      </c>
      <c r="OP38" s="109">
        <v>1032382</v>
      </c>
      <c r="OQ38" s="109">
        <v>1708634</v>
      </c>
      <c r="OR38" s="110">
        <v>4486522</v>
      </c>
      <c r="OS38" s="130">
        <v>5053679</v>
      </c>
    </row>
    <row r="39" spans="2:409" ht="21" customHeight="1" x14ac:dyDescent="0.2">
      <c r="B39" s="472" t="s">
        <v>34</v>
      </c>
      <c r="C39" s="100">
        <v>0</v>
      </c>
      <c r="D39" s="104">
        <v>34286</v>
      </c>
      <c r="E39" s="161">
        <v>34286</v>
      </c>
      <c r="F39" s="162">
        <v>0</v>
      </c>
      <c r="G39" s="163">
        <v>55909</v>
      </c>
      <c r="H39" s="163">
        <v>57722</v>
      </c>
      <c r="I39" s="163">
        <v>364735</v>
      </c>
      <c r="J39" s="163">
        <v>0</v>
      </c>
      <c r="K39" s="163">
        <v>8365</v>
      </c>
      <c r="L39" s="164">
        <v>486731</v>
      </c>
      <c r="M39" s="106">
        <v>521017</v>
      </c>
      <c r="N39" s="100">
        <v>0</v>
      </c>
      <c r="O39" s="104">
        <v>34286</v>
      </c>
      <c r="P39" s="103">
        <v>34286</v>
      </c>
      <c r="Q39" s="100">
        <v>0</v>
      </c>
      <c r="R39" s="104">
        <v>52409</v>
      </c>
      <c r="S39" s="104">
        <v>41629</v>
      </c>
      <c r="T39" s="104">
        <v>13538</v>
      </c>
      <c r="U39" s="104">
        <v>0</v>
      </c>
      <c r="V39" s="104">
        <v>0</v>
      </c>
      <c r="W39" s="103">
        <v>107576</v>
      </c>
      <c r="X39" s="106">
        <v>141862</v>
      </c>
      <c r="Y39" s="100">
        <v>0</v>
      </c>
      <c r="Z39" s="104">
        <v>0</v>
      </c>
      <c r="AA39" s="103">
        <v>0</v>
      </c>
      <c r="AB39" s="100">
        <v>0</v>
      </c>
      <c r="AC39" s="104">
        <v>36876</v>
      </c>
      <c r="AD39" s="104">
        <v>0</v>
      </c>
      <c r="AE39" s="104">
        <v>0</v>
      </c>
      <c r="AF39" s="104">
        <v>0</v>
      </c>
      <c r="AG39" s="104">
        <v>0</v>
      </c>
      <c r="AH39" s="103">
        <v>36876</v>
      </c>
      <c r="AI39" s="106">
        <v>36876</v>
      </c>
      <c r="AJ39" s="100">
        <v>0</v>
      </c>
      <c r="AK39" s="104">
        <v>0</v>
      </c>
      <c r="AL39" s="103">
        <v>0</v>
      </c>
      <c r="AM39" s="100">
        <v>0</v>
      </c>
      <c r="AN39" s="104">
        <v>0</v>
      </c>
      <c r="AO39" s="104">
        <v>0</v>
      </c>
      <c r="AP39" s="104">
        <v>0</v>
      </c>
      <c r="AQ39" s="104">
        <v>0</v>
      </c>
      <c r="AR39" s="104">
        <v>0</v>
      </c>
      <c r="AS39" s="103">
        <v>0</v>
      </c>
      <c r="AT39" s="106">
        <v>0</v>
      </c>
      <c r="AU39" s="100">
        <v>0</v>
      </c>
      <c r="AV39" s="104">
        <v>34286</v>
      </c>
      <c r="AW39" s="103">
        <v>34286</v>
      </c>
      <c r="AX39" s="100">
        <v>0</v>
      </c>
      <c r="AY39" s="104">
        <v>0</v>
      </c>
      <c r="AZ39" s="104">
        <v>0</v>
      </c>
      <c r="BA39" s="104">
        <v>0</v>
      </c>
      <c r="BB39" s="104">
        <v>0</v>
      </c>
      <c r="BC39" s="104">
        <v>0</v>
      </c>
      <c r="BD39" s="103">
        <v>0</v>
      </c>
      <c r="BE39" s="106">
        <v>34286</v>
      </c>
      <c r="BF39" s="100">
        <v>0</v>
      </c>
      <c r="BG39" s="104">
        <v>0</v>
      </c>
      <c r="BH39" s="102">
        <v>0</v>
      </c>
      <c r="BI39" s="101">
        <v>0</v>
      </c>
      <c r="BJ39" s="104">
        <v>0</v>
      </c>
      <c r="BK39" s="104">
        <v>41629</v>
      </c>
      <c r="BL39" s="104">
        <v>0</v>
      </c>
      <c r="BM39" s="104">
        <v>0</v>
      </c>
      <c r="BN39" s="104">
        <v>0</v>
      </c>
      <c r="BO39" s="103">
        <v>41629</v>
      </c>
      <c r="BP39" s="106">
        <v>41629</v>
      </c>
      <c r="BQ39" s="100">
        <v>0</v>
      </c>
      <c r="BR39" s="104">
        <v>0</v>
      </c>
      <c r="BS39" s="103">
        <v>0</v>
      </c>
      <c r="BT39" s="100">
        <v>0</v>
      </c>
      <c r="BU39" s="104">
        <v>15533</v>
      </c>
      <c r="BV39" s="104">
        <v>0</v>
      </c>
      <c r="BW39" s="104">
        <v>13538</v>
      </c>
      <c r="BX39" s="104">
        <v>0</v>
      </c>
      <c r="BY39" s="104">
        <v>0</v>
      </c>
      <c r="BZ39" s="103">
        <v>29071</v>
      </c>
      <c r="CA39" s="106">
        <v>29071</v>
      </c>
      <c r="CB39" s="100">
        <v>0</v>
      </c>
      <c r="CC39" s="104">
        <v>0</v>
      </c>
      <c r="CD39" s="103">
        <v>0</v>
      </c>
      <c r="CE39" s="100">
        <v>0</v>
      </c>
      <c r="CF39" s="104">
        <v>0</v>
      </c>
      <c r="CG39" s="104">
        <v>10143</v>
      </c>
      <c r="CH39" s="104">
        <v>190736</v>
      </c>
      <c r="CI39" s="104">
        <v>0</v>
      </c>
      <c r="CJ39" s="104">
        <v>0</v>
      </c>
      <c r="CK39" s="103">
        <v>200879</v>
      </c>
      <c r="CL39" s="106">
        <v>200879</v>
      </c>
      <c r="CM39" s="100">
        <v>0</v>
      </c>
      <c r="CN39" s="104">
        <v>0</v>
      </c>
      <c r="CO39" s="103">
        <v>0</v>
      </c>
      <c r="CP39" s="101">
        <v>0</v>
      </c>
      <c r="CQ39" s="104">
        <v>0</v>
      </c>
      <c r="CR39" s="104">
        <v>10143</v>
      </c>
      <c r="CS39" s="104">
        <v>190736</v>
      </c>
      <c r="CT39" s="104">
        <v>0</v>
      </c>
      <c r="CU39" s="104">
        <v>0</v>
      </c>
      <c r="CV39" s="103">
        <v>200879</v>
      </c>
      <c r="CW39" s="106">
        <v>200879</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0</v>
      </c>
      <c r="FM39" s="104">
        <v>0</v>
      </c>
      <c r="FN39" s="103">
        <v>0</v>
      </c>
      <c r="FO39" s="100">
        <v>0</v>
      </c>
      <c r="FP39" s="104">
        <v>3500</v>
      </c>
      <c r="FQ39" s="104">
        <v>5950</v>
      </c>
      <c r="FR39" s="104">
        <v>0</v>
      </c>
      <c r="FS39" s="104">
        <v>0</v>
      </c>
      <c r="FT39" s="104">
        <v>8365</v>
      </c>
      <c r="FU39" s="103">
        <v>17815</v>
      </c>
      <c r="FV39" s="106">
        <v>17815</v>
      </c>
      <c r="FW39" s="105">
        <v>0</v>
      </c>
      <c r="FX39" s="104">
        <v>0</v>
      </c>
      <c r="FY39" s="102">
        <v>0</v>
      </c>
      <c r="FZ39" s="101">
        <v>0</v>
      </c>
      <c r="GA39" s="104">
        <v>3500</v>
      </c>
      <c r="GB39" s="104">
        <v>5950</v>
      </c>
      <c r="GC39" s="104">
        <v>0</v>
      </c>
      <c r="GD39" s="104">
        <v>0</v>
      </c>
      <c r="GE39" s="104">
        <v>8365</v>
      </c>
      <c r="GF39" s="103">
        <v>17815</v>
      </c>
      <c r="GG39" s="296">
        <v>17815</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0</v>
      </c>
      <c r="HJ39" s="104">
        <v>160461</v>
      </c>
      <c r="HK39" s="104">
        <v>0</v>
      </c>
      <c r="HL39" s="104">
        <v>0</v>
      </c>
      <c r="HM39" s="103">
        <v>160461</v>
      </c>
      <c r="HN39" s="99">
        <v>160461</v>
      </c>
      <c r="HO39" s="306"/>
      <c r="HP39" s="307"/>
      <c r="HQ39" s="308"/>
      <c r="HR39" s="309"/>
      <c r="HS39" s="307"/>
      <c r="HT39" s="307"/>
      <c r="HU39" s="307"/>
      <c r="HV39" s="307"/>
      <c r="HW39" s="307"/>
      <c r="HX39" s="310"/>
      <c r="HY39" s="311"/>
      <c r="HZ39" s="118">
        <v>0</v>
      </c>
      <c r="IA39" s="119">
        <v>0</v>
      </c>
      <c r="IB39" s="120">
        <v>0</v>
      </c>
      <c r="IC39" s="133">
        <v>0</v>
      </c>
      <c r="ID39" s="119">
        <v>98350</v>
      </c>
      <c r="IE39" s="134">
        <v>0</v>
      </c>
      <c r="IF39" s="120">
        <v>0</v>
      </c>
      <c r="IG39" s="119">
        <v>0</v>
      </c>
      <c r="IH39" s="120">
        <v>57029</v>
      </c>
      <c r="II39" s="135">
        <v>155379</v>
      </c>
      <c r="IJ39" s="126">
        <v>155379</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0</v>
      </c>
      <c r="JL39" s="109">
        <v>0</v>
      </c>
      <c r="JM39" s="109">
        <v>0</v>
      </c>
      <c r="JN39" s="109">
        <v>0</v>
      </c>
      <c r="JO39" s="109">
        <v>0</v>
      </c>
      <c r="JP39" s="110">
        <v>0</v>
      </c>
      <c r="JQ39" s="298">
        <v>0</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98350</v>
      </c>
      <c r="KH39" s="109">
        <v>0</v>
      </c>
      <c r="KI39" s="109">
        <v>0</v>
      </c>
      <c r="KJ39" s="109">
        <v>0</v>
      </c>
      <c r="KK39" s="109">
        <v>0</v>
      </c>
      <c r="KL39" s="110">
        <v>98350</v>
      </c>
      <c r="KM39" s="130">
        <v>98350</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0</v>
      </c>
      <c r="LZ39" s="109">
        <v>0</v>
      </c>
      <c r="MA39" s="109">
        <v>0</v>
      </c>
      <c r="MB39" s="109">
        <v>0</v>
      </c>
      <c r="MC39" s="109">
        <v>57029</v>
      </c>
      <c r="MD39" s="110">
        <v>57029</v>
      </c>
      <c r="ME39" s="111">
        <v>57029</v>
      </c>
      <c r="MF39" s="129">
        <v>0</v>
      </c>
      <c r="MG39" s="109">
        <v>0</v>
      </c>
      <c r="MH39" s="110">
        <v>0</v>
      </c>
      <c r="MI39" s="132"/>
      <c r="MJ39" s="109">
        <v>0</v>
      </c>
      <c r="MK39" s="109">
        <v>0</v>
      </c>
      <c r="ML39" s="109">
        <v>0</v>
      </c>
      <c r="MM39" s="109">
        <v>0</v>
      </c>
      <c r="MN39" s="109">
        <v>0</v>
      </c>
      <c r="MO39" s="110">
        <v>0</v>
      </c>
      <c r="MP39" s="130">
        <v>0</v>
      </c>
      <c r="MQ39" s="129">
        <v>0</v>
      </c>
      <c r="MR39" s="109">
        <v>0</v>
      </c>
      <c r="MS39" s="110">
        <v>0</v>
      </c>
      <c r="MT39" s="132"/>
      <c r="MU39" s="109">
        <v>0</v>
      </c>
      <c r="MV39" s="109">
        <v>0</v>
      </c>
      <c r="MW39" s="109">
        <v>0</v>
      </c>
      <c r="MX39" s="109">
        <v>0</v>
      </c>
      <c r="MY39" s="109">
        <v>0</v>
      </c>
      <c r="MZ39" s="110">
        <v>0</v>
      </c>
      <c r="NA39" s="130">
        <v>0</v>
      </c>
      <c r="NB39" s="129">
        <v>0</v>
      </c>
      <c r="NC39" s="109">
        <v>0</v>
      </c>
      <c r="ND39" s="110">
        <v>0</v>
      </c>
      <c r="NE39" s="132"/>
      <c r="NF39" s="109">
        <v>0</v>
      </c>
      <c r="NG39" s="109">
        <v>0</v>
      </c>
      <c r="NH39" s="109">
        <v>0</v>
      </c>
      <c r="NI39" s="109">
        <v>0</v>
      </c>
      <c r="NJ39" s="109">
        <v>0</v>
      </c>
      <c r="NK39" s="110">
        <v>0</v>
      </c>
      <c r="NL39" s="298">
        <v>0</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0</v>
      </c>
      <c r="OJ39" s="109">
        <v>34286</v>
      </c>
      <c r="OK39" s="128">
        <v>34286</v>
      </c>
      <c r="OL39" s="108">
        <v>0</v>
      </c>
      <c r="OM39" s="109">
        <v>154259</v>
      </c>
      <c r="ON39" s="109">
        <v>57722</v>
      </c>
      <c r="OO39" s="109">
        <v>364735</v>
      </c>
      <c r="OP39" s="109">
        <v>0</v>
      </c>
      <c r="OQ39" s="109">
        <v>65394</v>
      </c>
      <c r="OR39" s="110">
        <v>642110</v>
      </c>
      <c r="OS39" s="130">
        <v>676396</v>
      </c>
    </row>
    <row r="40" spans="2:409" ht="21" customHeight="1" x14ac:dyDescent="0.2">
      <c r="B40" s="472" t="s">
        <v>35</v>
      </c>
      <c r="C40" s="100">
        <v>249692</v>
      </c>
      <c r="D40" s="104">
        <v>238936</v>
      </c>
      <c r="E40" s="103">
        <v>488628</v>
      </c>
      <c r="F40" s="99">
        <v>0</v>
      </c>
      <c r="G40" s="104">
        <v>509375</v>
      </c>
      <c r="H40" s="104">
        <v>425516</v>
      </c>
      <c r="I40" s="104">
        <v>652467</v>
      </c>
      <c r="J40" s="104">
        <v>1004775</v>
      </c>
      <c r="K40" s="104">
        <v>727000</v>
      </c>
      <c r="L40" s="160">
        <v>3319133</v>
      </c>
      <c r="M40" s="106">
        <v>3807761</v>
      </c>
      <c r="N40" s="100">
        <v>52990</v>
      </c>
      <c r="O40" s="104">
        <v>82094</v>
      </c>
      <c r="P40" s="103">
        <v>135084</v>
      </c>
      <c r="Q40" s="100">
        <v>0</v>
      </c>
      <c r="R40" s="104">
        <v>351161</v>
      </c>
      <c r="S40" s="104">
        <v>180495</v>
      </c>
      <c r="T40" s="104">
        <v>60725</v>
      </c>
      <c r="U40" s="104">
        <v>266532</v>
      </c>
      <c r="V40" s="104">
        <v>162778</v>
      </c>
      <c r="W40" s="103">
        <v>1021691</v>
      </c>
      <c r="X40" s="106">
        <v>1156775</v>
      </c>
      <c r="Y40" s="100">
        <v>0</v>
      </c>
      <c r="Z40" s="104">
        <v>0</v>
      </c>
      <c r="AA40" s="103">
        <v>0</v>
      </c>
      <c r="AB40" s="100">
        <v>0</v>
      </c>
      <c r="AC40" s="104">
        <v>169838</v>
      </c>
      <c r="AD40" s="104">
        <v>74585</v>
      </c>
      <c r="AE40" s="104">
        <v>-34741</v>
      </c>
      <c r="AF40" s="104">
        <v>0</v>
      </c>
      <c r="AG40" s="104">
        <v>78288</v>
      </c>
      <c r="AH40" s="103">
        <v>287970</v>
      </c>
      <c r="AI40" s="106">
        <v>287970</v>
      </c>
      <c r="AJ40" s="100">
        <v>0</v>
      </c>
      <c r="AK40" s="104">
        <v>0</v>
      </c>
      <c r="AL40" s="103">
        <v>0</v>
      </c>
      <c r="AM40" s="100">
        <v>0</v>
      </c>
      <c r="AN40" s="104">
        <v>0</v>
      </c>
      <c r="AO40" s="104">
        <v>0</v>
      </c>
      <c r="AP40" s="104">
        <v>0</v>
      </c>
      <c r="AQ40" s="104">
        <v>48783</v>
      </c>
      <c r="AR40" s="104">
        <v>19901</v>
      </c>
      <c r="AS40" s="103">
        <v>68684</v>
      </c>
      <c r="AT40" s="106">
        <v>68684</v>
      </c>
      <c r="AU40" s="100">
        <v>0</v>
      </c>
      <c r="AV40" s="104">
        <v>23182</v>
      </c>
      <c r="AW40" s="103">
        <v>23182</v>
      </c>
      <c r="AX40" s="100">
        <v>0</v>
      </c>
      <c r="AY40" s="104">
        <v>56870</v>
      </c>
      <c r="AZ40" s="104">
        <v>103824</v>
      </c>
      <c r="BA40" s="104">
        <v>48874</v>
      </c>
      <c r="BB40" s="104">
        <v>104860</v>
      </c>
      <c r="BC40" s="104">
        <v>39067</v>
      </c>
      <c r="BD40" s="103">
        <v>353495</v>
      </c>
      <c r="BE40" s="106">
        <v>376677</v>
      </c>
      <c r="BF40" s="100">
        <v>24101</v>
      </c>
      <c r="BG40" s="104">
        <v>26292</v>
      </c>
      <c r="BH40" s="102">
        <v>50393</v>
      </c>
      <c r="BI40" s="101">
        <v>0</v>
      </c>
      <c r="BJ40" s="104">
        <v>106757</v>
      </c>
      <c r="BK40" s="104">
        <v>0</v>
      </c>
      <c r="BL40" s="104">
        <v>0</v>
      </c>
      <c r="BM40" s="104">
        <v>57071</v>
      </c>
      <c r="BN40" s="104">
        <v>0</v>
      </c>
      <c r="BO40" s="103">
        <v>163828</v>
      </c>
      <c r="BP40" s="106">
        <v>214221</v>
      </c>
      <c r="BQ40" s="100">
        <v>28889</v>
      </c>
      <c r="BR40" s="104">
        <v>32620</v>
      </c>
      <c r="BS40" s="103">
        <v>61509</v>
      </c>
      <c r="BT40" s="100">
        <v>0</v>
      </c>
      <c r="BU40" s="104">
        <v>17696</v>
      </c>
      <c r="BV40" s="104">
        <v>2086</v>
      </c>
      <c r="BW40" s="104">
        <v>46592</v>
      </c>
      <c r="BX40" s="104">
        <v>55818</v>
      </c>
      <c r="BY40" s="104">
        <v>25522</v>
      </c>
      <c r="BZ40" s="103">
        <v>147714</v>
      </c>
      <c r="CA40" s="106">
        <v>209223</v>
      </c>
      <c r="CB40" s="100">
        <v>0</v>
      </c>
      <c r="CC40" s="104">
        <v>64988</v>
      </c>
      <c r="CD40" s="103">
        <v>64988</v>
      </c>
      <c r="CE40" s="100">
        <v>0</v>
      </c>
      <c r="CF40" s="104">
        <v>125104</v>
      </c>
      <c r="CG40" s="104">
        <v>162995</v>
      </c>
      <c r="CH40" s="104">
        <v>16485</v>
      </c>
      <c r="CI40" s="104">
        <v>130907</v>
      </c>
      <c r="CJ40" s="104">
        <v>69167</v>
      </c>
      <c r="CK40" s="103">
        <v>504658</v>
      </c>
      <c r="CL40" s="106">
        <v>569646</v>
      </c>
      <c r="CM40" s="100">
        <v>0</v>
      </c>
      <c r="CN40" s="104">
        <v>0</v>
      </c>
      <c r="CO40" s="103">
        <v>0</v>
      </c>
      <c r="CP40" s="101">
        <v>0</v>
      </c>
      <c r="CQ40" s="104">
        <v>39130</v>
      </c>
      <c r="CR40" s="104">
        <v>111657</v>
      </c>
      <c r="CS40" s="104">
        <v>16485</v>
      </c>
      <c r="CT40" s="104">
        <v>33152</v>
      </c>
      <c r="CU40" s="104">
        <v>69167</v>
      </c>
      <c r="CV40" s="103">
        <v>269591</v>
      </c>
      <c r="CW40" s="106">
        <v>269591</v>
      </c>
      <c r="CX40" s="100">
        <v>0</v>
      </c>
      <c r="CY40" s="104">
        <v>64988</v>
      </c>
      <c r="CZ40" s="103">
        <v>64988</v>
      </c>
      <c r="DA40" s="100">
        <v>0</v>
      </c>
      <c r="DB40" s="104">
        <v>85974</v>
      </c>
      <c r="DC40" s="104">
        <v>51338</v>
      </c>
      <c r="DD40" s="104">
        <v>0</v>
      </c>
      <c r="DE40" s="104">
        <v>97755</v>
      </c>
      <c r="DF40" s="104">
        <v>0</v>
      </c>
      <c r="DG40" s="103">
        <v>235067</v>
      </c>
      <c r="DH40" s="106">
        <v>300055</v>
      </c>
      <c r="DI40" s="100">
        <v>0</v>
      </c>
      <c r="DJ40" s="104">
        <v>0</v>
      </c>
      <c r="DK40" s="102">
        <v>0</v>
      </c>
      <c r="DL40" s="101">
        <v>0</v>
      </c>
      <c r="DM40" s="104">
        <v>0</v>
      </c>
      <c r="DN40" s="104">
        <v>0</v>
      </c>
      <c r="DO40" s="104">
        <v>0</v>
      </c>
      <c r="DP40" s="104">
        <v>132923</v>
      </c>
      <c r="DQ40" s="104">
        <v>69748</v>
      </c>
      <c r="DR40" s="103">
        <v>202671</v>
      </c>
      <c r="DS40" s="106">
        <v>202671</v>
      </c>
      <c r="DT40" s="100">
        <v>0</v>
      </c>
      <c r="DU40" s="104">
        <v>0</v>
      </c>
      <c r="DV40" s="103">
        <v>0</v>
      </c>
      <c r="DW40" s="100">
        <v>0</v>
      </c>
      <c r="DX40" s="104">
        <v>0</v>
      </c>
      <c r="DY40" s="104">
        <v>0</v>
      </c>
      <c r="DZ40" s="104">
        <v>0</v>
      </c>
      <c r="EA40" s="104">
        <v>132923</v>
      </c>
      <c r="EB40" s="104">
        <v>69748</v>
      </c>
      <c r="EC40" s="103">
        <v>202671</v>
      </c>
      <c r="ED40" s="106">
        <v>202671</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4550</v>
      </c>
      <c r="FM40" s="104">
        <v>12712</v>
      </c>
      <c r="FN40" s="103">
        <v>17262</v>
      </c>
      <c r="FO40" s="100">
        <v>0</v>
      </c>
      <c r="FP40" s="104">
        <v>33110</v>
      </c>
      <c r="FQ40" s="104">
        <v>82026</v>
      </c>
      <c r="FR40" s="104">
        <v>83580</v>
      </c>
      <c r="FS40" s="104">
        <v>108220</v>
      </c>
      <c r="FT40" s="104">
        <v>37142</v>
      </c>
      <c r="FU40" s="103">
        <v>344078</v>
      </c>
      <c r="FV40" s="106">
        <v>361340</v>
      </c>
      <c r="FW40" s="105">
        <v>4550</v>
      </c>
      <c r="FX40" s="104">
        <v>12712</v>
      </c>
      <c r="FY40" s="102">
        <v>17262</v>
      </c>
      <c r="FZ40" s="101">
        <v>0</v>
      </c>
      <c r="GA40" s="104">
        <v>33110</v>
      </c>
      <c r="GB40" s="104">
        <v>82026</v>
      </c>
      <c r="GC40" s="104">
        <v>83580</v>
      </c>
      <c r="GD40" s="104">
        <v>108220</v>
      </c>
      <c r="GE40" s="104">
        <v>37142</v>
      </c>
      <c r="GF40" s="103">
        <v>344078</v>
      </c>
      <c r="GG40" s="296">
        <v>361340</v>
      </c>
      <c r="GH40" s="105">
        <v>0</v>
      </c>
      <c r="GI40" s="104">
        <v>0</v>
      </c>
      <c r="GJ40" s="102">
        <v>0</v>
      </c>
      <c r="GK40" s="101">
        <v>0</v>
      </c>
      <c r="GL40" s="104">
        <v>0</v>
      </c>
      <c r="GM40" s="104">
        <v>0</v>
      </c>
      <c r="GN40" s="104">
        <v>0</v>
      </c>
      <c r="GO40" s="104">
        <v>0</v>
      </c>
      <c r="GP40" s="104">
        <v>0</v>
      </c>
      <c r="GQ40" s="103">
        <v>0</v>
      </c>
      <c r="GR40" s="106">
        <v>0</v>
      </c>
      <c r="GS40" s="100">
        <v>0</v>
      </c>
      <c r="GT40" s="104">
        <v>0</v>
      </c>
      <c r="GU40" s="103">
        <v>0</v>
      </c>
      <c r="GV40" s="100">
        <v>0</v>
      </c>
      <c r="GW40" s="104">
        <v>0</v>
      </c>
      <c r="GX40" s="104">
        <v>0</v>
      </c>
      <c r="GY40" s="104">
        <v>0</v>
      </c>
      <c r="GZ40" s="104">
        <v>0</v>
      </c>
      <c r="HA40" s="104">
        <v>0</v>
      </c>
      <c r="HB40" s="102">
        <v>0</v>
      </c>
      <c r="HC40" s="106">
        <v>0</v>
      </c>
      <c r="HD40" s="100">
        <v>192152</v>
      </c>
      <c r="HE40" s="104">
        <v>79142</v>
      </c>
      <c r="HF40" s="102">
        <v>271294</v>
      </c>
      <c r="HG40" s="101">
        <v>0</v>
      </c>
      <c r="HH40" s="104">
        <v>0</v>
      </c>
      <c r="HI40" s="104">
        <v>0</v>
      </c>
      <c r="HJ40" s="104">
        <v>491677</v>
      </c>
      <c r="HK40" s="104">
        <v>366193</v>
      </c>
      <c r="HL40" s="104">
        <v>388165</v>
      </c>
      <c r="HM40" s="103">
        <v>1246035</v>
      </c>
      <c r="HN40" s="99">
        <v>1517329</v>
      </c>
      <c r="HO40" s="306"/>
      <c r="HP40" s="307"/>
      <c r="HQ40" s="308"/>
      <c r="HR40" s="309"/>
      <c r="HS40" s="307"/>
      <c r="HT40" s="307"/>
      <c r="HU40" s="307"/>
      <c r="HV40" s="307"/>
      <c r="HW40" s="307"/>
      <c r="HX40" s="310"/>
      <c r="HY40" s="311"/>
      <c r="HZ40" s="137">
        <v>0</v>
      </c>
      <c r="IA40" s="122">
        <v>0</v>
      </c>
      <c r="IB40" s="137">
        <v>0</v>
      </c>
      <c r="IC40" s="133">
        <v>0</v>
      </c>
      <c r="ID40" s="119">
        <v>276731</v>
      </c>
      <c r="IE40" s="134">
        <v>0</v>
      </c>
      <c r="IF40" s="120">
        <v>0</v>
      </c>
      <c r="IG40" s="119">
        <v>0</v>
      </c>
      <c r="IH40" s="120">
        <v>79800</v>
      </c>
      <c r="II40" s="135">
        <v>356531</v>
      </c>
      <c r="IJ40" s="137">
        <v>356531</v>
      </c>
      <c r="IK40" s="219">
        <v>0</v>
      </c>
      <c r="IL40" s="223">
        <v>0</v>
      </c>
      <c r="IM40" s="224">
        <v>0</v>
      </c>
      <c r="IN40" s="127"/>
      <c r="IO40" s="109">
        <v>0</v>
      </c>
      <c r="IP40" s="109">
        <v>0</v>
      </c>
      <c r="IQ40" s="109">
        <v>0</v>
      </c>
      <c r="IR40" s="109">
        <v>0</v>
      </c>
      <c r="IS40" s="109">
        <v>0</v>
      </c>
      <c r="IT40" s="128">
        <v>0</v>
      </c>
      <c r="IU40" s="298">
        <v>0</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82838</v>
      </c>
      <c r="KH40" s="109">
        <v>0</v>
      </c>
      <c r="KI40" s="109">
        <v>0</v>
      </c>
      <c r="KJ40" s="109">
        <v>0</v>
      </c>
      <c r="KK40" s="109">
        <v>79800</v>
      </c>
      <c r="KL40" s="110">
        <v>162638</v>
      </c>
      <c r="KM40" s="130">
        <v>162638</v>
      </c>
      <c r="KN40" s="219">
        <v>0</v>
      </c>
      <c r="KO40" s="223">
        <v>0</v>
      </c>
      <c r="KP40" s="224">
        <v>0</v>
      </c>
      <c r="KQ40" s="127"/>
      <c r="KR40" s="109">
        <v>193893</v>
      </c>
      <c r="KS40" s="109">
        <v>0</v>
      </c>
      <c r="KT40" s="109">
        <v>0</v>
      </c>
      <c r="KU40" s="109">
        <v>0</v>
      </c>
      <c r="KV40" s="109">
        <v>0</v>
      </c>
      <c r="KW40" s="110">
        <v>193893</v>
      </c>
      <c r="KX40" s="298">
        <v>193893</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0</v>
      </c>
      <c r="MK40" s="109">
        <v>0</v>
      </c>
      <c r="ML40" s="109">
        <v>0</v>
      </c>
      <c r="MM40" s="109">
        <v>224483</v>
      </c>
      <c r="MN40" s="109">
        <v>0</v>
      </c>
      <c r="MO40" s="110">
        <v>224483</v>
      </c>
      <c r="MP40" s="130">
        <v>224483</v>
      </c>
      <c r="MQ40" s="129">
        <v>0</v>
      </c>
      <c r="MR40" s="109">
        <v>0</v>
      </c>
      <c r="MS40" s="110">
        <v>0</v>
      </c>
      <c r="MT40" s="132"/>
      <c r="MU40" s="109">
        <v>0</v>
      </c>
      <c r="MV40" s="109">
        <v>0</v>
      </c>
      <c r="MW40" s="109">
        <v>0</v>
      </c>
      <c r="MX40" s="109">
        <v>224483</v>
      </c>
      <c r="MY40" s="109">
        <v>0</v>
      </c>
      <c r="MZ40" s="110">
        <v>224483</v>
      </c>
      <c r="NA40" s="130">
        <v>224483</v>
      </c>
      <c r="NB40" s="129">
        <v>0</v>
      </c>
      <c r="NC40" s="109">
        <v>0</v>
      </c>
      <c r="ND40" s="110">
        <v>0</v>
      </c>
      <c r="NE40" s="132"/>
      <c r="NF40" s="109">
        <v>0</v>
      </c>
      <c r="NG40" s="109">
        <v>0</v>
      </c>
      <c r="NH40" s="109">
        <v>0</v>
      </c>
      <c r="NI40" s="109">
        <v>0</v>
      </c>
      <c r="NJ40" s="109">
        <v>0</v>
      </c>
      <c r="NK40" s="110">
        <v>0</v>
      </c>
      <c r="NL40" s="298">
        <v>0</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249692</v>
      </c>
      <c r="OJ40" s="109">
        <v>238936</v>
      </c>
      <c r="OK40" s="128">
        <v>488628</v>
      </c>
      <c r="OL40" s="108">
        <v>0</v>
      </c>
      <c r="OM40" s="109">
        <v>786106</v>
      </c>
      <c r="ON40" s="109">
        <v>425516</v>
      </c>
      <c r="OO40" s="109">
        <v>652467</v>
      </c>
      <c r="OP40" s="109">
        <v>1229258</v>
      </c>
      <c r="OQ40" s="109">
        <v>806800</v>
      </c>
      <c r="OR40" s="110">
        <v>3900147</v>
      </c>
      <c r="OS40" s="130">
        <v>4388775</v>
      </c>
    </row>
    <row r="41" spans="2:409" ht="21" customHeight="1" x14ac:dyDescent="0.2">
      <c r="B41" s="472" t="s">
        <v>36</v>
      </c>
      <c r="C41" s="100">
        <v>40433</v>
      </c>
      <c r="D41" s="104">
        <v>63883</v>
      </c>
      <c r="E41" s="103">
        <v>104316</v>
      </c>
      <c r="F41" s="99">
        <v>0</v>
      </c>
      <c r="G41" s="104">
        <v>130351</v>
      </c>
      <c r="H41" s="104">
        <v>1004700</v>
      </c>
      <c r="I41" s="104">
        <v>219559</v>
      </c>
      <c r="J41" s="104">
        <v>855339</v>
      </c>
      <c r="K41" s="104">
        <v>380952</v>
      </c>
      <c r="L41" s="160">
        <v>2590901</v>
      </c>
      <c r="M41" s="106">
        <v>2695217</v>
      </c>
      <c r="N41" s="100">
        <v>38333</v>
      </c>
      <c r="O41" s="104">
        <v>27483</v>
      </c>
      <c r="P41" s="103">
        <v>65816</v>
      </c>
      <c r="Q41" s="100">
        <v>0</v>
      </c>
      <c r="R41" s="104">
        <v>67845</v>
      </c>
      <c r="S41" s="104">
        <v>68990</v>
      </c>
      <c r="T41" s="104">
        <v>18312</v>
      </c>
      <c r="U41" s="104">
        <v>281369</v>
      </c>
      <c r="V41" s="104">
        <v>283489</v>
      </c>
      <c r="W41" s="103">
        <v>720005</v>
      </c>
      <c r="X41" s="106">
        <v>785821</v>
      </c>
      <c r="Y41" s="100">
        <v>0</v>
      </c>
      <c r="Z41" s="104">
        <v>0</v>
      </c>
      <c r="AA41" s="103">
        <v>0</v>
      </c>
      <c r="AB41" s="100">
        <v>0</v>
      </c>
      <c r="AC41" s="104">
        <v>0</v>
      </c>
      <c r="AD41" s="104">
        <v>12967</v>
      </c>
      <c r="AE41" s="104">
        <v>0</v>
      </c>
      <c r="AF41" s="104">
        <v>212872</v>
      </c>
      <c r="AG41" s="104">
        <v>205004</v>
      </c>
      <c r="AH41" s="103">
        <v>430843</v>
      </c>
      <c r="AI41" s="106">
        <v>430843</v>
      </c>
      <c r="AJ41" s="100">
        <v>0</v>
      </c>
      <c r="AK41" s="104">
        <v>0</v>
      </c>
      <c r="AL41" s="103">
        <v>0</v>
      </c>
      <c r="AM41" s="100">
        <v>0</v>
      </c>
      <c r="AN41" s="104">
        <v>0</v>
      </c>
      <c r="AO41" s="104">
        <v>0</v>
      </c>
      <c r="AP41" s="104">
        <v>0</v>
      </c>
      <c r="AQ41" s="104">
        <v>0</v>
      </c>
      <c r="AR41" s="104">
        <v>0</v>
      </c>
      <c r="AS41" s="103">
        <v>0</v>
      </c>
      <c r="AT41" s="106">
        <v>0</v>
      </c>
      <c r="AU41" s="100">
        <v>38333</v>
      </c>
      <c r="AV41" s="104">
        <v>27483</v>
      </c>
      <c r="AW41" s="103">
        <v>65816</v>
      </c>
      <c r="AX41" s="100">
        <v>0</v>
      </c>
      <c r="AY41" s="104">
        <v>27604</v>
      </c>
      <c r="AZ41" s="104">
        <v>8892</v>
      </c>
      <c r="BA41" s="104">
        <v>0</v>
      </c>
      <c r="BB41" s="104">
        <v>12140</v>
      </c>
      <c r="BC41" s="104">
        <v>58395</v>
      </c>
      <c r="BD41" s="103">
        <v>107031</v>
      </c>
      <c r="BE41" s="106">
        <v>172847</v>
      </c>
      <c r="BF41" s="100">
        <v>0</v>
      </c>
      <c r="BG41" s="104">
        <v>0</v>
      </c>
      <c r="BH41" s="102">
        <v>0</v>
      </c>
      <c r="BI41" s="101">
        <v>0</v>
      </c>
      <c r="BJ41" s="104">
        <v>36629</v>
      </c>
      <c r="BK41" s="104">
        <v>0</v>
      </c>
      <c r="BL41" s="104">
        <v>0</v>
      </c>
      <c r="BM41" s="104">
        <v>0</v>
      </c>
      <c r="BN41" s="104">
        <v>0</v>
      </c>
      <c r="BO41" s="103">
        <v>36629</v>
      </c>
      <c r="BP41" s="106">
        <v>36629</v>
      </c>
      <c r="BQ41" s="100">
        <v>0</v>
      </c>
      <c r="BR41" s="104">
        <v>0</v>
      </c>
      <c r="BS41" s="103">
        <v>0</v>
      </c>
      <c r="BT41" s="100">
        <v>0</v>
      </c>
      <c r="BU41" s="104">
        <v>3612</v>
      </c>
      <c r="BV41" s="104">
        <v>47131</v>
      </c>
      <c r="BW41" s="104">
        <v>18312</v>
      </c>
      <c r="BX41" s="104">
        <v>56357</v>
      </c>
      <c r="BY41" s="104">
        <v>20090</v>
      </c>
      <c r="BZ41" s="103">
        <v>145502</v>
      </c>
      <c r="CA41" s="106">
        <v>145502</v>
      </c>
      <c r="CB41" s="100">
        <v>0</v>
      </c>
      <c r="CC41" s="104">
        <v>0</v>
      </c>
      <c r="CD41" s="103">
        <v>0</v>
      </c>
      <c r="CE41" s="100">
        <v>0</v>
      </c>
      <c r="CF41" s="104">
        <v>54456</v>
      </c>
      <c r="CG41" s="104">
        <v>313900</v>
      </c>
      <c r="CH41" s="104">
        <v>31614</v>
      </c>
      <c r="CI41" s="104">
        <v>100908</v>
      </c>
      <c r="CJ41" s="104">
        <v>61007</v>
      </c>
      <c r="CK41" s="103">
        <v>561885</v>
      </c>
      <c r="CL41" s="106">
        <v>561885</v>
      </c>
      <c r="CM41" s="100">
        <v>0</v>
      </c>
      <c r="CN41" s="104">
        <v>0</v>
      </c>
      <c r="CO41" s="103">
        <v>0</v>
      </c>
      <c r="CP41" s="101">
        <v>0</v>
      </c>
      <c r="CQ41" s="104">
        <v>30027</v>
      </c>
      <c r="CR41" s="104">
        <v>313900</v>
      </c>
      <c r="CS41" s="104">
        <v>31614</v>
      </c>
      <c r="CT41" s="104">
        <v>100908</v>
      </c>
      <c r="CU41" s="104">
        <v>61007</v>
      </c>
      <c r="CV41" s="103">
        <v>537456</v>
      </c>
      <c r="CW41" s="106">
        <v>537456</v>
      </c>
      <c r="CX41" s="100">
        <v>0</v>
      </c>
      <c r="CY41" s="104">
        <v>0</v>
      </c>
      <c r="CZ41" s="103">
        <v>0</v>
      </c>
      <c r="DA41" s="100">
        <v>0</v>
      </c>
      <c r="DB41" s="104">
        <v>24429</v>
      </c>
      <c r="DC41" s="104">
        <v>0</v>
      </c>
      <c r="DD41" s="104">
        <v>0</v>
      </c>
      <c r="DE41" s="104">
        <v>0</v>
      </c>
      <c r="DF41" s="104">
        <v>0</v>
      </c>
      <c r="DG41" s="103">
        <v>24429</v>
      </c>
      <c r="DH41" s="106">
        <v>24429</v>
      </c>
      <c r="DI41" s="100">
        <v>0</v>
      </c>
      <c r="DJ41" s="104">
        <v>0</v>
      </c>
      <c r="DK41" s="102">
        <v>0</v>
      </c>
      <c r="DL41" s="101">
        <v>0</v>
      </c>
      <c r="DM41" s="104">
        <v>0</v>
      </c>
      <c r="DN41" s="104">
        <v>129195</v>
      </c>
      <c r="DO41" s="104">
        <v>0</v>
      </c>
      <c r="DP41" s="104">
        <v>72806</v>
      </c>
      <c r="DQ41" s="104">
        <v>0</v>
      </c>
      <c r="DR41" s="103">
        <v>202001</v>
      </c>
      <c r="DS41" s="106">
        <v>202001</v>
      </c>
      <c r="DT41" s="100">
        <v>0</v>
      </c>
      <c r="DU41" s="104">
        <v>0</v>
      </c>
      <c r="DV41" s="103">
        <v>0</v>
      </c>
      <c r="DW41" s="100">
        <v>0</v>
      </c>
      <c r="DX41" s="104">
        <v>0</v>
      </c>
      <c r="DY41" s="104">
        <v>129195</v>
      </c>
      <c r="DZ41" s="104">
        <v>0</v>
      </c>
      <c r="EA41" s="104">
        <v>72806</v>
      </c>
      <c r="EB41" s="104">
        <v>0</v>
      </c>
      <c r="EC41" s="103">
        <v>202001</v>
      </c>
      <c r="ED41" s="106">
        <v>202001</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2100</v>
      </c>
      <c r="FM41" s="104">
        <v>36400</v>
      </c>
      <c r="FN41" s="103">
        <v>38500</v>
      </c>
      <c r="FO41" s="100">
        <v>0</v>
      </c>
      <c r="FP41" s="104">
        <v>8050</v>
      </c>
      <c r="FQ41" s="104">
        <v>39200</v>
      </c>
      <c r="FR41" s="104">
        <v>4200</v>
      </c>
      <c r="FS41" s="104">
        <v>38780</v>
      </c>
      <c r="FT41" s="104">
        <v>36456</v>
      </c>
      <c r="FU41" s="103">
        <v>126686</v>
      </c>
      <c r="FV41" s="106">
        <v>165186</v>
      </c>
      <c r="FW41" s="105">
        <v>2100</v>
      </c>
      <c r="FX41" s="104">
        <v>36400</v>
      </c>
      <c r="FY41" s="102">
        <v>38500</v>
      </c>
      <c r="FZ41" s="101">
        <v>0</v>
      </c>
      <c r="GA41" s="104">
        <v>8050</v>
      </c>
      <c r="GB41" s="104">
        <v>39200</v>
      </c>
      <c r="GC41" s="104">
        <v>4200</v>
      </c>
      <c r="GD41" s="104">
        <v>38780</v>
      </c>
      <c r="GE41" s="104">
        <v>36456</v>
      </c>
      <c r="GF41" s="103">
        <v>126686</v>
      </c>
      <c r="GG41" s="296">
        <v>165186</v>
      </c>
      <c r="GH41" s="105">
        <v>0</v>
      </c>
      <c r="GI41" s="104">
        <v>0</v>
      </c>
      <c r="GJ41" s="102">
        <v>0</v>
      </c>
      <c r="GK41" s="101">
        <v>0</v>
      </c>
      <c r="GL41" s="104">
        <v>0</v>
      </c>
      <c r="GM41" s="104">
        <v>0</v>
      </c>
      <c r="GN41" s="104">
        <v>0</v>
      </c>
      <c r="GO41" s="104">
        <v>0</v>
      </c>
      <c r="GP41" s="104">
        <v>0</v>
      </c>
      <c r="GQ41" s="103">
        <v>0</v>
      </c>
      <c r="GR41" s="106">
        <v>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0</v>
      </c>
      <c r="HI41" s="104">
        <v>453415</v>
      </c>
      <c r="HJ41" s="104">
        <v>165433</v>
      </c>
      <c r="HK41" s="104">
        <v>361476</v>
      </c>
      <c r="HL41" s="104">
        <v>0</v>
      </c>
      <c r="HM41" s="103">
        <v>980324</v>
      </c>
      <c r="HN41" s="99">
        <v>980324</v>
      </c>
      <c r="HO41" s="306"/>
      <c r="HP41" s="307"/>
      <c r="HQ41" s="308"/>
      <c r="HR41" s="309"/>
      <c r="HS41" s="307"/>
      <c r="HT41" s="307"/>
      <c r="HU41" s="307"/>
      <c r="HV41" s="307"/>
      <c r="HW41" s="307"/>
      <c r="HX41" s="310"/>
      <c r="HY41" s="311"/>
      <c r="HZ41" s="118">
        <v>0</v>
      </c>
      <c r="IA41" s="119">
        <v>0</v>
      </c>
      <c r="IB41" s="120">
        <v>0</v>
      </c>
      <c r="IC41" s="133">
        <v>0</v>
      </c>
      <c r="ID41" s="119">
        <v>31308</v>
      </c>
      <c r="IE41" s="134">
        <v>209727</v>
      </c>
      <c r="IF41" s="120">
        <v>416973</v>
      </c>
      <c r="IG41" s="119">
        <v>0</v>
      </c>
      <c r="IH41" s="120">
        <v>224189</v>
      </c>
      <c r="II41" s="135">
        <v>882197</v>
      </c>
      <c r="IJ41" s="126">
        <v>882197</v>
      </c>
      <c r="IK41" s="219">
        <v>0</v>
      </c>
      <c r="IL41" s="223">
        <v>0</v>
      </c>
      <c r="IM41" s="224">
        <v>0</v>
      </c>
      <c r="IN41" s="127"/>
      <c r="IO41" s="109">
        <v>0</v>
      </c>
      <c r="IP41" s="109">
        <v>0</v>
      </c>
      <c r="IQ41" s="109">
        <v>0</v>
      </c>
      <c r="IR41" s="109">
        <v>0</v>
      </c>
      <c r="IS41" s="109">
        <v>0</v>
      </c>
      <c r="IT41" s="128">
        <v>0</v>
      </c>
      <c r="IU41" s="298">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31308</v>
      </c>
      <c r="JL41" s="109">
        <v>0</v>
      </c>
      <c r="JM41" s="109">
        <v>0</v>
      </c>
      <c r="JN41" s="109">
        <v>0</v>
      </c>
      <c r="JO41" s="109">
        <v>0</v>
      </c>
      <c r="JP41" s="110">
        <v>31308</v>
      </c>
      <c r="JQ41" s="298">
        <v>31308</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0</v>
      </c>
      <c r="KH41" s="109">
        <v>0</v>
      </c>
      <c r="KI41" s="109">
        <v>201145</v>
      </c>
      <c r="KJ41" s="109">
        <v>0</v>
      </c>
      <c r="KK41" s="109">
        <v>0</v>
      </c>
      <c r="KL41" s="110">
        <v>201145</v>
      </c>
      <c r="KM41" s="130">
        <v>201145</v>
      </c>
      <c r="KN41" s="219">
        <v>0</v>
      </c>
      <c r="KO41" s="223">
        <v>0</v>
      </c>
      <c r="KP41" s="224">
        <v>0</v>
      </c>
      <c r="KQ41" s="127"/>
      <c r="KR41" s="109">
        <v>0</v>
      </c>
      <c r="KS41" s="109">
        <v>209727</v>
      </c>
      <c r="KT41" s="109">
        <v>215828</v>
      </c>
      <c r="KU41" s="109">
        <v>0</v>
      </c>
      <c r="KV41" s="109">
        <v>224189</v>
      </c>
      <c r="KW41" s="110">
        <v>649744</v>
      </c>
      <c r="KX41" s="298">
        <v>649744</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0</v>
      </c>
      <c r="MK41" s="109">
        <v>0</v>
      </c>
      <c r="ML41" s="109">
        <v>417633</v>
      </c>
      <c r="MM41" s="109">
        <v>687654</v>
      </c>
      <c r="MN41" s="109">
        <v>0</v>
      </c>
      <c r="MO41" s="110">
        <v>1105287</v>
      </c>
      <c r="MP41" s="130">
        <v>1105287</v>
      </c>
      <c r="MQ41" s="129">
        <v>0</v>
      </c>
      <c r="MR41" s="109">
        <v>0</v>
      </c>
      <c r="MS41" s="110">
        <v>0</v>
      </c>
      <c r="MT41" s="132"/>
      <c r="MU41" s="109">
        <v>0</v>
      </c>
      <c r="MV41" s="109">
        <v>0</v>
      </c>
      <c r="MW41" s="109">
        <v>196604</v>
      </c>
      <c r="MX41" s="109">
        <v>211790</v>
      </c>
      <c r="MY41" s="109">
        <v>0</v>
      </c>
      <c r="MZ41" s="110">
        <v>408394</v>
      </c>
      <c r="NA41" s="130">
        <v>408394</v>
      </c>
      <c r="NB41" s="129">
        <v>0</v>
      </c>
      <c r="NC41" s="109">
        <v>0</v>
      </c>
      <c r="ND41" s="110">
        <v>0</v>
      </c>
      <c r="NE41" s="132"/>
      <c r="NF41" s="109">
        <v>0</v>
      </c>
      <c r="NG41" s="109">
        <v>0</v>
      </c>
      <c r="NH41" s="109">
        <v>221029</v>
      </c>
      <c r="NI41" s="109">
        <v>475864</v>
      </c>
      <c r="NJ41" s="109">
        <v>0</v>
      </c>
      <c r="NK41" s="110">
        <v>696893</v>
      </c>
      <c r="NL41" s="298">
        <v>696893</v>
      </c>
      <c r="NM41" s="129">
        <v>0</v>
      </c>
      <c r="NN41" s="109">
        <v>0</v>
      </c>
      <c r="NO41" s="110">
        <v>0</v>
      </c>
      <c r="NP41" s="132"/>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40433</v>
      </c>
      <c r="OJ41" s="109">
        <v>63883</v>
      </c>
      <c r="OK41" s="128">
        <v>104316</v>
      </c>
      <c r="OL41" s="108">
        <v>0</v>
      </c>
      <c r="OM41" s="109">
        <v>161659</v>
      </c>
      <c r="ON41" s="109">
        <v>1214427</v>
      </c>
      <c r="OO41" s="109">
        <v>1054165</v>
      </c>
      <c r="OP41" s="109">
        <v>1542993</v>
      </c>
      <c r="OQ41" s="109">
        <v>605141</v>
      </c>
      <c r="OR41" s="110">
        <v>4578385</v>
      </c>
      <c r="OS41" s="130">
        <v>4682701</v>
      </c>
    </row>
    <row r="42" spans="2:409" ht="21" customHeight="1" thickBot="1" x14ac:dyDescent="0.25">
      <c r="B42" s="473" t="s">
        <v>37</v>
      </c>
      <c r="C42" s="107">
        <v>0</v>
      </c>
      <c r="D42" s="165">
        <v>0</v>
      </c>
      <c r="E42" s="166">
        <v>0</v>
      </c>
      <c r="F42" s="167">
        <v>0</v>
      </c>
      <c r="G42" s="165">
        <v>0</v>
      </c>
      <c r="H42" s="165">
        <v>0</v>
      </c>
      <c r="I42" s="165">
        <v>0</v>
      </c>
      <c r="J42" s="165">
        <v>188498</v>
      </c>
      <c r="K42" s="165">
        <v>139047</v>
      </c>
      <c r="L42" s="167">
        <v>327545</v>
      </c>
      <c r="M42" s="168">
        <v>327545</v>
      </c>
      <c r="N42" s="107">
        <v>0</v>
      </c>
      <c r="O42" s="165">
        <v>0</v>
      </c>
      <c r="P42" s="166">
        <v>0</v>
      </c>
      <c r="Q42" s="107">
        <v>0</v>
      </c>
      <c r="R42" s="165">
        <v>0</v>
      </c>
      <c r="S42" s="165">
        <v>0</v>
      </c>
      <c r="T42" s="165">
        <v>0</v>
      </c>
      <c r="U42" s="165">
        <v>8400</v>
      </c>
      <c r="V42" s="165">
        <v>47989</v>
      </c>
      <c r="W42" s="166">
        <v>56389</v>
      </c>
      <c r="X42" s="168">
        <v>56389</v>
      </c>
      <c r="Y42" s="107">
        <v>0</v>
      </c>
      <c r="Z42" s="165">
        <v>0</v>
      </c>
      <c r="AA42" s="166">
        <v>0</v>
      </c>
      <c r="AB42" s="107">
        <v>0</v>
      </c>
      <c r="AC42" s="165">
        <v>0</v>
      </c>
      <c r="AD42" s="165">
        <v>0</v>
      </c>
      <c r="AE42" s="165">
        <v>0</v>
      </c>
      <c r="AF42" s="165">
        <v>0</v>
      </c>
      <c r="AG42" s="165">
        <v>6229</v>
      </c>
      <c r="AH42" s="166">
        <v>6229</v>
      </c>
      <c r="AI42" s="168">
        <v>6229</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0</v>
      </c>
      <c r="BC42" s="165">
        <v>23112</v>
      </c>
      <c r="BD42" s="166">
        <v>23112</v>
      </c>
      <c r="BE42" s="168">
        <v>23112</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8400</v>
      </c>
      <c r="BY42" s="165">
        <v>18648</v>
      </c>
      <c r="BZ42" s="166">
        <v>27048</v>
      </c>
      <c r="CA42" s="168">
        <v>27048</v>
      </c>
      <c r="CB42" s="107">
        <v>0</v>
      </c>
      <c r="CC42" s="165">
        <v>0</v>
      </c>
      <c r="CD42" s="166">
        <v>0</v>
      </c>
      <c r="CE42" s="107">
        <v>0</v>
      </c>
      <c r="CF42" s="165">
        <v>0</v>
      </c>
      <c r="CG42" s="165">
        <v>0</v>
      </c>
      <c r="CH42" s="165">
        <v>0</v>
      </c>
      <c r="CI42" s="165">
        <v>0</v>
      </c>
      <c r="CJ42" s="165">
        <v>0</v>
      </c>
      <c r="CK42" s="166">
        <v>0</v>
      </c>
      <c r="CL42" s="168">
        <v>0</v>
      </c>
      <c r="CM42" s="107">
        <v>0</v>
      </c>
      <c r="CN42" s="165">
        <v>0</v>
      </c>
      <c r="CO42" s="166">
        <v>0</v>
      </c>
      <c r="CP42" s="169">
        <v>0</v>
      </c>
      <c r="CQ42" s="165">
        <v>0</v>
      </c>
      <c r="CR42" s="165">
        <v>0</v>
      </c>
      <c r="CS42" s="165">
        <v>0</v>
      </c>
      <c r="CT42" s="165">
        <v>0</v>
      </c>
      <c r="CU42" s="165">
        <v>0</v>
      </c>
      <c r="CV42" s="166">
        <v>0</v>
      </c>
      <c r="CW42" s="168">
        <v>0</v>
      </c>
      <c r="CX42" s="107">
        <v>0</v>
      </c>
      <c r="CY42" s="165">
        <v>0</v>
      </c>
      <c r="CZ42" s="166">
        <v>0</v>
      </c>
      <c r="DA42" s="107">
        <v>0</v>
      </c>
      <c r="DB42" s="165">
        <v>0</v>
      </c>
      <c r="DC42" s="165">
        <v>0</v>
      </c>
      <c r="DD42" s="165">
        <v>0</v>
      </c>
      <c r="DE42" s="165">
        <v>0</v>
      </c>
      <c r="DF42" s="165">
        <v>0</v>
      </c>
      <c r="DG42" s="166">
        <v>0</v>
      </c>
      <c r="DH42" s="168">
        <v>0</v>
      </c>
      <c r="DI42" s="107">
        <v>0</v>
      </c>
      <c r="DJ42" s="165">
        <v>0</v>
      </c>
      <c r="DK42" s="170">
        <v>0</v>
      </c>
      <c r="DL42" s="169">
        <v>0</v>
      </c>
      <c r="DM42" s="165">
        <v>0</v>
      </c>
      <c r="DN42" s="165">
        <v>0</v>
      </c>
      <c r="DO42" s="165">
        <v>0</v>
      </c>
      <c r="DP42" s="165">
        <v>0</v>
      </c>
      <c r="DQ42" s="165">
        <v>56898</v>
      </c>
      <c r="DR42" s="166">
        <v>56898</v>
      </c>
      <c r="DS42" s="168">
        <v>56898</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56898</v>
      </c>
      <c r="EN42" s="170">
        <v>56898</v>
      </c>
      <c r="EO42" s="168">
        <v>56898</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0</v>
      </c>
      <c r="FM42" s="165">
        <v>0</v>
      </c>
      <c r="FN42" s="166">
        <v>0</v>
      </c>
      <c r="FO42" s="107">
        <v>0</v>
      </c>
      <c r="FP42" s="165">
        <v>0</v>
      </c>
      <c r="FQ42" s="165">
        <v>0</v>
      </c>
      <c r="FR42" s="165">
        <v>0</v>
      </c>
      <c r="FS42" s="165">
        <v>0</v>
      </c>
      <c r="FT42" s="165">
        <v>34160</v>
      </c>
      <c r="FU42" s="166">
        <v>34160</v>
      </c>
      <c r="FV42" s="168">
        <v>34160</v>
      </c>
      <c r="FW42" s="171">
        <v>0</v>
      </c>
      <c r="FX42" s="165">
        <v>0</v>
      </c>
      <c r="FY42" s="170">
        <v>0</v>
      </c>
      <c r="FZ42" s="169">
        <v>0</v>
      </c>
      <c r="GA42" s="165">
        <v>0</v>
      </c>
      <c r="GB42" s="165">
        <v>0</v>
      </c>
      <c r="GC42" s="165">
        <v>0</v>
      </c>
      <c r="GD42" s="165">
        <v>0</v>
      </c>
      <c r="GE42" s="165">
        <v>34160</v>
      </c>
      <c r="GF42" s="166">
        <v>34160</v>
      </c>
      <c r="GG42" s="297">
        <v>34160</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180098</v>
      </c>
      <c r="HL42" s="165">
        <v>0</v>
      </c>
      <c r="HM42" s="166">
        <v>180098</v>
      </c>
      <c r="HN42" s="167">
        <v>180098</v>
      </c>
      <c r="HO42" s="312"/>
      <c r="HP42" s="313"/>
      <c r="HQ42" s="314"/>
      <c r="HR42" s="315"/>
      <c r="HS42" s="313"/>
      <c r="HT42" s="313"/>
      <c r="HU42" s="313"/>
      <c r="HV42" s="313"/>
      <c r="HW42" s="313"/>
      <c r="HX42" s="316"/>
      <c r="HY42" s="317"/>
      <c r="HZ42" s="138">
        <v>0</v>
      </c>
      <c r="IA42" s="139">
        <v>0</v>
      </c>
      <c r="IB42" s="140">
        <v>0</v>
      </c>
      <c r="IC42" s="141">
        <v>0</v>
      </c>
      <c r="ID42" s="142">
        <v>0</v>
      </c>
      <c r="IE42" s="143">
        <v>0</v>
      </c>
      <c r="IF42" s="144">
        <v>0</v>
      </c>
      <c r="IG42" s="142">
        <v>0</v>
      </c>
      <c r="IH42" s="144">
        <v>156547</v>
      </c>
      <c r="II42" s="145">
        <v>156547</v>
      </c>
      <c r="IJ42" s="146">
        <v>156547</v>
      </c>
      <c r="IK42" s="220">
        <v>0</v>
      </c>
      <c r="IL42" s="225">
        <v>0</v>
      </c>
      <c r="IM42" s="226">
        <v>0</v>
      </c>
      <c r="IN42" s="147"/>
      <c r="IO42" s="148">
        <v>0</v>
      </c>
      <c r="IP42" s="148">
        <v>0</v>
      </c>
      <c r="IQ42" s="148">
        <v>0</v>
      </c>
      <c r="IR42" s="148">
        <v>0</v>
      </c>
      <c r="IS42" s="148">
        <v>0</v>
      </c>
      <c r="IT42" s="149">
        <v>0</v>
      </c>
      <c r="IU42" s="299">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156547</v>
      </c>
      <c r="JP42" s="152">
        <v>156547</v>
      </c>
      <c r="JQ42" s="299">
        <v>156547</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9">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0</v>
      </c>
      <c r="MK42" s="148">
        <v>0</v>
      </c>
      <c r="ML42" s="148">
        <v>0</v>
      </c>
      <c r="MM42" s="148">
        <v>0</v>
      </c>
      <c r="MN42" s="148">
        <v>0</v>
      </c>
      <c r="MO42" s="152">
        <v>0</v>
      </c>
      <c r="MP42" s="154">
        <v>0</v>
      </c>
      <c r="MQ42" s="150">
        <v>0</v>
      </c>
      <c r="MR42" s="148">
        <v>0</v>
      </c>
      <c r="MS42" s="152">
        <v>0</v>
      </c>
      <c r="MT42" s="156"/>
      <c r="MU42" s="148">
        <v>0</v>
      </c>
      <c r="MV42" s="148">
        <v>0</v>
      </c>
      <c r="MW42" s="148">
        <v>0</v>
      </c>
      <c r="MX42" s="148">
        <v>0</v>
      </c>
      <c r="MY42" s="148">
        <v>0</v>
      </c>
      <c r="MZ42" s="152">
        <v>0</v>
      </c>
      <c r="NA42" s="154">
        <v>0</v>
      </c>
      <c r="NB42" s="150">
        <v>0</v>
      </c>
      <c r="NC42" s="148">
        <v>0</v>
      </c>
      <c r="ND42" s="152">
        <v>0</v>
      </c>
      <c r="NE42" s="156"/>
      <c r="NF42" s="148">
        <v>0</v>
      </c>
      <c r="NG42" s="148">
        <v>0</v>
      </c>
      <c r="NH42" s="148">
        <v>0</v>
      </c>
      <c r="NI42" s="148">
        <v>0</v>
      </c>
      <c r="NJ42" s="148">
        <v>0</v>
      </c>
      <c r="NK42" s="152">
        <v>0</v>
      </c>
      <c r="NL42" s="299">
        <v>0</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0</v>
      </c>
      <c r="OJ42" s="148">
        <v>0</v>
      </c>
      <c r="OK42" s="149">
        <v>0</v>
      </c>
      <c r="OL42" s="151">
        <v>0</v>
      </c>
      <c r="OM42" s="148">
        <v>0</v>
      </c>
      <c r="ON42" s="148">
        <v>0</v>
      </c>
      <c r="OO42" s="148">
        <v>0</v>
      </c>
      <c r="OP42" s="148">
        <v>188498</v>
      </c>
      <c r="OQ42" s="148">
        <v>295594</v>
      </c>
      <c r="OR42" s="152">
        <v>484092</v>
      </c>
      <c r="OS42" s="154">
        <v>484092</v>
      </c>
    </row>
    <row r="43" spans="2:409" x14ac:dyDescent="0.2">
      <c r="B43" s="39"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272" customWidth="1"/>
    <col min="2" max="2" width="9.77734375" style="272" customWidth="1"/>
    <col min="3" max="4" width="9.21875" style="272" bestFit="1" customWidth="1"/>
    <col min="5" max="5" width="10.77734375" style="272" bestFit="1" customWidth="1"/>
    <col min="6" max="6" width="7.88671875" style="272" customWidth="1"/>
    <col min="7" max="11" width="10.44140625" style="272" bestFit="1" customWidth="1"/>
    <col min="12" max="13" width="11.6640625" style="272" bestFit="1" customWidth="1"/>
    <col min="14" max="16" width="9.21875" style="272" bestFit="1" customWidth="1"/>
    <col min="17" max="17" width="7.44140625" style="272" customWidth="1"/>
    <col min="18" max="18" width="9.21875" style="272" bestFit="1" customWidth="1"/>
    <col min="19" max="22" width="10.44140625" style="272" bestFit="1" customWidth="1"/>
    <col min="23" max="24" width="11.6640625" style="272" bestFit="1" customWidth="1"/>
    <col min="25" max="27" width="9.109375" style="272" bestFit="1" customWidth="1"/>
    <col min="28" max="28" width="7" style="272" customWidth="1"/>
    <col min="29" max="30" width="9.109375" style="272" bestFit="1" customWidth="1"/>
    <col min="31" max="32" width="9.6640625" style="272" bestFit="1" customWidth="1"/>
    <col min="33" max="33" width="9.109375" style="272" bestFit="1" customWidth="1"/>
    <col min="34" max="35" width="9.6640625" style="272" bestFit="1" customWidth="1"/>
    <col min="36" max="38" width="9.109375" style="272" bestFit="1" customWidth="1"/>
    <col min="39" max="39" width="7.33203125" style="272" customWidth="1"/>
    <col min="40" max="49" width="9.109375" style="272" bestFit="1" customWidth="1"/>
    <col min="50" max="50" width="7.33203125" style="272" customWidth="1"/>
    <col min="51" max="60" width="9.109375" style="272" bestFit="1" customWidth="1"/>
    <col min="61" max="61" width="7.77734375" style="272" customWidth="1"/>
    <col min="62" max="71" width="9.109375" style="272" bestFit="1" customWidth="1"/>
    <col min="72" max="72" width="7.77734375" style="272" customWidth="1"/>
    <col min="73" max="77" width="9.109375" style="272" bestFit="1" customWidth="1"/>
    <col min="78" max="79" width="9.6640625" style="272" bestFit="1" customWidth="1"/>
    <col min="80" max="82" width="9.109375" style="272" bestFit="1" customWidth="1"/>
    <col min="83" max="83" width="7.88671875" style="272" customWidth="1"/>
    <col min="84" max="93" width="9.109375" style="272" bestFit="1" customWidth="1"/>
    <col min="94" max="94" width="8" style="272" customWidth="1"/>
    <col min="95" max="104" width="9.109375" style="272" bestFit="1" customWidth="1"/>
    <col min="105" max="105" width="8" style="272" customWidth="1"/>
    <col min="106" max="115" width="9.109375" style="272" bestFit="1" customWidth="1"/>
    <col min="116" max="116" width="7.6640625" style="272" customWidth="1"/>
    <col min="117" max="117" width="9.109375" style="272" bestFit="1" customWidth="1"/>
    <col min="118" max="121" width="9.6640625" style="272" bestFit="1" customWidth="1"/>
    <col min="122" max="123" width="10.6640625" style="272" bestFit="1" customWidth="1"/>
    <col min="124" max="126" width="9.109375" style="272" bestFit="1" customWidth="1"/>
    <col min="127" max="127" width="7.44140625" style="272" customWidth="1"/>
    <col min="128" max="129" width="9.109375" style="272" bestFit="1" customWidth="1"/>
    <col min="130" max="134" width="9.6640625" style="272" bestFit="1" customWidth="1"/>
    <col min="135" max="137" width="9.109375" style="272" bestFit="1" customWidth="1"/>
    <col min="138" max="138" width="7.6640625" style="272" customWidth="1"/>
    <col min="139" max="148" width="9.109375" style="272" bestFit="1" customWidth="1"/>
    <col min="149" max="149" width="7.77734375" style="272" customWidth="1"/>
    <col min="150" max="159" width="9.109375" style="272" bestFit="1" customWidth="1"/>
    <col min="160" max="160" width="7.77734375" style="272" customWidth="1"/>
    <col min="161" max="170" width="9.109375" style="272" bestFit="1" customWidth="1"/>
    <col min="171" max="171" width="7.33203125" style="272" customWidth="1"/>
    <col min="172" max="181" width="9.109375" style="272" bestFit="1" customWidth="1"/>
    <col min="182" max="182" width="8" style="272" customWidth="1"/>
    <col min="183" max="188" width="9.109375" style="272" bestFit="1" customWidth="1"/>
    <col min="189" max="189" width="9.6640625" style="272" bestFit="1" customWidth="1"/>
    <col min="190" max="192" width="9.109375" style="272" bestFit="1" customWidth="1"/>
    <col min="193" max="193" width="7.44140625" style="272" customWidth="1"/>
    <col min="194" max="203" width="9.109375" style="272" bestFit="1" customWidth="1"/>
    <col min="204" max="204" width="7.88671875" style="272" customWidth="1"/>
    <col min="205" max="214" width="9.109375" style="272" bestFit="1" customWidth="1"/>
    <col min="215" max="215" width="7.88671875" style="272" customWidth="1"/>
    <col min="216" max="225" width="9.109375" style="272" bestFit="1" customWidth="1"/>
    <col min="226" max="226" width="7.6640625" style="272" customWidth="1"/>
    <col min="227" max="229" width="9.6640625" style="272" bestFit="1" customWidth="1"/>
    <col min="230" max="230" width="10.6640625" style="272" bestFit="1" customWidth="1"/>
    <col min="231" max="231" width="9.6640625" style="272" bestFit="1" customWidth="1"/>
    <col min="232" max="233" width="10.6640625" style="272" bestFit="1" customWidth="1"/>
    <col min="234" max="16384" width="9" style="272"/>
  </cols>
  <sheetData>
    <row r="1" spans="2:233" s="1" customFormat="1" ht="24" customHeight="1" x14ac:dyDescent="0.2">
      <c r="B1" s="15" t="s">
        <v>0</v>
      </c>
      <c r="C1" s="34"/>
      <c r="D1" s="34"/>
      <c r="E1" s="468">
        <f>第１表!F2</f>
        <v>5</v>
      </c>
      <c r="F1" s="469">
        <f>第１表!G2</f>
        <v>11</v>
      </c>
      <c r="G1" s="584">
        <f>IF(F1&lt;3,F1-2+12,F1-2)</f>
        <v>9</v>
      </c>
      <c r="H1" s="584"/>
      <c r="L1" s="34"/>
      <c r="CL1" s="34"/>
      <c r="CM1" s="34"/>
      <c r="CN1" s="34"/>
      <c r="CO1" s="34"/>
      <c r="CP1" s="34"/>
      <c r="CQ1" s="34"/>
      <c r="CR1" s="34"/>
      <c r="CS1" s="34"/>
      <c r="CT1" s="34"/>
      <c r="CU1" s="34"/>
      <c r="CV1" s="34"/>
      <c r="CW1" s="34"/>
      <c r="CX1" s="34"/>
      <c r="CY1" s="34"/>
      <c r="CZ1" s="34"/>
      <c r="DA1" s="34"/>
      <c r="DB1" s="34"/>
      <c r="DC1" s="34"/>
      <c r="DD1" s="34"/>
      <c r="DE1" s="34"/>
      <c r="DF1" s="34"/>
      <c r="DG1" s="34"/>
      <c r="DH1" s="34"/>
      <c r="DI1" s="34"/>
      <c r="DJ1" s="34"/>
      <c r="DK1" s="34"/>
      <c r="DL1" s="34"/>
      <c r="DM1" s="34"/>
      <c r="DN1" s="34"/>
      <c r="DO1" s="34"/>
      <c r="DP1" s="34"/>
      <c r="DQ1" s="34"/>
      <c r="DR1" s="34"/>
      <c r="DS1" s="34"/>
      <c r="DT1" s="34"/>
      <c r="DU1" s="34"/>
      <c r="DV1" s="34"/>
      <c r="DW1" s="34"/>
      <c r="DX1" s="34"/>
      <c r="DY1" s="34"/>
      <c r="DZ1" s="34"/>
      <c r="EA1" s="34"/>
      <c r="EB1" s="34"/>
      <c r="EC1" s="34"/>
    </row>
    <row r="2" spans="2:233" ht="24" customHeight="1" thickBot="1" x14ac:dyDescent="0.25">
      <c r="B2" s="15" t="s">
        <v>120</v>
      </c>
    </row>
    <row r="3" spans="2:233" ht="21" customHeight="1" thickBot="1" x14ac:dyDescent="0.25">
      <c r="B3" s="729"/>
      <c r="C3" s="707" t="s">
        <v>116</v>
      </c>
      <c r="D3" s="708"/>
      <c r="E3" s="708"/>
      <c r="F3" s="708"/>
      <c r="G3" s="708"/>
      <c r="H3" s="708"/>
      <c r="I3" s="708"/>
      <c r="J3" s="708"/>
      <c r="K3" s="708"/>
      <c r="L3" s="708"/>
      <c r="M3" s="708"/>
      <c r="N3" s="495"/>
      <c r="O3" s="495"/>
      <c r="P3" s="495"/>
      <c r="Q3" s="495"/>
      <c r="R3" s="495"/>
      <c r="S3" s="495"/>
      <c r="T3" s="495"/>
      <c r="U3" s="495"/>
      <c r="V3" s="495"/>
      <c r="W3" s="495"/>
      <c r="X3" s="495"/>
      <c r="Y3" s="495"/>
      <c r="Z3" s="495"/>
      <c r="AA3" s="495"/>
      <c r="AB3" s="495"/>
      <c r="AC3" s="495"/>
      <c r="AD3" s="495"/>
      <c r="AE3" s="495"/>
      <c r="AF3" s="495"/>
      <c r="AG3" s="495"/>
      <c r="AH3" s="495"/>
      <c r="AI3" s="495"/>
      <c r="AJ3" s="495"/>
      <c r="AK3" s="495"/>
      <c r="AL3" s="495"/>
      <c r="AM3" s="495"/>
      <c r="AN3" s="495"/>
      <c r="AO3" s="495"/>
      <c r="AP3" s="495"/>
      <c r="AQ3" s="495"/>
      <c r="AR3" s="495"/>
      <c r="AS3" s="495"/>
      <c r="AT3" s="495"/>
      <c r="AU3" s="495"/>
      <c r="AV3" s="495"/>
      <c r="AW3" s="495"/>
      <c r="AX3" s="495"/>
      <c r="AY3" s="495"/>
      <c r="AZ3" s="495"/>
      <c r="BA3" s="495"/>
      <c r="BB3" s="495"/>
      <c r="BC3" s="495"/>
      <c r="BD3" s="495"/>
      <c r="BE3" s="495"/>
      <c r="BF3" s="495"/>
      <c r="BG3" s="495"/>
      <c r="BH3" s="495"/>
      <c r="BI3" s="495"/>
      <c r="BJ3" s="495"/>
      <c r="BK3" s="495"/>
      <c r="BL3" s="495"/>
      <c r="BM3" s="495"/>
      <c r="BN3" s="495"/>
      <c r="BO3" s="495"/>
      <c r="BP3" s="495"/>
      <c r="BQ3" s="495"/>
      <c r="BR3" s="495"/>
      <c r="BS3" s="495"/>
      <c r="BT3" s="495"/>
      <c r="BU3" s="495"/>
      <c r="BV3" s="495"/>
      <c r="BW3" s="495"/>
      <c r="BX3" s="495"/>
      <c r="BY3" s="495"/>
      <c r="BZ3" s="495"/>
      <c r="CA3" s="495"/>
      <c r="CB3" s="495"/>
      <c r="CC3" s="495"/>
      <c r="CD3" s="495"/>
      <c r="CE3" s="495"/>
      <c r="CF3" s="495"/>
      <c r="CG3" s="495"/>
      <c r="CH3" s="495"/>
      <c r="CI3" s="495"/>
      <c r="CJ3" s="495"/>
      <c r="CK3" s="495"/>
      <c r="CL3" s="495"/>
      <c r="CM3" s="495"/>
      <c r="CN3" s="495"/>
      <c r="CO3" s="495"/>
      <c r="CP3" s="495"/>
      <c r="CQ3" s="495"/>
      <c r="CR3" s="495"/>
      <c r="CS3" s="495"/>
      <c r="CT3" s="495"/>
      <c r="CU3" s="495"/>
      <c r="CV3" s="495"/>
      <c r="CW3" s="495"/>
      <c r="CX3" s="495"/>
      <c r="CY3" s="495"/>
      <c r="CZ3" s="495"/>
      <c r="DA3" s="495"/>
      <c r="DB3" s="495"/>
      <c r="DC3" s="495"/>
      <c r="DD3" s="495"/>
      <c r="DE3" s="495"/>
      <c r="DF3" s="495"/>
      <c r="DG3" s="495"/>
      <c r="DH3" s="496"/>
      <c r="DI3" s="707" t="s">
        <v>118</v>
      </c>
      <c r="DJ3" s="708"/>
      <c r="DK3" s="708"/>
      <c r="DL3" s="708"/>
      <c r="DM3" s="708"/>
      <c r="DN3" s="708"/>
      <c r="DO3" s="708"/>
      <c r="DP3" s="708"/>
      <c r="DQ3" s="708"/>
      <c r="DR3" s="708"/>
      <c r="DS3" s="708"/>
      <c r="DT3" s="708"/>
      <c r="DU3" s="708"/>
      <c r="DV3" s="708"/>
      <c r="DW3" s="708"/>
      <c r="DX3" s="708"/>
      <c r="DY3" s="708"/>
      <c r="DZ3" s="708"/>
      <c r="EA3" s="708"/>
      <c r="EB3" s="708"/>
      <c r="EC3" s="708"/>
      <c r="ED3" s="708"/>
      <c r="EE3" s="708"/>
      <c r="EF3" s="708"/>
      <c r="EG3" s="708"/>
      <c r="EH3" s="708"/>
      <c r="EI3" s="708"/>
      <c r="EJ3" s="708"/>
      <c r="EK3" s="708"/>
      <c r="EL3" s="708"/>
      <c r="EM3" s="708"/>
      <c r="EN3" s="708"/>
      <c r="EO3" s="708"/>
      <c r="EP3" s="708"/>
      <c r="EQ3" s="708"/>
      <c r="ER3" s="708"/>
      <c r="ES3" s="708"/>
      <c r="ET3" s="708"/>
      <c r="EU3" s="708"/>
      <c r="EV3" s="708"/>
      <c r="EW3" s="708"/>
      <c r="EX3" s="708"/>
      <c r="EY3" s="708"/>
      <c r="EZ3" s="708"/>
      <c r="FA3" s="708"/>
      <c r="FB3" s="708"/>
      <c r="FC3" s="708"/>
      <c r="FD3" s="708"/>
      <c r="FE3" s="708"/>
      <c r="FF3" s="708"/>
      <c r="FG3" s="708"/>
      <c r="FH3" s="708"/>
      <c r="FI3" s="708"/>
      <c r="FJ3" s="708"/>
      <c r="FK3" s="708"/>
      <c r="FL3" s="708"/>
      <c r="FM3" s="708"/>
      <c r="FN3" s="708"/>
      <c r="FO3" s="708"/>
      <c r="FP3" s="708"/>
      <c r="FQ3" s="708"/>
      <c r="FR3" s="708"/>
      <c r="FS3" s="708"/>
      <c r="FT3" s="708"/>
      <c r="FU3" s="708"/>
      <c r="FV3" s="708"/>
      <c r="FW3" s="708"/>
      <c r="FX3" s="708"/>
      <c r="FY3" s="708"/>
      <c r="FZ3" s="708"/>
      <c r="GA3" s="708"/>
      <c r="GB3" s="708"/>
      <c r="GC3" s="708"/>
      <c r="GD3" s="708"/>
      <c r="GE3" s="708"/>
      <c r="GF3" s="708"/>
      <c r="GG3" s="708"/>
      <c r="GH3" s="708"/>
      <c r="GI3" s="708"/>
      <c r="GJ3" s="708"/>
      <c r="GK3" s="708"/>
      <c r="GL3" s="708"/>
      <c r="GM3" s="708"/>
      <c r="GN3" s="708"/>
      <c r="GO3" s="708"/>
      <c r="GP3" s="708"/>
      <c r="GQ3" s="708"/>
      <c r="GR3" s="708"/>
      <c r="GS3" s="708"/>
      <c r="GT3" s="708"/>
      <c r="GU3" s="708"/>
      <c r="GV3" s="708"/>
      <c r="GW3" s="708"/>
      <c r="GX3" s="708"/>
      <c r="GY3" s="708"/>
      <c r="GZ3" s="708"/>
      <c r="HA3" s="708"/>
      <c r="HB3" s="708"/>
      <c r="HC3" s="708"/>
      <c r="HD3" s="708"/>
      <c r="HE3" s="708"/>
      <c r="HF3" s="708"/>
      <c r="HG3" s="708"/>
      <c r="HH3" s="708"/>
      <c r="HI3" s="708"/>
      <c r="HJ3" s="708"/>
      <c r="HK3" s="708"/>
      <c r="HL3" s="708"/>
      <c r="HM3" s="708"/>
      <c r="HN3" s="709"/>
      <c r="HO3" s="714" t="s">
        <v>60</v>
      </c>
      <c r="HP3" s="715"/>
      <c r="HQ3" s="715"/>
      <c r="HR3" s="715"/>
      <c r="HS3" s="715"/>
      <c r="HT3" s="715"/>
      <c r="HU3" s="715"/>
      <c r="HV3" s="715"/>
      <c r="HW3" s="715"/>
      <c r="HX3" s="715"/>
      <c r="HY3" s="716"/>
    </row>
    <row r="4" spans="2:233" ht="21" customHeight="1" thickBot="1" x14ac:dyDescent="0.25">
      <c r="B4" s="730"/>
      <c r="C4" s="710"/>
      <c r="D4" s="711"/>
      <c r="E4" s="711"/>
      <c r="F4" s="711"/>
      <c r="G4" s="711"/>
      <c r="H4" s="711"/>
      <c r="I4" s="711"/>
      <c r="J4" s="711"/>
      <c r="K4" s="711"/>
      <c r="L4" s="711"/>
      <c r="M4" s="713"/>
      <c r="N4" s="704" t="s">
        <v>57</v>
      </c>
      <c r="O4" s="705"/>
      <c r="P4" s="705"/>
      <c r="Q4" s="705"/>
      <c r="R4" s="705"/>
      <c r="S4" s="705"/>
      <c r="T4" s="705"/>
      <c r="U4" s="705"/>
      <c r="V4" s="705"/>
      <c r="W4" s="705"/>
      <c r="X4" s="706"/>
      <c r="Y4" s="704" t="s">
        <v>58</v>
      </c>
      <c r="Z4" s="705"/>
      <c r="AA4" s="705"/>
      <c r="AB4" s="705"/>
      <c r="AC4" s="705"/>
      <c r="AD4" s="705"/>
      <c r="AE4" s="705"/>
      <c r="AF4" s="705"/>
      <c r="AG4" s="705"/>
      <c r="AH4" s="705"/>
      <c r="AI4" s="706"/>
      <c r="AJ4" s="704" t="s">
        <v>59</v>
      </c>
      <c r="AK4" s="705"/>
      <c r="AL4" s="705"/>
      <c r="AM4" s="705"/>
      <c r="AN4" s="705"/>
      <c r="AO4" s="705"/>
      <c r="AP4" s="705"/>
      <c r="AQ4" s="705"/>
      <c r="AR4" s="705"/>
      <c r="AS4" s="705"/>
      <c r="AT4" s="706"/>
      <c r="AU4" s="704" t="s">
        <v>150</v>
      </c>
      <c r="AV4" s="705"/>
      <c r="AW4" s="705"/>
      <c r="AX4" s="705"/>
      <c r="AY4" s="705"/>
      <c r="AZ4" s="705"/>
      <c r="BA4" s="705"/>
      <c r="BB4" s="705"/>
      <c r="BC4" s="705"/>
      <c r="BD4" s="705"/>
      <c r="BE4" s="706"/>
      <c r="BF4" s="704" t="s">
        <v>117</v>
      </c>
      <c r="BG4" s="705"/>
      <c r="BH4" s="705"/>
      <c r="BI4" s="705"/>
      <c r="BJ4" s="705"/>
      <c r="BK4" s="705"/>
      <c r="BL4" s="705"/>
      <c r="BM4" s="705"/>
      <c r="BN4" s="705"/>
      <c r="BO4" s="705"/>
      <c r="BP4" s="706"/>
      <c r="BQ4" s="704" t="s">
        <v>77</v>
      </c>
      <c r="BR4" s="705"/>
      <c r="BS4" s="705"/>
      <c r="BT4" s="705"/>
      <c r="BU4" s="705"/>
      <c r="BV4" s="705"/>
      <c r="BW4" s="705"/>
      <c r="BX4" s="705"/>
      <c r="BY4" s="705"/>
      <c r="BZ4" s="705"/>
      <c r="CA4" s="706"/>
      <c r="CB4" s="704" t="s">
        <v>78</v>
      </c>
      <c r="CC4" s="705"/>
      <c r="CD4" s="705"/>
      <c r="CE4" s="705"/>
      <c r="CF4" s="705"/>
      <c r="CG4" s="705"/>
      <c r="CH4" s="705"/>
      <c r="CI4" s="705"/>
      <c r="CJ4" s="705"/>
      <c r="CK4" s="705"/>
      <c r="CL4" s="706"/>
      <c r="CM4" s="704" t="s">
        <v>79</v>
      </c>
      <c r="CN4" s="705"/>
      <c r="CO4" s="705"/>
      <c r="CP4" s="705"/>
      <c r="CQ4" s="705"/>
      <c r="CR4" s="705"/>
      <c r="CS4" s="705"/>
      <c r="CT4" s="705"/>
      <c r="CU4" s="705"/>
      <c r="CV4" s="705"/>
      <c r="CW4" s="706"/>
      <c r="CX4" s="704" t="s">
        <v>151</v>
      </c>
      <c r="CY4" s="705"/>
      <c r="CZ4" s="705"/>
      <c r="DA4" s="705"/>
      <c r="DB4" s="705"/>
      <c r="DC4" s="705"/>
      <c r="DD4" s="705"/>
      <c r="DE4" s="705"/>
      <c r="DF4" s="705"/>
      <c r="DG4" s="705"/>
      <c r="DH4" s="706"/>
      <c r="DI4" s="710"/>
      <c r="DJ4" s="711"/>
      <c r="DK4" s="711"/>
      <c r="DL4" s="711"/>
      <c r="DM4" s="711"/>
      <c r="DN4" s="711"/>
      <c r="DO4" s="711"/>
      <c r="DP4" s="711"/>
      <c r="DQ4" s="711"/>
      <c r="DR4" s="711"/>
      <c r="DS4" s="712"/>
      <c r="DT4" s="704" t="s">
        <v>57</v>
      </c>
      <c r="DU4" s="705"/>
      <c r="DV4" s="705"/>
      <c r="DW4" s="705"/>
      <c r="DX4" s="705"/>
      <c r="DY4" s="705"/>
      <c r="DZ4" s="705"/>
      <c r="EA4" s="705"/>
      <c r="EB4" s="705"/>
      <c r="EC4" s="705"/>
      <c r="ED4" s="706"/>
      <c r="EE4" s="704" t="s">
        <v>58</v>
      </c>
      <c r="EF4" s="705"/>
      <c r="EG4" s="705"/>
      <c r="EH4" s="705"/>
      <c r="EI4" s="705"/>
      <c r="EJ4" s="705"/>
      <c r="EK4" s="705"/>
      <c r="EL4" s="705"/>
      <c r="EM4" s="705"/>
      <c r="EN4" s="705"/>
      <c r="EO4" s="706"/>
      <c r="EP4" s="704" t="s">
        <v>59</v>
      </c>
      <c r="EQ4" s="705"/>
      <c r="ER4" s="705"/>
      <c r="ES4" s="705"/>
      <c r="ET4" s="705"/>
      <c r="EU4" s="705"/>
      <c r="EV4" s="705"/>
      <c r="EW4" s="705"/>
      <c r="EX4" s="705"/>
      <c r="EY4" s="705"/>
      <c r="EZ4" s="706"/>
      <c r="FA4" s="704" t="s">
        <v>150</v>
      </c>
      <c r="FB4" s="705"/>
      <c r="FC4" s="705"/>
      <c r="FD4" s="705"/>
      <c r="FE4" s="705"/>
      <c r="FF4" s="705"/>
      <c r="FG4" s="705"/>
      <c r="FH4" s="705"/>
      <c r="FI4" s="705"/>
      <c r="FJ4" s="705"/>
      <c r="FK4" s="706"/>
      <c r="FL4" s="704" t="s">
        <v>117</v>
      </c>
      <c r="FM4" s="705"/>
      <c r="FN4" s="705"/>
      <c r="FO4" s="705"/>
      <c r="FP4" s="705"/>
      <c r="FQ4" s="705"/>
      <c r="FR4" s="705"/>
      <c r="FS4" s="705"/>
      <c r="FT4" s="705"/>
      <c r="FU4" s="705"/>
      <c r="FV4" s="706"/>
      <c r="FW4" s="704" t="s">
        <v>77</v>
      </c>
      <c r="FX4" s="705"/>
      <c r="FY4" s="705"/>
      <c r="FZ4" s="705"/>
      <c r="GA4" s="705"/>
      <c r="GB4" s="705"/>
      <c r="GC4" s="705"/>
      <c r="GD4" s="705"/>
      <c r="GE4" s="705"/>
      <c r="GF4" s="705"/>
      <c r="GG4" s="706"/>
      <c r="GH4" s="704" t="s">
        <v>78</v>
      </c>
      <c r="GI4" s="705"/>
      <c r="GJ4" s="705"/>
      <c r="GK4" s="705"/>
      <c r="GL4" s="705"/>
      <c r="GM4" s="705"/>
      <c r="GN4" s="705"/>
      <c r="GO4" s="705"/>
      <c r="GP4" s="705"/>
      <c r="GQ4" s="705"/>
      <c r="GR4" s="706"/>
      <c r="GS4" s="704" t="s">
        <v>79</v>
      </c>
      <c r="GT4" s="705"/>
      <c r="GU4" s="705"/>
      <c r="GV4" s="705"/>
      <c r="GW4" s="705"/>
      <c r="GX4" s="705"/>
      <c r="GY4" s="705"/>
      <c r="GZ4" s="705"/>
      <c r="HA4" s="705"/>
      <c r="HB4" s="705"/>
      <c r="HC4" s="706"/>
      <c r="HD4" s="704" t="s">
        <v>151</v>
      </c>
      <c r="HE4" s="705"/>
      <c r="HF4" s="705"/>
      <c r="HG4" s="705"/>
      <c r="HH4" s="705"/>
      <c r="HI4" s="705"/>
      <c r="HJ4" s="705"/>
      <c r="HK4" s="705"/>
      <c r="HL4" s="705"/>
      <c r="HM4" s="705"/>
      <c r="HN4" s="706"/>
      <c r="HO4" s="717"/>
      <c r="HP4" s="718"/>
      <c r="HQ4" s="718"/>
      <c r="HR4" s="718"/>
      <c r="HS4" s="718"/>
      <c r="HT4" s="718"/>
      <c r="HU4" s="718"/>
      <c r="HV4" s="718"/>
      <c r="HW4" s="718"/>
      <c r="HX4" s="718"/>
      <c r="HY4" s="719"/>
    </row>
    <row r="5" spans="2:233" ht="21" customHeight="1" x14ac:dyDescent="0.2">
      <c r="B5" s="730"/>
      <c r="C5" s="720" t="s">
        <v>61</v>
      </c>
      <c r="D5" s="721"/>
      <c r="E5" s="722"/>
      <c r="F5" s="723" t="s">
        <v>62</v>
      </c>
      <c r="G5" s="721"/>
      <c r="H5" s="721"/>
      <c r="I5" s="721"/>
      <c r="J5" s="721"/>
      <c r="K5" s="721"/>
      <c r="L5" s="724"/>
      <c r="M5" s="725" t="s">
        <v>52</v>
      </c>
      <c r="N5" s="710" t="s">
        <v>61</v>
      </c>
      <c r="O5" s="711"/>
      <c r="P5" s="712"/>
      <c r="Q5" s="727" t="s">
        <v>62</v>
      </c>
      <c r="R5" s="711"/>
      <c r="S5" s="711"/>
      <c r="T5" s="711"/>
      <c r="U5" s="711"/>
      <c r="V5" s="711"/>
      <c r="W5" s="728"/>
      <c r="X5" s="645" t="s">
        <v>52</v>
      </c>
      <c r="Y5" s="710" t="s">
        <v>61</v>
      </c>
      <c r="Z5" s="711"/>
      <c r="AA5" s="712"/>
      <c r="AB5" s="727" t="s">
        <v>62</v>
      </c>
      <c r="AC5" s="711"/>
      <c r="AD5" s="711"/>
      <c r="AE5" s="711"/>
      <c r="AF5" s="711"/>
      <c r="AG5" s="711"/>
      <c r="AH5" s="728"/>
      <c r="AI5" s="645" t="s">
        <v>52</v>
      </c>
      <c r="AJ5" s="710" t="s">
        <v>61</v>
      </c>
      <c r="AK5" s="711"/>
      <c r="AL5" s="712"/>
      <c r="AM5" s="727" t="s">
        <v>62</v>
      </c>
      <c r="AN5" s="711"/>
      <c r="AO5" s="711"/>
      <c r="AP5" s="711"/>
      <c r="AQ5" s="711"/>
      <c r="AR5" s="711"/>
      <c r="AS5" s="728"/>
      <c r="AT5" s="645" t="s">
        <v>52</v>
      </c>
      <c r="AU5" s="710" t="s">
        <v>61</v>
      </c>
      <c r="AV5" s="711"/>
      <c r="AW5" s="712"/>
      <c r="AX5" s="727" t="s">
        <v>62</v>
      </c>
      <c r="AY5" s="711"/>
      <c r="AZ5" s="711"/>
      <c r="BA5" s="711"/>
      <c r="BB5" s="711"/>
      <c r="BC5" s="711"/>
      <c r="BD5" s="728"/>
      <c r="BE5" s="645" t="s">
        <v>52</v>
      </c>
      <c r="BF5" s="710" t="s">
        <v>61</v>
      </c>
      <c r="BG5" s="711"/>
      <c r="BH5" s="712"/>
      <c r="BI5" s="727" t="s">
        <v>62</v>
      </c>
      <c r="BJ5" s="711"/>
      <c r="BK5" s="711"/>
      <c r="BL5" s="711"/>
      <c r="BM5" s="711"/>
      <c r="BN5" s="711"/>
      <c r="BO5" s="728"/>
      <c r="BP5" s="645" t="s">
        <v>52</v>
      </c>
      <c r="BQ5" s="710" t="s">
        <v>61</v>
      </c>
      <c r="BR5" s="711"/>
      <c r="BS5" s="712"/>
      <c r="BT5" s="727" t="s">
        <v>62</v>
      </c>
      <c r="BU5" s="711"/>
      <c r="BV5" s="711"/>
      <c r="BW5" s="711"/>
      <c r="BX5" s="711"/>
      <c r="BY5" s="711"/>
      <c r="BZ5" s="728"/>
      <c r="CA5" s="645" t="s">
        <v>52</v>
      </c>
      <c r="CB5" s="710" t="s">
        <v>61</v>
      </c>
      <c r="CC5" s="711"/>
      <c r="CD5" s="712"/>
      <c r="CE5" s="727" t="s">
        <v>62</v>
      </c>
      <c r="CF5" s="711"/>
      <c r="CG5" s="711"/>
      <c r="CH5" s="711"/>
      <c r="CI5" s="711"/>
      <c r="CJ5" s="711"/>
      <c r="CK5" s="728"/>
      <c r="CL5" s="645" t="s">
        <v>52</v>
      </c>
      <c r="CM5" s="710" t="s">
        <v>61</v>
      </c>
      <c r="CN5" s="711"/>
      <c r="CO5" s="712"/>
      <c r="CP5" s="727" t="s">
        <v>62</v>
      </c>
      <c r="CQ5" s="711"/>
      <c r="CR5" s="711"/>
      <c r="CS5" s="711"/>
      <c r="CT5" s="711"/>
      <c r="CU5" s="711"/>
      <c r="CV5" s="728"/>
      <c r="CW5" s="645" t="s">
        <v>52</v>
      </c>
      <c r="CX5" s="710" t="s">
        <v>61</v>
      </c>
      <c r="CY5" s="711"/>
      <c r="CZ5" s="712"/>
      <c r="DA5" s="727" t="s">
        <v>62</v>
      </c>
      <c r="DB5" s="711"/>
      <c r="DC5" s="711"/>
      <c r="DD5" s="711"/>
      <c r="DE5" s="711"/>
      <c r="DF5" s="711"/>
      <c r="DG5" s="728"/>
      <c r="DH5" s="645" t="s">
        <v>52</v>
      </c>
      <c r="DI5" s="720" t="s">
        <v>61</v>
      </c>
      <c r="DJ5" s="721"/>
      <c r="DK5" s="722"/>
      <c r="DL5" s="723" t="s">
        <v>62</v>
      </c>
      <c r="DM5" s="721"/>
      <c r="DN5" s="721"/>
      <c r="DO5" s="721"/>
      <c r="DP5" s="721"/>
      <c r="DQ5" s="721"/>
      <c r="DR5" s="724"/>
      <c r="DS5" s="732" t="s">
        <v>52</v>
      </c>
      <c r="DT5" s="710" t="s">
        <v>61</v>
      </c>
      <c r="DU5" s="711"/>
      <c r="DV5" s="712"/>
      <c r="DW5" s="727" t="s">
        <v>62</v>
      </c>
      <c r="DX5" s="711"/>
      <c r="DY5" s="711"/>
      <c r="DZ5" s="711"/>
      <c r="EA5" s="711"/>
      <c r="EB5" s="711"/>
      <c r="EC5" s="728"/>
      <c r="ED5" s="645" t="s">
        <v>52</v>
      </c>
      <c r="EE5" s="710" t="s">
        <v>61</v>
      </c>
      <c r="EF5" s="711"/>
      <c r="EG5" s="712"/>
      <c r="EH5" s="727" t="s">
        <v>62</v>
      </c>
      <c r="EI5" s="711"/>
      <c r="EJ5" s="711"/>
      <c r="EK5" s="711"/>
      <c r="EL5" s="711"/>
      <c r="EM5" s="711"/>
      <c r="EN5" s="728"/>
      <c r="EO5" s="645" t="s">
        <v>52</v>
      </c>
      <c r="EP5" s="710" t="s">
        <v>61</v>
      </c>
      <c r="EQ5" s="711"/>
      <c r="ER5" s="712"/>
      <c r="ES5" s="727" t="s">
        <v>62</v>
      </c>
      <c r="ET5" s="711"/>
      <c r="EU5" s="711"/>
      <c r="EV5" s="711"/>
      <c r="EW5" s="711"/>
      <c r="EX5" s="711"/>
      <c r="EY5" s="728"/>
      <c r="EZ5" s="645" t="s">
        <v>52</v>
      </c>
      <c r="FA5" s="710" t="s">
        <v>61</v>
      </c>
      <c r="FB5" s="711"/>
      <c r="FC5" s="712"/>
      <c r="FD5" s="727" t="s">
        <v>62</v>
      </c>
      <c r="FE5" s="711"/>
      <c r="FF5" s="711"/>
      <c r="FG5" s="711"/>
      <c r="FH5" s="711"/>
      <c r="FI5" s="711"/>
      <c r="FJ5" s="728"/>
      <c r="FK5" s="645" t="s">
        <v>52</v>
      </c>
      <c r="FL5" s="710" t="s">
        <v>61</v>
      </c>
      <c r="FM5" s="711"/>
      <c r="FN5" s="712"/>
      <c r="FO5" s="727" t="s">
        <v>62</v>
      </c>
      <c r="FP5" s="711"/>
      <c r="FQ5" s="711"/>
      <c r="FR5" s="711"/>
      <c r="FS5" s="711"/>
      <c r="FT5" s="711"/>
      <c r="FU5" s="728"/>
      <c r="FV5" s="645" t="s">
        <v>52</v>
      </c>
      <c r="FW5" s="710" t="s">
        <v>61</v>
      </c>
      <c r="FX5" s="711"/>
      <c r="FY5" s="712"/>
      <c r="FZ5" s="727" t="s">
        <v>62</v>
      </c>
      <c r="GA5" s="711"/>
      <c r="GB5" s="711"/>
      <c r="GC5" s="711"/>
      <c r="GD5" s="711"/>
      <c r="GE5" s="711"/>
      <c r="GF5" s="728"/>
      <c r="GG5" s="645" t="s">
        <v>52</v>
      </c>
      <c r="GH5" s="710" t="s">
        <v>61</v>
      </c>
      <c r="GI5" s="711"/>
      <c r="GJ5" s="712"/>
      <c r="GK5" s="727" t="s">
        <v>62</v>
      </c>
      <c r="GL5" s="711"/>
      <c r="GM5" s="711"/>
      <c r="GN5" s="711"/>
      <c r="GO5" s="711"/>
      <c r="GP5" s="711"/>
      <c r="GQ5" s="728"/>
      <c r="GR5" s="645" t="s">
        <v>52</v>
      </c>
      <c r="GS5" s="710" t="s">
        <v>61</v>
      </c>
      <c r="GT5" s="711"/>
      <c r="GU5" s="712"/>
      <c r="GV5" s="727" t="s">
        <v>62</v>
      </c>
      <c r="GW5" s="711"/>
      <c r="GX5" s="711"/>
      <c r="GY5" s="711"/>
      <c r="GZ5" s="711"/>
      <c r="HA5" s="711"/>
      <c r="HB5" s="728"/>
      <c r="HC5" s="645" t="s">
        <v>52</v>
      </c>
      <c r="HD5" s="710" t="s">
        <v>61</v>
      </c>
      <c r="HE5" s="711"/>
      <c r="HF5" s="712"/>
      <c r="HG5" s="727" t="s">
        <v>62</v>
      </c>
      <c r="HH5" s="711"/>
      <c r="HI5" s="711"/>
      <c r="HJ5" s="711"/>
      <c r="HK5" s="711"/>
      <c r="HL5" s="711"/>
      <c r="HM5" s="728"/>
      <c r="HN5" s="645" t="s">
        <v>52</v>
      </c>
      <c r="HO5" s="710" t="s">
        <v>61</v>
      </c>
      <c r="HP5" s="711"/>
      <c r="HQ5" s="712"/>
      <c r="HR5" s="727" t="s">
        <v>62</v>
      </c>
      <c r="HS5" s="711"/>
      <c r="HT5" s="711"/>
      <c r="HU5" s="711"/>
      <c r="HV5" s="711"/>
      <c r="HW5" s="711"/>
      <c r="HX5" s="728"/>
      <c r="HY5" s="645" t="s">
        <v>52</v>
      </c>
    </row>
    <row r="6" spans="2:233" ht="30" customHeight="1" thickBot="1" x14ac:dyDescent="0.25">
      <c r="B6" s="731"/>
      <c r="C6" s="345" t="s">
        <v>119</v>
      </c>
      <c r="D6" s="346" t="s">
        <v>44</v>
      </c>
      <c r="E6" s="353" t="s">
        <v>45</v>
      </c>
      <c r="F6" s="354" t="s">
        <v>83</v>
      </c>
      <c r="G6" s="346" t="s">
        <v>47</v>
      </c>
      <c r="H6" s="346" t="s">
        <v>48</v>
      </c>
      <c r="I6" s="346" t="s">
        <v>49</v>
      </c>
      <c r="J6" s="346" t="s">
        <v>50</v>
      </c>
      <c r="K6" s="346" t="s">
        <v>51</v>
      </c>
      <c r="L6" s="355" t="s">
        <v>45</v>
      </c>
      <c r="M6" s="726"/>
      <c r="N6" s="345" t="s">
        <v>119</v>
      </c>
      <c r="O6" s="346" t="s">
        <v>44</v>
      </c>
      <c r="P6" s="353" t="s">
        <v>45</v>
      </c>
      <c r="Q6" s="354" t="s">
        <v>83</v>
      </c>
      <c r="R6" s="346" t="s">
        <v>47</v>
      </c>
      <c r="S6" s="346" t="s">
        <v>48</v>
      </c>
      <c r="T6" s="346" t="s">
        <v>49</v>
      </c>
      <c r="U6" s="346" t="s">
        <v>50</v>
      </c>
      <c r="V6" s="346" t="s">
        <v>51</v>
      </c>
      <c r="W6" s="355" t="s">
        <v>45</v>
      </c>
      <c r="X6" s="726"/>
      <c r="Y6" s="345" t="s">
        <v>119</v>
      </c>
      <c r="Z6" s="346" t="s">
        <v>44</v>
      </c>
      <c r="AA6" s="353" t="s">
        <v>45</v>
      </c>
      <c r="AB6" s="354" t="s">
        <v>83</v>
      </c>
      <c r="AC6" s="346" t="s">
        <v>47</v>
      </c>
      <c r="AD6" s="346" t="s">
        <v>48</v>
      </c>
      <c r="AE6" s="346" t="s">
        <v>49</v>
      </c>
      <c r="AF6" s="346" t="s">
        <v>50</v>
      </c>
      <c r="AG6" s="346" t="s">
        <v>51</v>
      </c>
      <c r="AH6" s="355" t="s">
        <v>45</v>
      </c>
      <c r="AI6" s="726"/>
      <c r="AJ6" s="345" t="s">
        <v>119</v>
      </c>
      <c r="AK6" s="346" t="s">
        <v>44</v>
      </c>
      <c r="AL6" s="353" t="s">
        <v>45</v>
      </c>
      <c r="AM6" s="354" t="s">
        <v>83</v>
      </c>
      <c r="AN6" s="346" t="s">
        <v>47</v>
      </c>
      <c r="AO6" s="346" t="s">
        <v>48</v>
      </c>
      <c r="AP6" s="346" t="s">
        <v>49</v>
      </c>
      <c r="AQ6" s="346" t="s">
        <v>50</v>
      </c>
      <c r="AR6" s="346" t="s">
        <v>51</v>
      </c>
      <c r="AS6" s="355" t="s">
        <v>45</v>
      </c>
      <c r="AT6" s="726"/>
      <c r="AU6" s="345" t="s">
        <v>119</v>
      </c>
      <c r="AV6" s="346" t="s">
        <v>44</v>
      </c>
      <c r="AW6" s="353" t="s">
        <v>45</v>
      </c>
      <c r="AX6" s="354" t="s">
        <v>83</v>
      </c>
      <c r="AY6" s="346" t="s">
        <v>47</v>
      </c>
      <c r="AZ6" s="346" t="s">
        <v>48</v>
      </c>
      <c r="BA6" s="346" t="s">
        <v>49</v>
      </c>
      <c r="BB6" s="346" t="s">
        <v>50</v>
      </c>
      <c r="BC6" s="346" t="s">
        <v>51</v>
      </c>
      <c r="BD6" s="355" t="s">
        <v>45</v>
      </c>
      <c r="BE6" s="726"/>
      <c r="BF6" s="345" t="s">
        <v>119</v>
      </c>
      <c r="BG6" s="346" t="s">
        <v>44</v>
      </c>
      <c r="BH6" s="353" t="s">
        <v>45</v>
      </c>
      <c r="BI6" s="354" t="s">
        <v>83</v>
      </c>
      <c r="BJ6" s="346" t="s">
        <v>47</v>
      </c>
      <c r="BK6" s="346" t="s">
        <v>48</v>
      </c>
      <c r="BL6" s="346" t="s">
        <v>49</v>
      </c>
      <c r="BM6" s="346" t="s">
        <v>50</v>
      </c>
      <c r="BN6" s="346" t="s">
        <v>51</v>
      </c>
      <c r="BO6" s="355" t="s">
        <v>45</v>
      </c>
      <c r="BP6" s="726"/>
      <c r="BQ6" s="345" t="s">
        <v>119</v>
      </c>
      <c r="BR6" s="346" t="s">
        <v>44</v>
      </c>
      <c r="BS6" s="353" t="s">
        <v>45</v>
      </c>
      <c r="BT6" s="354" t="s">
        <v>83</v>
      </c>
      <c r="BU6" s="346" t="s">
        <v>47</v>
      </c>
      <c r="BV6" s="346" t="s">
        <v>48</v>
      </c>
      <c r="BW6" s="346" t="s">
        <v>49</v>
      </c>
      <c r="BX6" s="346" t="s">
        <v>50</v>
      </c>
      <c r="BY6" s="346" t="s">
        <v>51</v>
      </c>
      <c r="BZ6" s="355" t="s">
        <v>45</v>
      </c>
      <c r="CA6" s="726"/>
      <c r="CB6" s="345" t="s">
        <v>119</v>
      </c>
      <c r="CC6" s="346" t="s">
        <v>44</v>
      </c>
      <c r="CD6" s="353" t="s">
        <v>45</v>
      </c>
      <c r="CE6" s="354" t="s">
        <v>83</v>
      </c>
      <c r="CF6" s="346" t="s">
        <v>47</v>
      </c>
      <c r="CG6" s="346" t="s">
        <v>48</v>
      </c>
      <c r="CH6" s="346" t="s">
        <v>49</v>
      </c>
      <c r="CI6" s="346" t="s">
        <v>50</v>
      </c>
      <c r="CJ6" s="346" t="s">
        <v>51</v>
      </c>
      <c r="CK6" s="355" t="s">
        <v>45</v>
      </c>
      <c r="CL6" s="726"/>
      <c r="CM6" s="345" t="s">
        <v>119</v>
      </c>
      <c r="CN6" s="346" t="s">
        <v>44</v>
      </c>
      <c r="CO6" s="353" t="s">
        <v>45</v>
      </c>
      <c r="CP6" s="354" t="s">
        <v>83</v>
      </c>
      <c r="CQ6" s="346" t="s">
        <v>47</v>
      </c>
      <c r="CR6" s="346" t="s">
        <v>48</v>
      </c>
      <c r="CS6" s="346" t="s">
        <v>49</v>
      </c>
      <c r="CT6" s="346" t="s">
        <v>50</v>
      </c>
      <c r="CU6" s="346" t="s">
        <v>51</v>
      </c>
      <c r="CV6" s="355" t="s">
        <v>45</v>
      </c>
      <c r="CW6" s="726"/>
      <c r="CX6" s="345" t="s">
        <v>119</v>
      </c>
      <c r="CY6" s="346" t="s">
        <v>44</v>
      </c>
      <c r="CZ6" s="353" t="s">
        <v>45</v>
      </c>
      <c r="DA6" s="354" t="s">
        <v>83</v>
      </c>
      <c r="DB6" s="346" t="s">
        <v>47</v>
      </c>
      <c r="DC6" s="346" t="s">
        <v>48</v>
      </c>
      <c r="DD6" s="346" t="s">
        <v>49</v>
      </c>
      <c r="DE6" s="346" t="s">
        <v>50</v>
      </c>
      <c r="DF6" s="346" t="s">
        <v>51</v>
      </c>
      <c r="DG6" s="355" t="s">
        <v>45</v>
      </c>
      <c r="DH6" s="726"/>
      <c r="DI6" s="345" t="s">
        <v>119</v>
      </c>
      <c r="DJ6" s="346" t="s">
        <v>44</v>
      </c>
      <c r="DK6" s="353" t="s">
        <v>45</v>
      </c>
      <c r="DL6" s="354" t="s">
        <v>83</v>
      </c>
      <c r="DM6" s="346" t="s">
        <v>47</v>
      </c>
      <c r="DN6" s="346" t="s">
        <v>48</v>
      </c>
      <c r="DO6" s="346" t="s">
        <v>49</v>
      </c>
      <c r="DP6" s="346" t="s">
        <v>50</v>
      </c>
      <c r="DQ6" s="346" t="s">
        <v>51</v>
      </c>
      <c r="DR6" s="355" t="s">
        <v>45</v>
      </c>
      <c r="DS6" s="733"/>
      <c r="DT6" s="345" t="s">
        <v>119</v>
      </c>
      <c r="DU6" s="346" t="s">
        <v>44</v>
      </c>
      <c r="DV6" s="353" t="s">
        <v>45</v>
      </c>
      <c r="DW6" s="354" t="s">
        <v>83</v>
      </c>
      <c r="DX6" s="346" t="s">
        <v>47</v>
      </c>
      <c r="DY6" s="346" t="s">
        <v>48</v>
      </c>
      <c r="DZ6" s="346" t="s">
        <v>49</v>
      </c>
      <c r="EA6" s="346" t="s">
        <v>50</v>
      </c>
      <c r="EB6" s="346" t="s">
        <v>51</v>
      </c>
      <c r="EC6" s="355" t="s">
        <v>45</v>
      </c>
      <c r="ED6" s="726"/>
      <c r="EE6" s="345" t="s">
        <v>119</v>
      </c>
      <c r="EF6" s="346" t="s">
        <v>44</v>
      </c>
      <c r="EG6" s="353" t="s">
        <v>45</v>
      </c>
      <c r="EH6" s="354" t="s">
        <v>83</v>
      </c>
      <c r="EI6" s="346" t="s">
        <v>47</v>
      </c>
      <c r="EJ6" s="346" t="s">
        <v>48</v>
      </c>
      <c r="EK6" s="346" t="s">
        <v>49</v>
      </c>
      <c r="EL6" s="346" t="s">
        <v>50</v>
      </c>
      <c r="EM6" s="346" t="s">
        <v>51</v>
      </c>
      <c r="EN6" s="355" t="s">
        <v>45</v>
      </c>
      <c r="EO6" s="726"/>
      <c r="EP6" s="345" t="s">
        <v>119</v>
      </c>
      <c r="EQ6" s="346" t="s">
        <v>44</v>
      </c>
      <c r="ER6" s="353" t="s">
        <v>45</v>
      </c>
      <c r="ES6" s="354" t="s">
        <v>83</v>
      </c>
      <c r="ET6" s="346" t="s">
        <v>47</v>
      </c>
      <c r="EU6" s="346" t="s">
        <v>48</v>
      </c>
      <c r="EV6" s="346" t="s">
        <v>49</v>
      </c>
      <c r="EW6" s="346" t="s">
        <v>50</v>
      </c>
      <c r="EX6" s="346" t="s">
        <v>51</v>
      </c>
      <c r="EY6" s="355" t="s">
        <v>45</v>
      </c>
      <c r="EZ6" s="726"/>
      <c r="FA6" s="345" t="s">
        <v>119</v>
      </c>
      <c r="FB6" s="346" t="s">
        <v>44</v>
      </c>
      <c r="FC6" s="353" t="s">
        <v>45</v>
      </c>
      <c r="FD6" s="354" t="s">
        <v>83</v>
      </c>
      <c r="FE6" s="346" t="s">
        <v>47</v>
      </c>
      <c r="FF6" s="346" t="s">
        <v>48</v>
      </c>
      <c r="FG6" s="346" t="s">
        <v>49</v>
      </c>
      <c r="FH6" s="346" t="s">
        <v>50</v>
      </c>
      <c r="FI6" s="346" t="s">
        <v>51</v>
      </c>
      <c r="FJ6" s="355" t="s">
        <v>45</v>
      </c>
      <c r="FK6" s="726"/>
      <c r="FL6" s="345" t="s">
        <v>119</v>
      </c>
      <c r="FM6" s="346" t="s">
        <v>44</v>
      </c>
      <c r="FN6" s="353" t="s">
        <v>45</v>
      </c>
      <c r="FO6" s="354" t="s">
        <v>83</v>
      </c>
      <c r="FP6" s="346" t="s">
        <v>47</v>
      </c>
      <c r="FQ6" s="346" t="s">
        <v>48</v>
      </c>
      <c r="FR6" s="346" t="s">
        <v>49</v>
      </c>
      <c r="FS6" s="346" t="s">
        <v>50</v>
      </c>
      <c r="FT6" s="346" t="s">
        <v>51</v>
      </c>
      <c r="FU6" s="355" t="s">
        <v>45</v>
      </c>
      <c r="FV6" s="726"/>
      <c r="FW6" s="345" t="s">
        <v>119</v>
      </c>
      <c r="FX6" s="346" t="s">
        <v>44</v>
      </c>
      <c r="FY6" s="353" t="s">
        <v>45</v>
      </c>
      <c r="FZ6" s="354" t="s">
        <v>83</v>
      </c>
      <c r="GA6" s="346" t="s">
        <v>47</v>
      </c>
      <c r="GB6" s="346" t="s">
        <v>48</v>
      </c>
      <c r="GC6" s="346" t="s">
        <v>49</v>
      </c>
      <c r="GD6" s="346" t="s">
        <v>50</v>
      </c>
      <c r="GE6" s="346" t="s">
        <v>51</v>
      </c>
      <c r="GF6" s="355" t="s">
        <v>45</v>
      </c>
      <c r="GG6" s="726"/>
      <c r="GH6" s="345" t="s">
        <v>119</v>
      </c>
      <c r="GI6" s="346" t="s">
        <v>44</v>
      </c>
      <c r="GJ6" s="353" t="s">
        <v>45</v>
      </c>
      <c r="GK6" s="354" t="s">
        <v>83</v>
      </c>
      <c r="GL6" s="346" t="s">
        <v>47</v>
      </c>
      <c r="GM6" s="346" t="s">
        <v>48</v>
      </c>
      <c r="GN6" s="346" t="s">
        <v>49</v>
      </c>
      <c r="GO6" s="346" t="s">
        <v>50</v>
      </c>
      <c r="GP6" s="346" t="s">
        <v>51</v>
      </c>
      <c r="GQ6" s="355" t="s">
        <v>45</v>
      </c>
      <c r="GR6" s="726"/>
      <c r="GS6" s="345" t="s">
        <v>119</v>
      </c>
      <c r="GT6" s="346" t="s">
        <v>44</v>
      </c>
      <c r="GU6" s="353" t="s">
        <v>45</v>
      </c>
      <c r="GV6" s="354" t="s">
        <v>83</v>
      </c>
      <c r="GW6" s="346" t="s">
        <v>47</v>
      </c>
      <c r="GX6" s="346" t="s">
        <v>48</v>
      </c>
      <c r="GY6" s="346" t="s">
        <v>49</v>
      </c>
      <c r="GZ6" s="346" t="s">
        <v>50</v>
      </c>
      <c r="HA6" s="346" t="s">
        <v>51</v>
      </c>
      <c r="HB6" s="355" t="s">
        <v>45</v>
      </c>
      <c r="HC6" s="726"/>
      <c r="HD6" s="345" t="s">
        <v>119</v>
      </c>
      <c r="HE6" s="346" t="s">
        <v>44</v>
      </c>
      <c r="HF6" s="353" t="s">
        <v>45</v>
      </c>
      <c r="HG6" s="354" t="s">
        <v>83</v>
      </c>
      <c r="HH6" s="346" t="s">
        <v>47</v>
      </c>
      <c r="HI6" s="346" t="s">
        <v>48</v>
      </c>
      <c r="HJ6" s="346" t="s">
        <v>49</v>
      </c>
      <c r="HK6" s="346" t="s">
        <v>50</v>
      </c>
      <c r="HL6" s="346" t="s">
        <v>51</v>
      </c>
      <c r="HM6" s="355" t="s">
        <v>45</v>
      </c>
      <c r="HN6" s="726"/>
      <c r="HO6" s="345" t="s">
        <v>119</v>
      </c>
      <c r="HP6" s="346" t="s">
        <v>44</v>
      </c>
      <c r="HQ6" s="353" t="s">
        <v>45</v>
      </c>
      <c r="HR6" s="354" t="s">
        <v>83</v>
      </c>
      <c r="HS6" s="346" t="s">
        <v>47</v>
      </c>
      <c r="HT6" s="346" t="s">
        <v>48</v>
      </c>
      <c r="HU6" s="346" t="s">
        <v>49</v>
      </c>
      <c r="HV6" s="346" t="s">
        <v>50</v>
      </c>
      <c r="HW6" s="346" t="s">
        <v>51</v>
      </c>
      <c r="HX6" s="355" t="s">
        <v>45</v>
      </c>
      <c r="HY6" s="726"/>
    </row>
    <row r="7" spans="2:233" s="459" customFormat="1" ht="21" customHeight="1" x14ac:dyDescent="0.2">
      <c r="B7" s="470" t="s">
        <v>4</v>
      </c>
      <c r="C7" s="451">
        <v>20901</v>
      </c>
      <c r="D7" s="452">
        <v>95303</v>
      </c>
      <c r="E7" s="453">
        <v>116204</v>
      </c>
      <c r="F7" s="454">
        <v>0</v>
      </c>
      <c r="G7" s="452">
        <v>16206994</v>
      </c>
      <c r="H7" s="452">
        <v>39971320</v>
      </c>
      <c r="I7" s="452">
        <v>114812776</v>
      </c>
      <c r="J7" s="452">
        <v>155764277</v>
      </c>
      <c r="K7" s="452">
        <v>96139744</v>
      </c>
      <c r="L7" s="455">
        <v>422895111</v>
      </c>
      <c r="M7" s="456">
        <v>423011315</v>
      </c>
      <c r="N7" s="451">
        <v>0</v>
      </c>
      <c r="O7" s="452">
        <v>0</v>
      </c>
      <c r="P7" s="453">
        <v>0</v>
      </c>
      <c r="Q7" s="457"/>
      <c r="R7" s="452">
        <v>4562925</v>
      </c>
      <c r="S7" s="452">
        <v>13791803</v>
      </c>
      <c r="T7" s="452">
        <v>78236156</v>
      </c>
      <c r="U7" s="452">
        <v>113684251</v>
      </c>
      <c r="V7" s="452">
        <v>74478291</v>
      </c>
      <c r="W7" s="455">
        <v>284753426</v>
      </c>
      <c r="X7" s="456">
        <v>284753426</v>
      </c>
      <c r="Y7" s="451">
        <v>0</v>
      </c>
      <c r="Z7" s="452">
        <v>0</v>
      </c>
      <c r="AA7" s="453">
        <v>0</v>
      </c>
      <c r="AB7" s="457"/>
      <c r="AC7" s="452">
        <v>9550398</v>
      </c>
      <c r="AD7" s="452">
        <v>21776564</v>
      </c>
      <c r="AE7" s="452">
        <v>26612669</v>
      </c>
      <c r="AF7" s="452">
        <v>30846892</v>
      </c>
      <c r="AG7" s="452">
        <v>13562822</v>
      </c>
      <c r="AH7" s="455">
        <v>102349345</v>
      </c>
      <c r="AI7" s="456">
        <v>102349345</v>
      </c>
      <c r="AJ7" s="451">
        <v>0</v>
      </c>
      <c r="AK7" s="452">
        <v>0</v>
      </c>
      <c r="AL7" s="453">
        <v>0</v>
      </c>
      <c r="AM7" s="457"/>
      <c r="AN7" s="452">
        <v>0</v>
      </c>
      <c r="AO7" s="452">
        <v>0</v>
      </c>
      <c r="AP7" s="452">
        <v>39765</v>
      </c>
      <c r="AQ7" s="452">
        <v>627825</v>
      </c>
      <c r="AR7" s="452">
        <v>602445</v>
      </c>
      <c r="AS7" s="455">
        <v>1270035</v>
      </c>
      <c r="AT7" s="456">
        <v>1270035</v>
      </c>
      <c r="AU7" s="451">
        <v>0</v>
      </c>
      <c r="AV7" s="452">
        <v>0</v>
      </c>
      <c r="AW7" s="453">
        <v>0</v>
      </c>
      <c r="AX7" s="457"/>
      <c r="AY7" s="452">
        <v>225625</v>
      </c>
      <c r="AZ7" s="452">
        <v>208530</v>
      </c>
      <c r="BA7" s="452">
        <v>481970</v>
      </c>
      <c r="BB7" s="452">
        <v>1853845</v>
      </c>
      <c r="BC7" s="452">
        <v>2556490</v>
      </c>
      <c r="BD7" s="455">
        <v>5326460</v>
      </c>
      <c r="BE7" s="456">
        <v>5326460</v>
      </c>
      <c r="BF7" s="451">
        <v>0</v>
      </c>
      <c r="BG7" s="452">
        <v>0</v>
      </c>
      <c r="BH7" s="453">
        <v>0</v>
      </c>
      <c r="BI7" s="457"/>
      <c r="BJ7" s="452">
        <v>94800</v>
      </c>
      <c r="BK7" s="452">
        <v>286560</v>
      </c>
      <c r="BL7" s="452">
        <v>1473870</v>
      </c>
      <c r="BM7" s="452">
        <v>1719665</v>
      </c>
      <c r="BN7" s="452">
        <v>1288095</v>
      </c>
      <c r="BO7" s="455">
        <v>4862990</v>
      </c>
      <c r="BP7" s="456">
        <v>4862990</v>
      </c>
      <c r="BQ7" s="451">
        <v>20901</v>
      </c>
      <c r="BR7" s="452">
        <v>95013</v>
      </c>
      <c r="BS7" s="453">
        <v>115914</v>
      </c>
      <c r="BT7" s="454">
        <v>0</v>
      </c>
      <c r="BU7" s="452">
        <v>1696607</v>
      </c>
      <c r="BV7" s="452">
        <v>3729580</v>
      </c>
      <c r="BW7" s="452">
        <v>7729620</v>
      </c>
      <c r="BX7" s="452">
        <v>6739475</v>
      </c>
      <c r="BY7" s="452">
        <v>3369457</v>
      </c>
      <c r="BZ7" s="455">
        <v>23264739</v>
      </c>
      <c r="CA7" s="456">
        <v>23380653</v>
      </c>
      <c r="CB7" s="451">
        <v>0</v>
      </c>
      <c r="CC7" s="452">
        <v>290</v>
      </c>
      <c r="CD7" s="453">
        <v>290</v>
      </c>
      <c r="CE7" s="454">
        <v>0</v>
      </c>
      <c r="CF7" s="452">
        <v>76639</v>
      </c>
      <c r="CG7" s="452">
        <v>178283</v>
      </c>
      <c r="CH7" s="452">
        <v>238726</v>
      </c>
      <c r="CI7" s="452">
        <v>292324</v>
      </c>
      <c r="CJ7" s="452">
        <v>282144</v>
      </c>
      <c r="CK7" s="455">
        <v>1068116</v>
      </c>
      <c r="CL7" s="456">
        <v>1068406</v>
      </c>
      <c r="CM7" s="451">
        <v>0</v>
      </c>
      <c r="CN7" s="452">
        <v>0</v>
      </c>
      <c r="CO7" s="453">
        <v>0</v>
      </c>
      <c r="CP7" s="454">
        <v>0</v>
      </c>
      <c r="CQ7" s="452">
        <v>0</v>
      </c>
      <c r="CR7" s="452">
        <v>0</v>
      </c>
      <c r="CS7" s="452">
        <v>0</v>
      </c>
      <c r="CT7" s="452">
        <v>0</v>
      </c>
      <c r="CU7" s="452">
        <v>0</v>
      </c>
      <c r="CV7" s="455">
        <v>0</v>
      </c>
      <c r="CW7" s="456">
        <v>0</v>
      </c>
      <c r="CX7" s="451">
        <v>0</v>
      </c>
      <c r="CY7" s="452">
        <v>0</v>
      </c>
      <c r="CZ7" s="453">
        <v>0</v>
      </c>
      <c r="DA7" s="457"/>
      <c r="DB7" s="452">
        <v>0</v>
      </c>
      <c r="DC7" s="452">
        <v>0</v>
      </c>
      <c r="DD7" s="452">
        <v>0</v>
      </c>
      <c r="DE7" s="452">
        <v>0</v>
      </c>
      <c r="DF7" s="452">
        <v>0</v>
      </c>
      <c r="DG7" s="455">
        <v>0</v>
      </c>
      <c r="DH7" s="456">
        <v>0</v>
      </c>
      <c r="DI7" s="451">
        <v>38525</v>
      </c>
      <c r="DJ7" s="452">
        <v>174236</v>
      </c>
      <c r="DK7" s="453">
        <v>212761</v>
      </c>
      <c r="DL7" s="454">
        <v>0</v>
      </c>
      <c r="DM7" s="452">
        <v>11192144</v>
      </c>
      <c r="DN7" s="452">
        <v>31837437</v>
      </c>
      <c r="DO7" s="452">
        <v>125733830</v>
      </c>
      <c r="DP7" s="452">
        <v>164741252</v>
      </c>
      <c r="DQ7" s="452">
        <v>102835178</v>
      </c>
      <c r="DR7" s="455">
        <v>436339841</v>
      </c>
      <c r="DS7" s="458">
        <v>436552602</v>
      </c>
      <c r="DT7" s="451">
        <v>0</v>
      </c>
      <c r="DU7" s="452">
        <v>0</v>
      </c>
      <c r="DV7" s="453">
        <v>0</v>
      </c>
      <c r="DW7" s="457"/>
      <c r="DX7" s="452">
        <v>5789101</v>
      </c>
      <c r="DY7" s="452">
        <v>19568899</v>
      </c>
      <c r="DZ7" s="452">
        <v>104332451</v>
      </c>
      <c r="EA7" s="452">
        <v>143627607</v>
      </c>
      <c r="EB7" s="452">
        <v>91435583</v>
      </c>
      <c r="EC7" s="455">
        <v>364753641</v>
      </c>
      <c r="ED7" s="456">
        <v>364753641</v>
      </c>
      <c r="EE7" s="451">
        <v>0</v>
      </c>
      <c r="EF7" s="452">
        <v>0</v>
      </c>
      <c r="EG7" s="453">
        <v>0</v>
      </c>
      <c r="EH7" s="457"/>
      <c r="EI7" s="452">
        <v>2411736</v>
      </c>
      <c r="EJ7" s="452">
        <v>5486744</v>
      </c>
      <c r="EK7" s="452">
        <v>6301196</v>
      </c>
      <c r="EL7" s="452">
        <v>7088821</v>
      </c>
      <c r="EM7" s="452">
        <v>3442812</v>
      </c>
      <c r="EN7" s="455">
        <v>24731309</v>
      </c>
      <c r="EO7" s="456">
        <v>24731309</v>
      </c>
      <c r="EP7" s="451">
        <v>0</v>
      </c>
      <c r="EQ7" s="452">
        <v>0</v>
      </c>
      <c r="ER7" s="453">
        <v>0</v>
      </c>
      <c r="ES7" s="457"/>
      <c r="ET7" s="452">
        <v>0</v>
      </c>
      <c r="EU7" s="452">
        <v>0</v>
      </c>
      <c r="EV7" s="452">
        <v>11863</v>
      </c>
      <c r="EW7" s="452">
        <v>95100</v>
      </c>
      <c r="EX7" s="452">
        <v>117447</v>
      </c>
      <c r="EY7" s="455">
        <v>224410</v>
      </c>
      <c r="EZ7" s="456">
        <v>224410</v>
      </c>
      <c r="FA7" s="451">
        <v>0</v>
      </c>
      <c r="FB7" s="452">
        <v>0</v>
      </c>
      <c r="FC7" s="453">
        <v>0</v>
      </c>
      <c r="FD7" s="457"/>
      <c r="FE7" s="452">
        <v>25648</v>
      </c>
      <c r="FF7" s="452">
        <v>80487</v>
      </c>
      <c r="FG7" s="452">
        <v>108122</v>
      </c>
      <c r="FH7" s="452">
        <v>287307</v>
      </c>
      <c r="FI7" s="452">
        <v>389201</v>
      </c>
      <c r="FJ7" s="455">
        <v>890765</v>
      </c>
      <c r="FK7" s="456">
        <v>890765</v>
      </c>
      <c r="FL7" s="451">
        <v>0</v>
      </c>
      <c r="FM7" s="452">
        <v>0</v>
      </c>
      <c r="FN7" s="453">
        <v>0</v>
      </c>
      <c r="FO7" s="457"/>
      <c r="FP7" s="452">
        <v>154680</v>
      </c>
      <c r="FQ7" s="452">
        <v>371904</v>
      </c>
      <c r="FR7" s="452">
        <v>2538113</v>
      </c>
      <c r="FS7" s="452">
        <v>3201713</v>
      </c>
      <c r="FT7" s="452">
        <v>2167468</v>
      </c>
      <c r="FU7" s="455">
        <v>8433878</v>
      </c>
      <c r="FV7" s="456">
        <v>8433878</v>
      </c>
      <c r="FW7" s="451">
        <v>38525</v>
      </c>
      <c r="FX7" s="452">
        <v>174222</v>
      </c>
      <c r="FY7" s="453">
        <v>212747</v>
      </c>
      <c r="FZ7" s="454">
        <v>0</v>
      </c>
      <c r="GA7" s="452">
        <v>2781964</v>
      </c>
      <c r="GB7" s="452">
        <v>6207193</v>
      </c>
      <c r="GC7" s="452">
        <v>12276169</v>
      </c>
      <c r="GD7" s="452">
        <v>10195023</v>
      </c>
      <c r="GE7" s="452">
        <v>5162408</v>
      </c>
      <c r="GF7" s="455">
        <v>36622757</v>
      </c>
      <c r="GG7" s="456">
        <v>36835504</v>
      </c>
      <c r="GH7" s="451">
        <v>0</v>
      </c>
      <c r="GI7" s="452">
        <v>14</v>
      </c>
      <c r="GJ7" s="453">
        <v>14</v>
      </c>
      <c r="GK7" s="454">
        <v>0</v>
      </c>
      <c r="GL7" s="452">
        <v>29015</v>
      </c>
      <c r="GM7" s="452">
        <v>122210</v>
      </c>
      <c r="GN7" s="452">
        <v>165916</v>
      </c>
      <c r="GO7" s="452">
        <v>245681</v>
      </c>
      <c r="GP7" s="452">
        <v>120259</v>
      </c>
      <c r="GQ7" s="455">
        <v>683081</v>
      </c>
      <c r="GR7" s="456">
        <v>683095</v>
      </c>
      <c r="GS7" s="451">
        <v>0</v>
      </c>
      <c r="GT7" s="452">
        <v>0</v>
      </c>
      <c r="GU7" s="453">
        <v>0</v>
      </c>
      <c r="GV7" s="454">
        <v>0</v>
      </c>
      <c r="GW7" s="452">
        <v>0</v>
      </c>
      <c r="GX7" s="452">
        <v>0</v>
      </c>
      <c r="GY7" s="452">
        <v>0</v>
      </c>
      <c r="GZ7" s="452">
        <v>0</v>
      </c>
      <c r="HA7" s="452">
        <v>0</v>
      </c>
      <c r="HB7" s="455">
        <v>0</v>
      </c>
      <c r="HC7" s="456">
        <v>0</v>
      </c>
      <c r="HD7" s="451">
        <v>0</v>
      </c>
      <c r="HE7" s="452">
        <v>0</v>
      </c>
      <c r="HF7" s="453">
        <v>0</v>
      </c>
      <c r="HG7" s="457"/>
      <c r="HH7" s="452">
        <v>0</v>
      </c>
      <c r="HI7" s="452">
        <v>0</v>
      </c>
      <c r="HJ7" s="452">
        <v>0</v>
      </c>
      <c r="HK7" s="452">
        <v>0</v>
      </c>
      <c r="HL7" s="452">
        <v>0</v>
      </c>
      <c r="HM7" s="455">
        <v>0</v>
      </c>
      <c r="HN7" s="456">
        <v>0</v>
      </c>
      <c r="HO7" s="451">
        <v>59426</v>
      </c>
      <c r="HP7" s="452">
        <v>269539</v>
      </c>
      <c r="HQ7" s="453">
        <v>328965</v>
      </c>
      <c r="HR7" s="454">
        <v>0</v>
      </c>
      <c r="HS7" s="452">
        <v>27399138</v>
      </c>
      <c r="HT7" s="452">
        <v>71808757</v>
      </c>
      <c r="HU7" s="452">
        <v>240546606</v>
      </c>
      <c r="HV7" s="452">
        <v>320505529</v>
      </c>
      <c r="HW7" s="452">
        <v>198974922</v>
      </c>
      <c r="HX7" s="455">
        <v>859234952</v>
      </c>
      <c r="HY7" s="456">
        <v>859563917</v>
      </c>
    </row>
    <row r="8" spans="2:233" s="459" customFormat="1" ht="21" customHeight="1" x14ac:dyDescent="0.2">
      <c r="B8" s="471" t="s">
        <v>5</v>
      </c>
      <c r="C8" s="460">
        <v>8831</v>
      </c>
      <c r="D8" s="461">
        <v>28040</v>
      </c>
      <c r="E8" s="462">
        <v>36871</v>
      </c>
      <c r="F8" s="463">
        <v>0</v>
      </c>
      <c r="G8" s="461">
        <v>6418881</v>
      </c>
      <c r="H8" s="461">
        <v>20774504</v>
      </c>
      <c r="I8" s="461">
        <v>48822231</v>
      </c>
      <c r="J8" s="461">
        <v>66062815</v>
      </c>
      <c r="K8" s="461">
        <v>40093253</v>
      </c>
      <c r="L8" s="464">
        <v>182171684</v>
      </c>
      <c r="M8" s="465">
        <v>182208555</v>
      </c>
      <c r="N8" s="460">
        <v>0</v>
      </c>
      <c r="O8" s="461">
        <v>0</v>
      </c>
      <c r="P8" s="462">
        <v>0</v>
      </c>
      <c r="Q8" s="466"/>
      <c r="R8" s="461">
        <v>2400887</v>
      </c>
      <c r="S8" s="461">
        <v>9083768</v>
      </c>
      <c r="T8" s="461">
        <v>34139624</v>
      </c>
      <c r="U8" s="461">
        <v>49490375</v>
      </c>
      <c r="V8" s="461">
        <v>31529440</v>
      </c>
      <c r="W8" s="464">
        <v>126644094</v>
      </c>
      <c r="X8" s="465">
        <v>126644094</v>
      </c>
      <c r="Y8" s="460">
        <v>0</v>
      </c>
      <c r="Z8" s="461">
        <v>0</v>
      </c>
      <c r="AA8" s="462">
        <v>0</v>
      </c>
      <c r="AB8" s="466"/>
      <c r="AC8" s="461">
        <v>3421345</v>
      </c>
      <c r="AD8" s="461">
        <v>9930245</v>
      </c>
      <c r="AE8" s="461">
        <v>10994317</v>
      </c>
      <c r="AF8" s="461">
        <v>13251497</v>
      </c>
      <c r="AG8" s="461">
        <v>6243043</v>
      </c>
      <c r="AH8" s="464">
        <v>43840447</v>
      </c>
      <c r="AI8" s="465">
        <v>43840447</v>
      </c>
      <c r="AJ8" s="460">
        <v>0</v>
      </c>
      <c r="AK8" s="461">
        <v>0</v>
      </c>
      <c r="AL8" s="462">
        <v>0</v>
      </c>
      <c r="AM8" s="466"/>
      <c r="AN8" s="461">
        <v>0</v>
      </c>
      <c r="AO8" s="461">
        <v>0</v>
      </c>
      <c r="AP8" s="461">
        <v>0</v>
      </c>
      <c r="AQ8" s="461">
        <v>178950</v>
      </c>
      <c r="AR8" s="461">
        <v>97365</v>
      </c>
      <c r="AS8" s="464">
        <v>276315</v>
      </c>
      <c r="AT8" s="465">
        <v>276315</v>
      </c>
      <c r="AU8" s="460">
        <v>0</v>
      </c>
      <c r="AV8" s="461">
        <v>0</v>
      </c>
      <c r="AW8" s="462">
        <v>0</v>
      </c>
      <c r="AX8" s="466"/>
      <c r="AY8" s="461">
        <v>23850</v>
      </c>
      <c r="AZ8" s="461">
        <v>39535</v>
      </c>
      <c r="BA8" s="461">
        <v>65850</v>
      </c>
      <c r="BB8" s="461">
        <v>499150</v>
      </c>
      <c r="BC8" s="461">
        <v>552580</v>
      </c>
      <c r="BD8" s="464">
        <v>1180965</v>
      </c>
      <c r="BE8" s="465">
        <v>1180965</v>
      </c>
      <c r="BF8" s="460">
        <v>0</v>
      </c>
      <c r="BG8" s="461">
        <v>0</v>
      </c>
      <c r="BH8" s="462">
        <v>0</v>
      </c>
      <c r="BI8" s="466"/>
      <c r="BJ8" s="461">
        <v>65850</v>
      </c>
      <c r="BK8" s="461">
        <v>134850</v>
      </c>
      <c r="BL8" s="461">
        <v>237550</v>
      </c>
      <c r="BM8" s="461">
        <v>158830</v>
      </c>
      <c r="BN8" s="461">
        <v>195000</v>
      </c>
      <c r="BO8" s="464">
        <v>792080</v>
      </c>
      <c r="BP8" s="465">
        <v>792080</v>
      </c>
      <c r="BQ8" s="460">
        <v>8831</v>
      </c>
      <c r="BR8" s="461">
        <v>27750</v>
      </c>
      <c r="BS8" s="462">
        <v>36581</v>
      </c>
      <c r="BT8" s="463">
        <v>0</v>
      </c>
      <c r="BU8" s="461">
        <v>490232</v>
      </c>
      <c r="BV8" s="461">
        <v>1484721</v>
      </c>
      <c r="BW8" s="461">
        <v>3247446</v>
      </c>
      <c r="BX8" s="461">
        <v>2340215</v>
      </c>
      <c r="BY8" s="461">
        <v>1328903</v>
      </c>
      <c r="BZ8" s="464">
        <v>8891517</v>
      </c>
      <c r="CA8" s="465">
        <v>8928098</v>
      </c>
      <c r="CB8" s="460">
        <v>0</v>
      </c>
      <c r="CC8" s="461">
        <v>290</v>
      </c>
      <c r="CD8" s="462">
        <v>290</v>
      </c>
      <c r="CE8" s="463">
        <v>0</v>
      </c>
      <c r="CF8" s="461">
        <v>16717</v>
      </c>
      <c r="CG8" s="461">
        <v>101385</v>
      </c>
      <c r="CH8" s="461">
        <v>137444</v>
      </c>
      <c r="CI8" s="461">
        <v>143798</v>
      </c>
      <c r="CJ8" s="461">
        <v>146922</v>
      </c>
      <c r="CK8" s="464">
        <v>546266</v>
      </c>
      <c r="CL8" s="465">
        <v>546556</v>
      </c>
      <c r="CM8" s="460">
        <v>0</v>
      </c>
      <c r="CN8" s="461">
        <v>0</v>
      </c>
      <c r="CO8" s="462">
        <v>0</v>
      </c>
      <c r="CP8" s="463">
        <v>0</v>
      </c>
      <c r="CQ8" s="461">
        <v>0</v>
      </c>
      <c r="CR8" s="461">
        <v>0</v>
      </c>
      <c r="CS8" s="461">
        <v>0</v>
      </c>
      <c r="CT8" s="461">
        <v>0</v>
      </c>
      <c r="CU8" s="461">
        <v>0</v>
      </c>
      <c r="CV8" s="464">
        <v>0</v>
      </c>
      <c r="CW8" s="465">
        <v>0</v>
      </c>
      <c r="CX8" s="460">
        <v>0</v>
      </c>
      <c r="CY8" s="461">
        <v>0</v>
      </c>
      <c r="CZ8" s="462">
        <v>0</v>
      </c>
      <c r="DA8" s="466"/>
      <c r="DB8" s="461">
        <v>0</v>
      </c>
      <c r="DC8" s="461">
        <v>0</v>
      </c>
      <c r="DD8" s="461">
        <v>0</v>
      </c>
      <c r="DE8" s="461">
        <v>0</v>
      </c>
      <c r="DF8" s="461">
        <v>0</v>
      </c>
      <c r="DG8" s="464">
        <v>0</v>
      </c>
      <c r="DH8" s="465">
        <v>0</v>
      </c>
      <c r="DI8" s="460">
        <v>22431</v>
      </c>
      <c r="DJ8" s="461">
        <v>75150</v>
      </c>
      <c r="DK8" s="462">
        <v>97581</v>
      </c>
      <c r="DL8" s="463">
        <v>0</v>
      </c>
      <c r="DM8" s="461">
        <v>5751492</v>
      </c>
      <c r="DN8" s="461">
        <v>19346030</v>
      </c>
      <c r="DO8" s="461">
        <v>56293118</v>
      </c>
      <c r="DP8" s="461">
        <v>71037532</v>
      </c>
      <c r="DQ8" s="461">
        <v>44825289</v>
      </c>
      <c r="DR8" s="464">
        <v>197253461</v>
      </c>
      <c r="DS8" s="467">
        <v>197351042</v>
      </c>
      <c r="DT8" s="460">
        <v>0</v>
      </c>
      <c r="DU8" s="461">
        <v>0</v>
      </c>
      <c r="DV8" s="462">
        <v>0</v>
      </c>
      <c r="DW8" s="466"/>
      <c r="DX8" s="461">
        <v>3636100</v>
      </c>
      <c r="DY8" s="461">
        <v>13053746</v>
      </c>
      <c r="DZ8" s="461">
        <v>47062571</v>
      </c>
      <c r="EA8" s="461">
        <v>62682869</v>
      </c>
      <c r="EB8" s="461">
        <v>40099475</v>
      </c>
      <c r="EC8" s="464">
        <v>166534761</v>
      </c>
      <c r="ED8" s="465">
        <v>166534761</v>
      </c>
      <c r="EE8" s="460">
        <v>0</v>
      </c>
      <c r="EF8" s="461">
        <v>0</v>
      </c>
      <c r="EG8" s="462">
        <v>0</v>
      </c>
      <c r="EH8" s="466"/>
      <c r="EI8" s="461">
        <v>1150684</v>
      </c>
      <c r="EJ8" s="461">
        <v>3478429</v>
      </c>
      <c r="EK8" s="461">
        <v>3559677</v>
      </c>
      <c r="EL8" s="461">
        <v>4158916</v>
      </c>
      <c r="EM8" s="461">
        <v>2124382</v>
      </c>
      <c r="EN8" s="464">
        <v>14472088</v>
      </c>
      <c r="EO8" s="465">
        <v>14472088</v>
      </c>
      <c r="EP8" s="460">
        <v>0</v>
      </c>
      <c r="EQ8" s="461">
        <v>0</v>
      </c>
      <c r="ER8" s="462">
        <v>0</v>
      </c>
      <c r="ES8" s="466"/>
      <c r="ET8" s="461">
        <v>0</v>
      </c>
      <c r="EU8" s="461">
        <v>0</v>
      </c>
      <c r="EV8" s="461">
        <v>0</v>
      </c>
      <c r="EW8" s="461">
        <v>35610</v>
      </c>
      <c r="EX8" s="461">
        <v>12689</v>
      </c>
      <c r="EY8" s="464">
        <v>48299</v>
      </c>
      <c r="EZ8" s="465">
        <v>48299</v>
      </c>
      <c r="FA8" s="460">
        <v>0</v>
      </c>
      <c r="FB8" s="461">
        <v>0</v>
      </c>
      <c r="FC8" s="462">
        <v>0</v>
      </c>
      <c r="FD8" s="466"/>
      <c r="FE8" s="461">
        <v>210</v>
      </c>
      <c r="FF8" s="461">
        <v>33148</v>
      </c>
      <c r="FG8" s="461">
        <v>840</v>
      </c>
      <c r="FH8" s="461">
        <v>94154</v>
      </c>
      <c r="FI8" s="461">
        <v>97157</v>
      </c>
      <c r="FJ8" s="464">
        <v>225509</v>
      </c>
      <c r="FK8" s="465">
        <v>225509</v>
      </c>
      <c r="FL8" s="460">
        <v>0</v>
      </c>
      <c r="FM8" s="461">
        <v>0</v>
      </c>
      <c r="FN8" s="462">
        <v>0</v>
      </c>
      <c r="FO8" s="466"/>
      <c r="FP8" s="461">
        <v>92040</v>
      </c>
      <c r="FQ8" s="461">
        <v>133800</v>
      </c>
      <c r="FR8" s="461">
        <v>456300</v>
      </c>
      <c r="FS8" s="461">
        <v>310796</v>
      </c>
      <c r="FT8" s="461">
        <v>309360</v>
      </c>
      <c r="FU8" s="464">
        <v>1302296</v>
      </c>
      <c r="FV8" s="465">
        <v>1302296</v>
      </c>
      <c r="FW8" s="460">
        <v>22431</v>
      </c>
      <c r="FX8" s="461">
        <v>75136</v>
      </c>
      <c r="FY8" s="462">
        <v>97567</v>
      </c>
      <c r="FZ8" s="463">
        <v>0</v>
      </c>
      <c r="GA8" s="461">
        <v>863371</v>
      </c>
      <c r="GB8" s="461">
        <v>2579944</v>
      </c>
      <c r="GC8" s="461">
        <v>5133224</v>
      </c>
      <c r="GD8" s="461">
        <v>3626799</v>
      </c>
      <c r="GE8" s="461">
        <v>2099834</v>
      </c>
      <c r="GF8" s="464">
        <v>14303172</v>
      </c>
      <c r="GG8" s="465">
        <v>14400739</v>
      </c>
      <c r="GH8" s="460">
        <v>0</v>
      </c>
      <c r="GI8" s="461">
        <v>14</v>
      </c>
      <c r="GJ8" s="462">
        <v>14</v>
      </c>
      <c r="GK8" s="463">
        <v>0</v>
      </c>
      <c r="GL8" s="461">
        <v>9087</v>
      </c>
      <c r="GM8" s="461">
        <v>66963</v>
      </c>
      <c r="GN8" s="461">
        <v>80506</v>
      </c>
      <c r="GO8" s="461">
        <v>128388</v>
      </c>
      <c r="GP8" s="461">
        <v>82392</v>
      </c>
      <c r="GQ8" s="464">
        <v>367336</v>
      </c>
      <c r="GR8" s="465">
        <v>367350</v>
      </c>
      <c r="GS8" s="460">
        <v>0</v>
      </c>
      <c r="GT8" s="461">
        <v>0</v>
      </c>
      <c r="GU8" s="462">
        <v>0</v>
      </c>
      <c r="GV8" s="463">
        <v>0</v>
      </c>
      <c r="GW8" s="461">
        <v>0</v>
      </c>
      <c r="GX8" s="461">
        <v>0</v>
      </c>
      <c r="GY8" s="461">
        <v>0</v>
      </c>
      <c r="GZ8" s="461">
        <v>0</v>
      </c>
      <c r="HA8" s="461">
        <v>0</v>
      </c>
      <c r="HB8" s="464">
        <v>0</v>
      </c>
      <c r="HC8" s="465">
        <v>0</v>
      </c>
      <c r="HD8" s="460">
        <v>0</v>
      </c>
      <c r="HE8" s="461">
        <v>0</v>
      </c>
      <c r="HF8" s="462">
        <v>0</v>
      </c>
      <c r="HG8" s="466"/>
      <c r="HH8" s="461">
        <v>0</v>
      </c>
      <c r="HI8" s="461">
        <v>0</v>
      </c>
      <c r="HJ8" s="461">
        <v>0</v>
      </c>
      <c r="HK8" s="461">
        <v>0</v>
      </c>
      <c r="HL8" s="461">
        <v>0</v>
      </c>
      <c r="HM8" s="464">
        <v>0</v>
      </c>
      <c r="HN8" s="465">
        <v>0</v>
      </c>
      <c r="HO8" s="460">
        <v>31262</v>
      </c>
      <c r="HP8" s="461">
        <v>103190</v>
      </c>
      <c r="HQ8" s="462">
        <v>134452</v>
      </c>
      <c r="HR8" s="463">
        <v>0</v>
      </c>
      <c r="HS8" s="461">
        <v>12170373</v>
      </c>
      <c r="HT8" s="461">
        <v>40120534</v>
      </c>
      <c r="HU8" s="461">
        <v>105115349</v>
      </c>
      <c r="HV8" s="461">
        <v>137100347</v>
      </c>
      <c r="HW8" s="461">
        <v>84918542</v>
      </c>
      <c r="HX8" s="464">
        <v>379425145</v>
      </c>
      <c r="HY8" s="465">
        <v>379559597</v>
      </c>
    </row>
    <row r="9" spans="2:233" ht="21" customHeight="1" x14ac:dyDescent="0.2">
      <c r="B9" s="472" t="s">
        <v>6</v>
      </c>
      <c r="C9" s="273">
        <v>0</v>
      </c>
      <c r="D9" s="274">
        <v>6603</v>
      </c>
      <c r="E9" s="275">
        <v>6603</v>
      </c>
      <c r="F9" s="276">
        <v>0</v>
      </c>
      <c r="G9" s="274">
        <v>2687322</v>
      </c>
      <c r="H9" s="274">
        <v>4578841</v>
      </c>
      <c r="I9" s="274">
        <v>15091452</v>
      </c>
      <c r="J9" s="274">
        <v>21825994</v>
      </c>
      <c r="K9" s="274">
        <v>13632514</v>
      </c>
      <c r="L9" s="277">
        <v>57816123</v>
      </c>
      <c r="M9" s="278">
        <v>57822726</v>
      </c>
      <c r="N9" s="273">
        <v>0</v>
      </c>
      <c r="O9" s="274">
        <v>0</v>
      </c>
      <c r="P9" s="275">
        <v>0</v>
      </c>
      <c r="Q9" s="279"/>
      <c r="R9" s="274">
        <v>1110690</v>
      </c>
      <c r="S9" s="274">
        <v>1637620</v>
      </c>
      <c r="T9" s="274">
        <v>10276605</v>
      </c>
      <c r="U9" s="274">
        <v>15556328</v>
      </c>
      <c r="V9" s="274">
        <v>10651325</v>
      </c>
      <c r="W9" s="277">
        <v>39232568</v>
      </c>
      <c r="X9" s="278">
        <v>39232568</v>
      </c>
      <c r="Y9" s="273">
        <v>0</v>
      </c>
      <c r="Z9" s="274">
        <v>0</v>
      </c>
      <c r="AA9" s="275">
        <v>0</v>
      </c>
      <c r="AB9" s="279"/>
      <c r="AC9" s="274">
        <v>1306542</v>
      </c>
      <c r="AD9" s="274">
        <v>2473915</v>
      </c>
      <c r="AE9" s="274">
        <v>2934955</v>
      </c>
      <c r="AF9" s="274">
        <v>4339808</v>
      </c>
      <c r="AG9" s="274">
        <v>1789900</v>
      </c>
      <c r="AH9" s="277">
        <v>12845120</v>
      </c>
      <c r="AI9" s="278">
        <v>12845120</v>
      </c>
      <c r="AJ9" s="273">
        <v>0</v>
      </c>
      <c r="AK9" s="274">
        <v>0</v>
      </c>
      <c r="AL9" s="275">
        <v>0</v>
      </c>
      <c r="AM9" s="279"/>
      <c r="AN9" s="274">
        <v>0</v>
      </c>
      <c r="AO9" s="274">
        <v>0</v>
      </c>
      <c r="AP9" s="274">
        <v>8115</v>
      </c>
      <c r="AQ9" s="274">
        <v>252600</v>
      </c>
      <c r="AR9" s="274">
        <v>294925</v>
      </c>
      <c r="AS9" s="277">
        <v>555640</v>
      </c>
      <c r="AT9" s="278">
        <v>555640</v>
      </c>
      <c r="AU9" s="273">
        <v>0</v>
      </c>
      <c r="AV9" s="274">
        <v>0</v>
      </c>
      <c r="AW9" s="275">
        <v>0</v>
      </c>
      <c r="AX9" s="279"/>
      <c r="AY9" s="274">
        <v>680</v>
      </c>
      <c r="AZ9" s="274">
        <v>0</v>
      </c>
      <c r="BA9" s="274">
        <v>28950</v>
      </c>
      <c r="BB9" s="274">
        <v>152485</v>
      </c>
      <c r="BC9" s="274">
        <v>193065</v>
      </c>
      <c r="BD9" s="277">
        <v>375180</v>
      </c>
      <c r="BE9" s="278">
        <v>375180</v>
      </c>
      <c r="BF9" s="273">
        <v>0</v>
      </c>
      <c r="BG9" s="274">
        <v>0</v>
      </c>
      <c r="BH9" s="275">
        <v>0</v>
      </c>
      <c r="BI9" s="279"/>
      <c r="BJ9" s="274">
        <v>26400</v>
      </c>
      <c r="BK9" s="274">
        <v>71100</v>
      </c>
      <c r="BL9" s="274">
        <v>440745</v>
      </c>
      <c r="BM9" s="274">
        <v>393070</v>
      </c>
      <c r="BN9" s="274">
        <v>310350</v>
      </c>
      <c r="BO9" s="277">
        <v>1241665</v>
      </c>
      <c r="BP9" s="278">
        <v>1241665</v>
      </c>
      <c r="BQ9" s="273">
        <v>0</v>
      </c>
      <c r="BR9" s="274">
        <v>6603</v>
      </c>
      <c r="BS9" s="275">
        <v>6603</v>
      </c>
      <c r="BT9" s="276">
        <v>0</v>
      </c>
      <c r="BU9" s="274">
        <v>241499</v>
      </c>
      <c r="BV9" s="274">
        <v>368326</v>
      </c>
      <c r="BW9" s="274">
        <v>1353094</v>
      </c>
      <c r="BX9" s="274">
        <v>1058073</v>
      </c>
      <c r="BY9" s="274">
        <v>380440</v>
      </c>
      <c r="BZ9" s="277">
        <v>3401432</v>
      </c>
      <c r="CA9" s="278">
        <v>3408035</v>
      </c>
      <c r="CB9" s="273">
        <v>0</v>
      </c>
      <c r="CC9" s="274">
        <v>0</v>
      </c>
      <c r="CD9" s="275">
        <v>0</v>
      </c>
      <c r="CE9" s="276">
        <v>0</v>
      </c>
      <c r="CF9" s="274">
        <v>1511</v>
      </c>
      <c r="CG9" s="274">
        <v>27880</v>
      </c>
      <c r="CH9" s="274">
        <v>48988</v>
      </c>
      <c r="CI9" s="274">
        <v>73630</v>
      </c>
      <c r="CJ9" s="274">
        <v>12509</v>
      </c>
      <c r="CK9" s="277">
        <v>164518</v>
      </c>
      <c r="CL9" s="278">
        <v>164518</v>
      </c>
      <c r="CM9" s="273">
        <v>0</v>
      </c>
      <c r="CN9" s="274">
        <v>0</v>
      </c>
      <c r="CO9" s="275">
        <v>0</v>
      </c>
      <c r="CP9" s="276">
        <v>0</v>
      </c>
      <c r="CQ9" s="274">
        <v>0</v>
      </c>
      <c r="CR9" s="274">
        <v>0</v>
      </c>
      <c r="CS9" s="274">
        <v>0</v>
      </c>
      <c r="CT9" s="274">
        <v>0</v>
      </c>
      <c r="CU9" s="274">
        <v>0</v>
      </c>
      <c r="CV9" s="277">
        <v>0</v>
      </c>
      <c r="CW9" s="278">
        <v>0</v>
      </c>
      <c r="CX9" s="273">
        <v>0</v>
      </c>
      <c r="CY9" s="274">
        <v>0</v>
      </c>
      <c r="CZ9" s="275">
        <v>0</v>
      </c>
      <c r="DA9" s="279"/>
      <c r="DB9" s="274">
        <v>0</v>
      </c>
      <c r="DC9" s="274">
        <v>0</v>
      </c>
      <c r="DD9" s="274">
        <v>0</v>
      </c>
      <c r="DE9" s="274">
        <v>0</v>
      </c>
      <c r="DF9" s="274">
        <v>0</v>
      </c>
      <c r="DG9" s="277">
        <v>0</v>
      </c>
      <c r="DH9" s="278">
        <v>0</v>
      </c>
      <c r="DI9" s="273">
        <v>0</v>
      </c>
      <c r="DJ9" s="274">
        <v>9252</v>
      </c>
      <c r="DK9" s="275">
        <v>9252</v>
      </c>
      <c r="DL9" s="276">
        <v>0</v>
      </c>
      <c r="DM9" s="274">
        <v>1526524</v>
      </c>
      <c r="DN9" s="274">
        <v>3035258</v>
      </c>
      <c r="DO9" s="274">
        <v>14186733</v>
      </c>
      <c r="DP9" s="274">
        <v>19743564</v>
      </c>
      <c r="DQ9" s="274">
        <v>13071912</v>
      </c>
      <c r="DR9" s="277">
        <v>51563991</v>
      </c>
      <c r="DS9" s="280">
        <v>51573243</v>
      </c>
      <c r="DT9" s="273">
        <v>0</v>
      </c>
      <c r="DU9" s="274">
        <v>0</v>
      </c>
      <c r="DV9" s="275">
        <v>0</v>
      </c>
      <c r="DW9" s="279"/>
      <c r="DX9" s="274">
        <v>899386</v>
      </c>
      <c r="DY9" s="274">
        <v>1810730</v>
      </c>
      <c r="DZ9" s="274">
        <v>11222276</v>
      </c>
      <c r="EA9" s="274">
        <v>16490237</v>
      </c>
      <c r="EB9" s="274">
        <v>11288268</v>
      </c>
      <c r="EC9" s="277">
        <v>41710897</v>
      </c>
      <c r="ED9" s="278">
        <v>41710897</v>
      </c>
      <c r="EE9" s="273">
        <v>0</v>
      </c>
      <c r="EF9" s="274">
        <v>0</v>
      </c>
      <c r="EG9" s="275">
        <v>0</v>
      </c>
      <c r="EH9" s="279"/>
      <c r="EI9" s="274">
        <v>239526</v>
      </c>
      <c r="EJ9" s="274">
        <v>568470</v>
      </c>
      <c r="EK9" s="274">
        <v>704016</v>
      </c>
      <c r="EL9" s="274">
        <v>872437</v>
      </c>
      <c r="EM9" s="274">
        <v>564482</v>
      </c>
      <c r="EN9" s="277">
        <v>2948931</v>
      </c>
      <c r="EO9" s="278">
        <v>2948931</v>
      </c>
      <c r="EP9" s="273">
        <v>0</v>
      </c>
      <c r="EQ9" s="274">
        <v>0</v>
      </c>
      <c r="ER9" s="275">
        <v>0</v>
      </c>
      <c r="ES9" s="279"/>
      <c r="ET9" s="274">
        <v>0</v>
      </c>
      <c r="EU9" s="274">
        <v>0</v>
      </c>
      <c r="EV9" s="274">
        <v>11653</v>
      </c>
      <c r="EW9" s="274">
        <v>36660</v>
      </c>
      <c r="EX9" s="274">
        <v>59280</v>
      </c>
      <c r="EY9" s="277">
        <v>107593</v>
      </c>
      <c r="EZ9" s="278">
        <v>107593</v>
      </c>
      <c r="FA9" s="273">
        <v>0</v>
      </c>
      <c r="FB9" s="274">
        <v>0</v>
      </c>
      <c r="FC9" s="275">
        <v>0</v>
      </c>
      <c r="FD9" s="279"/>
      <c r="FE9" s="274">
        <v>0</v>
      </c>
      <c r="FF9" s="274">
        <v>0</v>
      </c>
      <c r="FG9" s="274">
        <v>630</v>
      </c>
      <c r="FH9" s="274">
        <v>25140</v>
      </c>
      <c r="FI9" s="274">
        <v>36463</v>
      </c>
      <c r="FJ9" s="277">
        <v>62233</v>
      </c>
      <c r="FK9" s="278">
        <v>62233</v>
      </c>
      <c r="FL9" s="273">
        <v>0</v>
      </c>
      <c r="FM9" s="274">
        <v>0</v>
      </c>
      <c r="FN9" s="275">
        <v>0</v>
      </c>
      <c r="FO9" s="279"/>
      <c r="FP9" s="274">
        <v>41760</v>
      </c>
      <c r="FQ9" s="274">
        <v>102990</v>
      </c>
      <c r="FR9" s="274">
        <v>688355</v>
      </c>
      <c r="FS9" s="274">
        <v>873324</v>
      </c>
      <c r="FT9" s="274">
        <v>543420</v>
      </c>
      <c r="FU9" s="277">
        <v>2249849</v>
      </c>
      <c r="FV9" s="278">
        <v>2249849</v>
      </c>
      <c r="FW9" s="273">
        <v>0</v>
      </c>
      <c r="FX9" s="274">
        <v>9252</v>
      </c>
      <c r="FY9" s="275">
        <v>9252</v>
      </c>
      <c r="FZ9" s="276">
        <v>0</v>
      </c>
      <c r="GA9" s="274">
        <v>341671</v>
      </c>
      <c r="GB9" s="274">
        <v>508935</v>
      </c>
      <c r="GC9" s="274">
        <v>1510163</v>
      </c>
      <c r="GD9" s="274">
        <v>1365042</v>
      </c>
      <c r="GE9" s="274">
        <v>559781</v>
      </c>
      <c r="GF9" s="277">
        <v>4285592</v>
      </c>
      <c r="GG9" s="278">
        <v>4294844</v>
      </c>
      <c r="GH9" s="273">
        <v>0</v>
      </c>
      <c r="GI9" s="274">
        <v>0</v>
      </c>
      <c r="GJ9" s="275">
        <v>0</v>
      </c>
      <c r="GK9" s="276">
        <v>0</v>
      </c>
      <c r="GL9" s="274">
        <v>4181</v>
      </c>
      <c r="GM9" s="274">
        <v>44133</v>
      </c>
      <c r="GN9" s="274">
        <v>49640</v>
      </c>
      <c r="GO9" s="274">
        <v>80724</v>
      </c>
      <c r="GP9" s="274">
        <v>20218</v>
      </c>
      <c r="GQ9" s="277">
        <v>198896</v>
      </c>
      <c r="GR9" s="278">
        <v>198896</v>
      </c>
      <c r="GS9" s="273">
        <v>0</v>
      </c>
      <c r="GT9" s="274">
        <v>0</v>
      </c>
      <c r="GU9" s="275">
        <v>0</v>
      </c>
      <c r="GV9" s="276">
        <v>0</v>
      </c>
      <c r="GW9" s="274">
        <v>0</v>
      </c>
      <c r="GX9" s="274">
        <v>0</v>
      </c>
      <c r="GY9" s="274">
        <v>0</v>
      </c>
      <c r="GZ9" s="274">
        <v>0</v>
      </c>
      <c r="HA9" s="274">
        <v>0</v>
      </c>
      <c r="HB9" s="277">
        <v>0</v>
      </c>
      <c r="HC9" s="278">
        <v>0</v>
      </c>
      <c r="HD9" s="273">
        <v>0</v>
      </c>
      <c r="HE9" s="274">
        <v>0</v>
      </c>
      <c r="HF9" s="275">
        <v>0</v>
      </c>
      <c r="HG9" s="279"/>
      <c r="HH9" s="274">
        <v>0</v>
      </c>
      <c r="HI9" s="274">
        <v>0</v>
      </c>
      <c r="HJ9" s="274">
        <v>0</v>
      </c>
      <c r="HK9" s="274">
        <v>0</v>
      </c>
      <c r="HL9" s="274">
        <v>0</v>
      </c>
      <c r="HM9" s="277">
        <v>0</v>
      </c>
      <c r="HN9" s="278">
        <v>0</v>
      </c>
      <c r="HO9" s="273">
        <v>0</v>
      </c>
      <c r="HP9" s="274">
        <v>15855</v>
      </c>
      <c r="HQ9" s="275">
        <v>15855</v>
      </c>
      <c r="HR9" s="276">
        <v>0</v>
      </c>
      <c r="HS9" s="274">
        <v>4213846</v>
      </c>
      <c r="HT9" s="274">
        <v>7614099</v>
      </c>
      <c r="HU9" s="274">
        <v>29278185</v>
      </c>
      <c r="HV9" s="274">
        <v>41569558</v>
      </c>
      <c r="HW9" s="274">
        <v>26704426</v>
      </c>
      <c r="HX9" s="277">
        <v>109380114</v>
      </c>
      <c r="HY9" s="278">
        <v>109395969</v>
      </c>
    </row>
    <row r="10" spans="2:233" ht="21" customHeight="1" x14ac:dyDescent="0.2">
      <c r="B10" s="472" t="s">
        <v>14</v>
      </c>
      <c r="C10" s="273">
        <v>0</v>
      </c>
      <c r="D10" s="274">
        <v>5955</v>
      </c>
      <c r="E10" s="275">
        <v>5955</v>
      </c>
      <c r="F10" s="276">
        <v>0</v>
      </c>
      <c r="G10" s="274">
        <v>750256</v>
      </c>
      <c r="H10" s="274">
        <v>1895214</v>
      </c>
      <c r="I10" s="274">
        <v>7973795</v>
      </c>
      <c r="J10" s="274">
        <v>13285460</v>
      </c>
      <c r="K10" s="274">
        <v>7715158</v>
      </c>
      <c r="L10" s="277">
        <v>31619883</v>
      </c>
      <c r="M10" s="278">
        <v>31625838</v>
      </c>
      <c r="N10" s="273">
        <v>0</v>
      </c>
      <c r="O10" s="274">
        <v>0</v>
      </c>
      <c r="P10" s="275">
        <v>0</v>
      </c>
      <c r="Q10" s="279"/>
      <c r="R10" s="274">
        <v>76650</v>
      </c>
      <c r="S10" s="274">
        <v>362500</v>
      </c>
      <c r="T10" s="274">
        <v>5545990</v>
      </c>
      <c r="U10" s="274">
        <v>9465491</v>
      </c>
      <c r="V10" s="274">
        <v>5812451</v>
      </c>
      <c r="W10" s="277">
        <v>21263082</v>
      </c>
      <c r="X10" s="278">
        <v>21263082</v>
      </c>
      <c r="Y10" s="273">
        <v>0</v>
      </c>
      <c r="Z10" s="274">
        <v>0</v>
      </c>
      <c r="AA10" s="275">
        <v>0</v>
      </c>
      <c r="AB10" s="279"/>
      <c r="AC10" s="274">
        <v>576065</v>
      </c>
      <c r="AD10" s="274">
        <v>1324977</v>
      </c>
      <c r="AE10" s="274">
        <v>1678747</v>
      </c>
      <c r="AF10" s="274">
        <v>2381374</v>
      </c>
      <c r="AG10" s="274">
        <v>957305</v>
      </c>
      <c r="AH10" s="277">
        <v>6918468</v>
      </c>
      <c r="AI10" s="278">
        <v>6918468</v>
      </c>
      <c r="AJ10" s="273">
        <v>0</v>
      </c>
      <c r="AK10" s="274">
        <v>0</v>
      </c>
      <c r="AL10" s="275">
        <v>0</v>
      </c>
      <c r="AM10" s="279"/>
      <c r="AN10" s="274">
        <v>0</v>
      </c>
      <c r="AO10" s="274">
        <v>0</v>
      </c>
      <c r="AP10" s="274">
        <v>31650</v>
      </c>
      <c r="AQ10" s="274">
        <v>162075</v>
      </c>
      <c r="AR10" s="274">
        <v>104175</v>
      </c>
      <c r="AS10" s="277">
        <v>297900</v>
      </c>
      <c r="AT10" s="278">
        <v>297900</v>
      </c>
      <c r="AU10" s="273">
        <v>0</v>
      </c>
      <c r="AV10" s="274">
        <v>0</v>
      </c>
      <c r="AW10" s="275">
        <v>0</v>
      </c>
      <c r="AX10" s="279"/>
      <c r="AY10" s="274">
        <v>0</v>
      </c>
      <c r="AZ10" s="274">
        <v>0</v>
      </c>
      <c r="BA10" s="274">
        <v>0</v>
      </c>
      <c r="BB10" s="274">
        <v>597300</v>
      </c>
      <c r="BC10" s="274">
        <v>394285</v>
      </c>
      <c r="BD10" s="277">
        <v>991585</v>
      </c>
      <c r="BE10" s="278">
        <v>991585</v>
      </c>
      <c r="BF10" s="273">
        <v>0</v>
      </c>
      <c r="BG10" s="274">
        <v>0</v>
      </c>
      <c r="BH10" s="275">
        <v>0</v>
      </c>
      <c r="BI10" s="279"/>
      <c r="BJ10" s="274">
        <v>0</v>
      </c>
      <c r="BK10" s="274">
        <v>22710</v>
      </c>
      <c r="BL10" s="274">
        <v>18365</v>
      </c>
      <c r="BM10" s="274">
        <v>126945</v>
      </c>
      <c r="BN10" s="274">
        <v>93440</v>
      </c>
      <c r="BO10" s="277">
        <v>261460</v>
      </c>
      <c r="BP10" s="278">
        <v>261460</v>
      </c>
      <c r="BQ10" s="273">
        <v>0</v>
      </c>
      <c r="BR10" s="274">
        <v>5955</v>
      </c>
      <c r="BS10" s="275">
        <v>5955</v>
      </c>
      <c r="BT10" s="276">
        <v>0</v>
      </c>
      <c r="BU10" s="274">
        <v>97541</v>
      </c>
      <c r="BV10" s="274">
        <v>174600</v>
      </c>
      <c r="BW10" s="274">
        <v>690874</v>
      </c>
      <c r="BX10" s="274">
        <v>552275</v>
      </c>
      <c r="BY10" s="274">
        <v>353502</v>
      </c>
      <c r="BZ10" s="277">
        <v>1868792</v>
      </c>
      <c r="CA10" s="278">
        <v>1874747</v>
      </c>
      <c r="CB10" s="273">
        <v>0</v>
      </c>
      <c r="CC10" s="274">
        <v>0</v>
      </c>
      <c r="CD10" s="275">
        <v>0</v>
      </c>
      <c r="CE10" s="276">
        <v>0</v>
      </c>
      <c r="CF10" s="274">
        <v>0</v>
      </c>
      <c r="CG10" s="274">
        <v>10427</v>
      </c>
      <c r="CH10" s="274">
        <v>8169</v>
      </c>
      <c r="CI10" s="274">
        <v>0</v>
      </c>
      <c r="CJ10" s="274">
        <v>0</v>
      </c>
      <c r="CK10" s="277">
        <v>18596</v>
      </c>
      <c r="CL10" s="278">
        <v>18596</v>
      </c>
      <c r="CM10" s="273">
        <v>0</v>
      </c>
      <c r="CN10" s="274">
        <v>0</v>
      </c>
      <c r="CO10" s="275">
        <v>0</v>
      </c>
      <c r="CP10" s="276">
        <v>0</v>
      </c>
      <c r="CQ10" s="274">
        <v>0</v>
      </c>
      <c r="CR10" s="274">
        <v>0</v>
      </c>
      <c r="CS10" s="274">
        <v>0</v>
      </c>
      <c r="CT10" s="274">
        <v>0</v>
      </c>
      <c r="CU10" s="274">
        <v>0</v>
      </c>
      <c r="CV10" s="277">
        <v>0</v>
      </c>
      <c r="CW10" s="278">
        <v>0</v>
      </c>
      <c r="CX10" s="273">
        <v>0</v>
      </c>
      <c r="CY10" s="274">
        <v>0</v>
      </c>
      <c r="CZ10" s="275">
        <v>0</v>
      </c>
      <c r="DA10" s="279"/>
      <c r="DB10" s="274">
        <v>0</v>
      </c>
      <c r="DC10" s="274">
        <v>0</v>
      </c>
      <c r="DD10" s="274">
        <v>0</v>
      </c>
      <c r="DE10" s="274">
        <v>0</v>
      </c>
      <c r="DF10" s="274">
        <v>0</v>
      </c>
      <c r="DG10" s="277">
        <v>0</v>
      </c>
      <c r="DH10" s="278">
        <v>0</v>
      </c>
      <c r="DI10" s="273">
        <v>0</v>
      </c>
      <c r="DJ10" s="274">
        <v>9887</v>
      </c>
      <c r="DK10" s="275">
        <v>9887</v>
      </c>
      <c r="DL10" s="276">
        <v>0</v>
      </c>
      <c r="DM10" s="274">
        <v>386274</v>
      </c>
      <c r="DN10" s="274">
        <v>1163880</v>
      </c>
      <c r="DO10" s="274">
        <v>9617205</v>
      </c>
      <c r="DP10" s="274">
        <v>14321860</v>
      </c>
      <c r="DQ10" s="274">
        <v>7877755</v>
      </c>
      <c r="DR10" s="277">
        <v>33366974</v>
      </c>
      <c r="DS10" s="280">
        <v>33376861</v>
      </c>
      <c r="DT10" s="273">
        <v>0</v>
      </c>
      <c r="DU10" s="274">
        <v>0</v>
      </c>
      <c r="DV10" s="275">
        <v>0</v>
      </c>
      <c r="DW10" s="279"/>
      <c r="DX10" s="274">
        <v>91740</v>
      </c>
      <c r="DY10" s="274">
        <v>597594</v>
      </c>
      <c r="DZ10" s="274">
        <v>8146524</v>
      </c>
      <c r="EA10" s="274">
        <v>12657435</v>
      </c>
      <c r="EB10" s="274">
        <v>7007119</v>
      </c>
      <c r="EC10" s="277">
        <v>28500412</v>
      </c>
      <c r="ED10" s="278">
        <v>28500412</v>
      </c>
      <c r="EE10" s="273">
        <v>0</v>
      </c>
      <c r="EF10" s="274">
        <v>0</v>
      </c>
      <c r="EG10" s="275">
        <v>0</v>
      </c>
      <c r="EH10" s="279"/>
      <c r="EI10" s="274">
        <v>94665</v>
      </c>
      <c r="EJ10" s="274">
        <v>187098</v>
      </c>
      <c r="EK10" s="274">
        <v>245737</v>
      </c>
      <c r="EL10" s="274">
        <v>492353</v>
      </c>
      <c r="EM10" s="274">
        <v>100002</v>
      </c>
      <c r="EN10" s="277">
        <v>1119855</v>
      </c>
      <c r="EO10" s="278">
        <v>1119855</v>
      </c>
      <c r="EP10" s="273">
        <v>0</v>
      </c>
      <c r="EQ10" s="274">
        <v>0</v>
      </c>
      <c r="ER10" s="275">
        <v>0</v>
      </c>
      <c r="ES10" s="279"/>
      <c r="ET10" s="274">
        <v>0</v>
      </c>
      <c r="EU10" s="274">
        <v>0</v>
      </c>
      <c r="EV10" s="274">
        <v>210</v>
      </c>
      <c r="EW10" s="274">
        <v>22620</v>
      </c>
      <c r="EX10" s="274">
        <v>22312</v>
      </c>
      <c r="EY10" s="277">
        <v>45142</v>
      </c>
      <c r="EZ10" s="278">
        <v>45142</v>
      </c>
      <c r="FA10" s="273">
        <v>0</v>
      </c>
      <c r="FB10" s="274">
        <v>0</v>
      </c>
      <c r="FC10" s="275">
        <v>0</v>
      </c>
      <c r="FD10" s="279"/>
      <c r="FE10" s="274">
        <v>0</v>
      </c>
      <c r="FF10" s="274">
        <v>0</v>
      </c>
      <c r="FG10" s="274">
        <v>0</v>
      </c>
      <c r="FH10" s="274">
        <v>84413</v>
      </c>
      <c r="FI10" s="274">
        <v>82454</v>
      </c>
      <c r="FJ10" s="277">
        <v>166867</v>
      </c>
      <c r="FK10" s="278">
        <v>166867</v>
      </c>
      <c r="FL10" s="273">
        <v>0</v>
      </c>
      <c r="FM10" s="274">
        <v>0</v>
      </c>
      <c r="FN10" s="275">
        <v>0</v>
      </c>
      <c r="FO10" s="279"/>
      <c r="FP10" s="274">
        <v>0</v>
      </c>
      <c r="FQ10" s="274">
        <v>20184</v>
      </c>
      <c r="FR10" s="274">
        <v>72384</v>
      </c>
      <c r="FS10" s="274">
        <v>251477</v>
      </c>
      <c r="FT10" s="274">
        <v>148416</v>
      </c>
      <c r="FU10" s="277">
        <v>492461</v>
      </c>
      <c r="FV10" s="278">
        <v>492461</v>
      </c>
      <c r="FW10" s="273">
        <v>0</v>
      </c>
      <c r="FX10" s="274">
        <v>9887</v>
      </c>
      <c r="FY10" s="275">
        <v>9887</v>
      </c>
      <c r="FZ10" s="276">
        <v>0</v>
      </c>
      <c r="GA10" s="274">
        <v>199869</v>
      </c>
      <c r="GB10" s="274">
        <v>358899</v>
      </c>
      <c r="GC10" s="274">
        <v>1147998</v>
      </c>
      <c r="GD10" s="274">
        <v>813562</v>
      </c>
      <c r="GE10" s="274">
        <v>517452</v>
      </c>
      <c r="GF10" s="277">
        <v>3037780</v>
      </c>
      <c r="GG10" s="278">
        <v>3047667</v>
      </c>
      <c r="GH10" s="273">
        <v>0</v>
      </c>
      <c r="GI10" s="274">
        <v>0</v>
      </c>
      <c r="GJ10" s="275">
        <v>0</v>
      </c>
      <c r="GK10" s="276">
        <v>0</v>
      </c>
      <c r="GL10" s="274">
        <v>0</v>
      </c>
      <c r="GM10" s="274">
        <v>105</v>
      </c>
      <c r="GN10" s="274">
        <v>4352</v>
      </c>
      <c r="GO10" s="274">
        <v>0</v>
      </c>
      <c r="GP10" s="274">
        <v>0</v>
      </c>
      <c r="GQ10" s="277">
        <v>4457</v>
      </c>
      <c r="GR10" s="278">
        <v>4457</v>
      </c>
      <c r="GS10" s="273">
        <v>0</v>
      </c>
      <c r="GT10" s="274">
        <v>0</v>
      </c>
      <c r="GU10" s="275">
        <v>0</v>
      </c>
      <c r="GV10" s="276">
        <v>0</v>
      </c>
      <c r="GW10" s="274">
        <v>0</v>
      </c>
      <c r="GX10" s="274">
        <v>0</v>
      </c>
      <c r="GY10" s="274">
        <v>0</v>
      </c>
      <c r="GZ10" s="274">
        <v>0</v>
      </c>
      <c r="HA10" s="274">
        <v>0</v>
      </c>
      <c r="HB10" s="277">
        <v>0</v>
      </c>
      <c r="HC10" s="278">
        <v>0</v>
      </c>
      <c r="HD10" s="273">
        <v>0</v>
      </c>
      <c r="HE10" s="274">
        <v>0</v>
      </c>
      <c r="HF10" s="275">
        <v>0</v>
      </c>
      <c r="HG10" s="279"/>
      <c r="HH10" s="274">
        <v>0</v>
      </c>
      <c r="HI10" s="274">
        <v>0</v>
      </c>
      <c r="HJ10" s="274">
        <v>0</v>
      </c>
      <c r="HK10" s="274">
        <v>0</v>
      </c>
      <c r="HL10" s="274">
        <v>0</v>
      </c>
      <c r="HM10" s="277">
        <v>0</v>
      </c>
      <c r="HN10" s="278">
        <v>0</v>
      </c>
      <c r="HO10" s="273">
        <v>0</v>
      </c>
      <c r="HP10" s="274">
        <v>15842</v>
      </c>
      <c r="HQ10" s="275">
        <v>15842</v>
      </c>
      <c r="HR10" s="276">
        <v>0</v>
      </c>
      <c r="HS10" s="274">
        <v>1136530</v>
      </c>
      <c r="HT10" s="274">
        <v>3059094</v>
      </c>
      <c r="HU10" s="274">
        <v>17591000</v>
      </c>
      <c r="HV10" s="274">
        <v>27607320</v>
      </c>
      <c r="HW10" s="274">
        <v>15592913</v>
      </c>
      <c r="HX10" s="277">
        <v>64986857</v>
      </c>
      <c r="HY10" s="278">
        <v>65002699</v>
      </c>
    </row>
    <row r="11" spans="2:233" ht="21" customHeight="1" x14ac:dyDescent="0.2">
      <c r="B11" s="472" t="s">
        <v>7</v>
      </c>
      <c r="C11" s="273">
        <v>435</v>
      </c>
      <c r="D11" s="274">
        <v>590</v>
      </c>
      <c r="E11" s="275">
        <v>1025</v>
      </c>
      <c r="F11" s="276">
        <v>0</v>
      </c>
      <c r="G11" s="274">
        <v>1499874</v>
      </c>
      <c r="H11" s="274">
        <v>2016297</v>
      </c>
      <c r="I11" s="274">
        <v>7109160</v>
      </c>
      <c r="J11" s="274">
        <v>8360359</v>
      </c>
      <c r="K11" s="274">
        <v>4462598</v>
      </c>
      <c r="L11" s="277">
        <v>23448288</v>
      </c>
      <c r="M11" s="278">
        <v>23449313</v>
      </c>
      <c r="N11" s="273">
        <v>0</v>
      </c>
      <c r="O11" s="274">
        <v>0</v>
      </c>
      <c r="P11" s="275">
        <v>0</v>
      </c>
      <c r="Q11" s="279"/>
      <c r="R11" s="274">
        <v>163800</v>
      </c>
      <c r="S11" s="274">
        <v>426275</v>
      </c>
      <c r="T11" s="274">
        <v>5005496</v>
      </c>
      <c r="U11" s="274">
        <v>6451569</v>
      </c>
      <c r="V11" s="274">
        <v>3751450</v>
      </c>
      <c r="W11" s="277">
        <v>15798590</v>
      </c>
      <c r="X11" s="278">
        <v>15798590</v>
      </c>
      <c r="Y11" s="273">
        <v>0</v>
      </c>
      <c r="Z11" s="274">
        <v>0</v>
      </c>
      <c r="AA11" s="275">
        <v>0</v>
      </c>
      <c r="AB11" s="279"/>
      <c r="AC11" s="274">
        <v>1121560</v>
      </c>
      <c r="AD11" s="274">
        <v>1337144</v>
      </c>
      <c r="AE11" s="274">
        <v>1794375</v>
      </c>
      <c r="AF11" s="274">
        <v>1639376</v>
      </c>
      <c r="AG11" s="274">
        <v>564895</v>
      </c>
      <c r="AH11" s="277">
        <v>6457350</v>
      </c>
      <c r="AI11" s="278">
        <v>6457350</v>
      </c>
      <c r="AJ11" s="273">
        <v>0</v>
      </c>
      <c r="AK11" s="274">
        <v>0</v>
      </c>
      <c r="AL11" s="275">
        <v>0</v>
      </c>
      <c r="AM11" s="279"/>
      <c r="AN11" s="274">
        <v>0</v>
      </c>
      <c r="AO11" s="274">
        <v>0</v>
      </c>
      <c r="AP11" s="274">
        <v>0</v>
      </c>
      <c r="AQ11" s="274">
        <v>0</v>
      </c>
      <c r="AR11" s="274">
        <v>2550</v>
      </c>
      <c r="AS11" s="277">
        <v>2550</v>
      </c>
      <c r="AT11" s="278">
        <v>2550</v>
      </c>
      <c r="AU11" s="273">
        <v>0</v>
      </c>
      <c r="AV11" s="274">
        <v>0</v>
      </c>
      <c r="AW11" s="275">
        <v>0</v>
      </c>
      <c r="AX11" s="279"/>
      <c r="AY11" s="274">
        <v>0</v>
      </c>
      <c r="AZ11" s="274">
        <v>0</v>
      </c>
      <c r="BA11" s="274">
        <v>0</v>
      </c>
      <c r="BB11" s="274">
        <v>34200</v>
      </c>
      <c r="BC11" s="274">
        <v>0</v>
      </c>
      <c r="BD11" s="277">
        <v>34200</v>
      </c>
      <c r="BE11" s="278">
        <v>34200</v>
      </c>
      <c r="BF11" s="273">
        <v>0</v>
      </c>
      <c r="BG11" s="274">
        <v>0</v>
      </c>
      <c r="BH11" s="275">
        <v>0</v>
      </c>
      <c r="BI11" s="279"/>
      <c r="BJ11" s="274">
        <v>0</v>
      </c>
      <c r="BK11" s="274">
        <v>0</v>
      </c>
      <c r="BL11" s="274">
        <v>0</v>
      </c>
      <c r="BM11" s="274">
        <v>0</v>
      </c>
      <c r="BN11" s="274">
        <v>0</v>
      </c>
      <c r="BO11" s="277">
        <v>0</v>
      </c>
      <c r="BP11" s="278">
        <v>0</v>
      </c>
      <c r="BQ11" s="273">
        <v>435</v>
      </c>
      <c r="BR11" s="274">
        <v>590</v>
      </c>
      <c r="BS11" s="275">
        <v>1025</v>
      </c>
      <c r="BT11" s="276">
        <v>0</v>
      </c>
      <c r="BU11" s="274">
        <v>213179</v>
      </c>
      <c r="BV11" s="274">
        <v>251638</v>
      </c>
      <c r="BW11" s="274">
        <v>307259</v>
      </c>
      <c r="BX11" s="274">
        <v>235214</v>
      </c>
      <c r="BY11" s="274">
        <v>95575</v>
      </c>
      <c r="BZ11" s="277">
        <v>1102865</v>
      </c>
      <c r="CA11" s="278">
        <v>1103890</v>
      </c>
      <c r="CB11" s="273">
        <v>0</v>
      </c>
      <c r="CC11" s="274">
        <v>0</v>
      </c>
      <c r="CD11" s="275">
        <v>0</v>
      </c>
      <c r="CE11" s="276">
        <v>0</v>
      </c>
      <c r="CF11" s="274">
        <v>1335</v>
      </c>
      <c r="CG11" s="274">
        <v>1240</v>
      </c>
      <c r="CH11" s="274">
        <v>2030</v>
      </c>
      <c r="CI11" s="274">
        <v>0</v>
      </c>
      <c r="CJ11" s="274">
        <v>48128</v>
      </c>
      <c r="CK11" s="277">
        <v>52733</v>
      </c>
      <c r="CL11" s="278">
        <v>52733</v>
      </c>
      <c r="CM11" s="273">
        <v>0</v>
      </c>
      <c r="CN11" s="274">
        <v>0</v>
      </c>
      <c r="CO11" s="275">
        <v>0</v>
      </c>
      <c r="CP11" s="276">
        <v>0</v>
      </c>
      <c r="CQ11" s="274">
        <v>0</v>
      </c>
      <c r="CR11" s="274">
        <v>0</v>
      </c>
      <c r="CS11" s="274">
        <v>0</v>
      </c>
      <c r="CT11" s="274">
        <v>0</v>
      </c>
      <c r="CU11" s="274">
        <v>0</v>
      </c>
      <c r="CV11" s="277">
        <v>0</v>
      </c>
      <c r="CW11" s="278">
        <v>0</v>
      </c>
      <c r="CX11" s="273">
        <v>0</v>
      </c>
      <c r="CY11" s="274">
        <v>0</v>
      </c>
      <c r="CZ11" s="275">
        <v>0</v>
      </c>
      <c r="DA11" s="279"/>
      <c r="DB11" s="274">
        <v>0</v>
      </c>
      <c r="DC11" s="274">
        <v>0</v>
      </c>
      <c r="DD11" s="274">
        <v>0</v>
      </c>
      <c r="DE11" s="274">
        <v>0</v>
      </c>
      <c r="DF11" s="274">
        <v>0</v>
      </c>
      <c r="DG11" s="277">
        <v>0</v>
      </c>
      <c r="DH11" s="278">
        <v>0</v>
      </c>
      <c r="DI11" s="273">
        <v>3480</v>
      </c>
      <c r="DJ11" s="274">
        <v>2457</v>
      </c>
      <c r="DK11" s="275">
        <v>5937</v>
      </c>
      <c r="DL11" s="276">
        <v>0</v>
      </c>
      <c r="DM11" s="274">
        <v>597907</v>
      </c>
      <c r="DN11" s="274">
        <v>1172341</v>
      </c>
      <c r="DO11" s="274">
        <v>7022928</v>
      </c>
      <c r="DP11" s="274">
        <v>8600405</v>
      </c>
      <c r="DQ11" s="274">
        <v>4650672</v>
      </c>
      <c r="DR11" s="277">
        <v>22044253</v>
      </c>
      <c r="DS11" s="280">
        <v>22050190</v>
      </c>
      <c r="DT11" s="273">
        <v>0</v>
      </c>
      <c r="DU11" s="274">
        <v>0</v>
      </c>
      <c r="DV11" s="275">
        <v>0</v>
      </c>
      <c r="DW11" s="279"/>
      <c r="DX11" s="274">
        <v>170730</v>
      </c>
      <c r="DY11" s="274">
        <v>572579</v>
      </c>
      <c r="DZ11" s="274">
        <v>6230328</v>
      </c>
      <c r="EA11" s="274">
        <v>7904186</v>
      </c>
      <c r="EB11" s="274">
        <v>4459035</v>
      </c>
      <c r="EC11" s="277">
        <v>19336858</v>
      </c>
      <c r="ED11" s="278">
        <v>19336858</v>
      </c>
      <c r="EE11" s="273">
        <v>0</v>
      </c>
      <c r="EF11" s="274">
        <v>0</v>
      </c>
      <c r="EG11" s="275">
        <v>0</v>
      </c>
      <c r="EH11" s="279"/>
      <c r="EI11" s="274">
        <v>94209</v>
      </c>
      <c r="EJ11" s="274">
        <v>166131</v>
      </c>
      <c r="EK11" s="274">
        <v>261803</v>
      </c>
      <c r="EL11" s="274">
        <v>306185</v>
      </c>
      <c r="EM11" s="274">
        <v>49931</v>
      </c>
      <c r="EN11" s="277">
        <v>878259</v>
      </c>
      <c r="EO11" s="278">
        <v>878259</v>
      </c>
      <c r="EP11" s="273">
        <v>0</v>
      </c>
      <c r="EQ11" s="274">
        <v>0</v>
      </c>
      <c r="ER11" s="275">
        <v>0</v>
      </c>
      <c r="ES11" s="279"/>
      <c r="ET11" s="274">
        <v>0</v>
      </c>
      <c r="EU11" s="274">
        <v>0</v>
      </c>
      <c r="EV11" s="274">
        <v>0</v>
      </c>
      <c r="EW11" s="274">
        <v>0</v>
      </c>
      <c r="EX11" s="274">
        <v>210</v>
      </c>
      <c r="EY11" s="277">
        <v>210</v>
      </c>
      <c r="EZ11" s="278">
        <v>210</v>
      </c>
      <c r="FA11" s="273">
        <v>0</v>
      </c>
      <c r="FB11" s="274">
        <v>0</v>
      </c>
      <c r="FC11" s="275">
        <v>0</v>
      </c>
      <c r="FD11" s="279"/>
      <c r="FE11" s="274">
        <v>0</v>
      </c>
      <c r="FF11" s="274">
        <v>0</v>
      </c>
      <c r="FG11" s="274">
        <v>0</v>
      </c>
      <c r="FH11" s="274">
        <v>420</v>
      </c>
      <c r="FI11" s="274">
        <v>0</v>
      </c>
      <c r="FJ11" s="277">
        <v>420</v>
      </c>
      <c r="FK11" s="278">
        <v>420</v>
      </c>
      <c r="FL11" s="273">
        <v>0</v>
      </c>
      <c r="FM11" s="274">
        <v>0</v>
      </c>
      <c r="FN11" s="275">
        <v>0</v>
      </c>
      <c r="FO11" s="279"/>
      <c r="FP11" s="274">
        <v>0</v>
      </c>
      <c r="FQ11" s="274">
        <v>0</v>
      </c>
      <c r="FR11" s="274">
        <v>0</v>
      </c>
      <c r="FS11" s="274">
        <v>0</v>
      </c>
      <c r="FT11" s="274">
        <v>0</v>
      </c>
      <c r="FU11" s="277">
        <v>0</v>
      </c>
      <c r="FV11" s="278">
        <v>0</v>
      </c>
      <c r="FW11" s="273">
        <v>3480</v>
      </c>
      <c r="FX11" s="274">
        <v>2457</v>
      </c>
      <c r="FY11" s="275">
        <v>5937</v>
      </c>
      <c r="FZ11" s="276">
        <v>0</v>
      </c>
      <c r="GA11" s="274">
        <v>332940</v>
      </c>
      <c r="GB11" s="274">
        <v>433540</v>
      </c>
      <c r="GC11" s="274">
        <v>530699</v>
      </c>
      <c r="GD11" s="274">
        <v>389614</v>
      </c>
      <c r="GE11" s="274">
        <v>141097</v>
      </c>
      <c r="GF11" s="277">
        <v>1827890</v>
      </c>
      <c r="GG11" s="278">
        <v>1833827</v>
      </c>
      <c r="GH11" s="273">
        <v>0</v>
      </c>
      <c r="GI11" s="274">
        <v>0</v>
      </c>
      <c r="GJ11" s="275">
        <v>0</v>
      </c>
      <c r="GK11" s="276">
        <v>0</v>
      </c>
      <c r="GL11" s="274">
        <v>28</v>
      </c>
      <c r="GM11" s="274">
        <v>91</v>
      </c>
      <c r="GN11" s="274">
        <v>98</v>
      </c>
      <c r="GO11" s="274">
        <v>0</v>
      </c>
      <c r="GP11" s="274">
        <v>399</v>
      </c>
      <c r="GQ11" s="277">
        <v>616</v>
      </c>
      <c r="GR11" s="278">
        <v>616</v>
      </c>
      <c r="GS11" s="273">
        <v>0</v>
      </c>
      <c r="GT11" s="274">
        <v>0</v>
      </c>
      <c r="GU11" s="275">
        <v>0</v>
      </c>
      <c r="GV11" s="276">
        <v>0</v>
      </c>
      <c r="GW11" s="274">
        <v>0</v>
      </c>
      <c r="GX11" s="274">
        <v>0</v>
      </c>
      <c r="GY11" s="274">
        <v>0</v>
      </c>
      <c r="GZ11" s="274">
        <v>0</v>
      </c>
      <c r="HA11" s="274">
        <v>0</v>
      </c>
      <c r="HB11" s="277">
        <v>0</v>
      </c>
      <c r="HC11" s="278">
        <v>0</v>
      </c>
      <c r="HD11" s="273">
        <v>0</v>
      </c>
      <c r="HE11" s="274">
        <v>0</v>
      </c>
      <c r="HF11" s="275">
        <v>0</v>
      </c>
      <c r="HG11" s="279"/>
      <c r="HH11" s="274">
        <v>0</v>
      </c>
      <c r="HI11" s="274">
        <v>0</v>
      </c>
      <c r="HJ11" s="274">
        <v>0</v>
      </c>
      <c r="HK11" s="274">
        <v>0</v>
      </c>
      <c r="HL11" s="274">
        <v>0</v>
      </c>
      <c r="HM11" s="277">
        <v>0</v>
      </c>
      <c r="HN11" s="278">
        <v>0</v>
      </c>
      <c r="HO11" s="273">
        <v>3915</v>
      </c>
      <c r="HP11" s="274">
        <v>3047</v>
      </c>
      <c r="HQ11" s="275">
        <v>6962</v>
      </c>
      <c r="HR11" s="276">
        <v>0</v>
      </c>
      <c r="HS11" s="274">
        <v>2097781</v>
      </c>
      <c r="HT11" s="274">
        <v>3188638</v>
      </c>
      <c r="HU11" s="274">
        <v>14132088</v>
      </c>
      <c r="HV11" s="274">
        <v>16960764</v>
      </c>
      <c r="HW11" s="274">
        <v>9113270</v>
      </c>
      <c r="HX11" s="277">
        <v>45492541</v>
      </c>
      <c r="HY11" s="278">
        <v>45499503</v>
      </c>
    </row>
    <row r="12" spans="2:233" ht="21" customHeight="1" x14ac:dyDescent="0.2">
      <c r="B12" s="472" t="s">
        <v>8</v>
      </c>
      <c r="C12" s="273">
        <v>1335</v>
      </c>
      <c r="D12" s="274">
        <v>8145</v>
      </c>
      <c r="E12" s="275">
        <v>9480</v>
      </c>
      <c r="F12" s="276">
        <v>0</v>
      </c>
      <c r="G12" s="274">
        <v>562595</v>
      </c>
      <c r="H12" s="274">
        <v>1366643</v>
      </c>
      <c r="I12" s="274">
        <v>4752621</v>
      </c>
      <c r="J12" s="274">
        <v>4658196</v>
      </c>
      <c r="K12" s="274">
        <v>2628311</v>
      </c>
      <c r="L12" s="277">
        <v>13968366</v>
      </c>
      <c r="M12" s="278">
        <v>13977846</v>
      </c>
      <c r="N12" s="273">
        <v>0</v>
      </c>
      <c r="O12" s="274">
        <v>0</v>
      </c>
      <c r="P12" s="275">
        <v>0</v>
      </c>
      <c r="Q12" s="279"/>
      <c r="R12" s="274">
        <v>205356</v>
      </c>
      <c r="S12" s="274">
        <v>356400</v>
      </c>
      <c r="T12" s="274">
        <v>3344723</v>
      </c>
      <c r="U12" s="274">
        <v>3426775</v>
      </c>
      <c r="V12" s="274">
        <v>2038475</v>
      </c>
      <c r="W12" s="277">
        <v>9371729</v>
      </c>
      <c r="X12" s="278">
        <v>9371729</v>
      </c>
      <c r="Y12" s="273">
        <v>0</v>
      </c>
      <c r="Z12" s="274">
        <v>0</v>
      </c>
      <c r="AA12" s="275">
        <v>0</v>
      </c>
      <c r="AB12" s="279"/>
      <c r="AC12" s="274">
        <v>239779</v>
      </c>
      <c r="AD12" s="274">
        <v>776130</v>
      </c>
      <c r="AE12" s="274">
        <v>1022015</v>
      </c>
      <c r="AF12" s="274">
        <v>718785</v>
      </c>
      <c r="AG12" s="274">
        <v>329515</v>
      </c>
      <c r="AH12" s="277">
        <v>3086224</v>
      </c>
      <c r="AI12" s="278">
        <v>3086224</v>
      </c>
      <c r="AJ12" s="273">
        <v>0</v>
      </c>
      <c r="AK12" s="274">
        <v>0</v>
      </c>
      <c r="AL12" s="275">
        <v>0</v>
      </c>
      <c r="AM12" s="279"/>
      <c r="AN12" s="274">
        <v>0</v>
      </c>
      <c r="AO12" s="274">
        <v>0</v>
      </c>
      <c r="AP12" s="274">
        <v>0</v>
      </c>
      <c r="AQ12" s="274">
        <v>0</v>
      </c>
      <c r="AR12" s="274">
        <v>0</v>
      </c>
      <c r="AS12" s="277">
        <v>0</v>
      </c>
      <c r="AT12" s="278">
        <v>0</v>
      </c>
      <c r="AU12" s="273">
        <v>0</v>
      </c>
      <c r="AV12" s="274">
        <v>0</v>
      </c>
      <c r="AW12" s="275">
        <v>0</v>
      </c>
      <c r="AX12" s="279"/>
      <c r="AY12" s="274">
        <v>34350</v>
      </c>
      <c r="AZ12" s="274">
        <v>0</v>
      </c>
      <c r="BA12" s="274">
        <v>31650</v>
      </c>
      <c r="BB12" s="274">
        <v>2550</v>
      </c>
      <c r="BC12" s="274">
        <v>67495</v>
      </c>
      <c r="BD12" s="277">
        <v>136045</v>
      </c>
      <c r="BE12" s="278">
        <v>136045</v>
      </c>
      <c r="BF12" s="273">
        <v>0</v>
      </c>
      <c r="BG12" s="274">
        <v>0</v>
      </c>
      <c r="BH12" s="275">
        <v>0</v>
      </c>
      <c r="BI12" s="279"/>
      <c r="BJ12" s="274">
        <v>0</v>
      </c>
      <c r="BK12" s="274">
        <v>2550</v>
      </c>
      <c r="BL12" s="274">
        <v>46100</v>
      </c>
      <c r="BM12" s="274">
        <v>212195</v>
      </c>
      <c r="BN12" s="274">
        <v>46710</v>
      </c>
      <c r="BO12" s="277">
        <v>307555</v>
      </c>
      <c r="BP12" s="278">
        <v>307555</v>
      </c>
      <c r="BQ12" s="273">
        <v>1335</v>
      </c>
      <c r="BR12" s="274">
        <v>8145</v>
      </c>
      <c r="BS12" s="275">
        <v>9480</v>
      </c>
      <c r="BT12" s="276">
        <v>0</v>
      </c>
      <c r="BU12" s="274">
        <v>83110</v>
      </c>
      <c r="BV12" s="274">
        <v>231563</v>
      </c>
      <c r="BW12" s="274">
        <v>307743</v>
      </c>
      <c r="BX12" s="274">
        <v>297891</v>
      </c>
      <c r="BY12" s="274">
        <v>146116</v>
      </c>
      <c r="BZ12" s="277">
        <v>1066423</v>
      </c>
      <c r="CA12" s="278">
        <v>1075903</v>
      </c>
      <c r="CB12" s="273">
        <v>0</v>
      </c>
      <c r="CC12" s="274">
        <v>0</v>
      </c>
      <c r="CD12" s="275">
        <v>0</v>
      </c>
      <c r="CE12" s="276">
        <v>0</v>
      </c>
      <c r="CF12" s="274">
        <v>0</v>
      </c>
      <c r="CG12" s="274">
        <v>0</v>
      </c>
      <c r="CH12" s="274">
        <v>390</v>
      </c>
      <c r="CI12" s="274">
        <v>0</v>
      </c>
      <c r="CJ12" s="274">
        <v>0</v>
      </c>
      <c r="CK12" s="277">
        <v>390</v>
      </c>
      <c r="CL12" s="278">
        <v>390</v>
      </c>
      <c r="CM12" s="273">
        <v>0</v>
      </c>
      <c r="CN12" s="274">
        <v>0</v>
      </c>
      <c r="CO12" s="275">
        <v>0</v>
      </c>
      <c r="CP12" s="276">
        <v>0</v>
      </c>
      <c r="CQ12" s="274">
        <v>0</v>
      </c>
      <c r="CR12" s="274">
        <v>0</v>
      </c>
      <c r="CS12" s="274">
        <v>0</v>
      </c>
      <c r="CT12" s="274">
        <v>0</v>
      </c>
      <c r="CU12" s="274">
        <v>0</v>
      </c>
      <c r="CV12" s="277">
        <v>0</v>
      </c>
      <c r="CW12" s="278">
        <v>0</v>
      </c>
      <c r="CX12" s="273">
        <v>0</v>
      </c>
      <c r="CY12" s="274">
        <v>0</v>
      </c>
      <c r="CZ12" s="275">
        <v>0</v>
      </c>
      <c r="DA12" s="279"/>
      <c r="DB12" s="274">
        <v>0</v>
      </c>
      <c r="DC12" s="274">
        <v>0</v>
      </c>
      <c r="DD12" s="274">
        <v>0</v>
      </c>
      <c r="DE12" s="274">
        <v>0</v>
      </c>
      <c r="DF12" s="274">
        <v>0</v>
      </c>
      <c r="DG12" s="277">
        <v>0</v>
      </c>
      <c r="DH12" s="278">
        <v>0</v>
      </c>
      <c r="DI12" s="273">
        <v>2088</v>
      </c>
      <c r="DJ12" s="274">
        <v>13481</v>
      </c>
      <c r="DK12" s="275">
        <v>15569</v>
      </c>
      <c r="DL12" s="276">
        <v>0</v>
      </c>
      <c r="DM12" s="274">
        <v>428683</v>
      </c>
      <c r="DN12" s="274">
        <v>1215836</v>
      </c>
      <c r="DO12" s="274">
        <v>5681100</v>
      </c>
      <c r="DP12" s="274">
        <v>5672622</v>
      </c>
      <c r="DQ12" s="274">
        <v>3088555</v>
      </c>
      <c r="DR12" s="277">
        <v>16086796</v>
      </c>
      <c r="DS12" s="280">
        <v>16102365</v>
      </c>
      <c r="DT12" s="273">
        <v>0</v>
      </c>
      <c r="DU12" s="274">
        <v>0</v>
      </c>
      <c r="DV12" s="275">
        <v>0</v>
      </c>
      <c r="DW12" s="279"/>
      <c r="DX12" s="274">
        <v>263040</v>
      </c>
      <c r="DY12" s="274">
        <v>773160</v>
      </c>
      <c r="DZ12" s="274">
        <v>4654322</v>
      </c>
      <c r="EA12" s="274">
        <v>4755125</v>
      </c>
      <c r="EB12" s="274">
        <v>2683961</v>
      </c>
      <c r="EC12" s="277">
        <v>13129608</v>
      </c>
      <c r="ED12" s="278">
        <v>13129608</v>
      </c>
      <c r="EE12" s="273">
        <v>0</v>
      </c>
      <c r="EF12" s="274">
        <v>0</v>
      </c>
      <c r="EG12" s="275">
        <v>0</v>
      </c>
      <c r="EH12" s="279"/>
      <c r="EI12" s="274">
        <v>41749</v>
      </c>
      <c r="EJ12" s="274">
        <v>82259</v>
      </c>
      <c r="EK12" s="274">
        <v>163474</v>
      </c>
      <c r="EL12" s="274">
        <v>39572</v>
      </c>
      <c r="EM12" s="274">
        <v>26640</v>
      </c>
      <c r="EN12" s="277">
        <v>353694</v>
      </c>
      <c r="EO12" s="278">
        <v>353694</v>
      </c>
      <c r="EP12" s="273">
        <v>0</v>
      </c>
      <c r="EQ12" s="274">
        <v>0</v>
      </c>
      <c r="ER12" s="275">
        <v>0</v>
      </c>
      <c r="ES12" s="279"/>
      <c r="ET12" s="274">
        <v>0</v>
      </c>
      <c r="EU12" s="274">
        <v>0</v>
      </c>
      <c r="EV12" s="274">
        <v>0</v>
      </c>
      <c r="EW12" s="274">
        <v>0</v>
      </c>
      <c r="EX12" s="274">
        <v>0</v>
      </c>
      <c r="EY12" s="277">
        <v>0</v>
      </c>
      <c r="EZ12" s="278">
        <v>0</v>
      </c>
      <c r="FA12" s="273">
        <v>0</v>
      </c>
      <c r="FB12" s="274">
        <v>0</v>
      </c>
      <c r="FC12" s="275">
        <v>0</v>
      </c>
      <c r="FD12" s="279"/>
      <c r="FE12" s="274">
        <v>11310</v>
      </c>
      <c r="FF12" s="274">
        <v>0</v>
      </c>
      <c r="FG12" s="274">
        <v>210</v>
      </c>
      <c r="FH12" s="274">
        <v>210</v>
      </c>
      <c r="FI12" s="274">
        <v>11730</v>
      </c>
      <c r="FJ12" s="277">
        <v>23460</v>
      </c>
      <c r="FK12" s="278">
        <v>23460</v>
      </c>
      <c r="FL12" s="273">
        <v>0</v>
      </c>
      <c r="FM12" s="274">
        <v>0</v>
      </c>
      <c r="FN12" s="275">
        <v>0</v>
      </c>
      <c r="FO12" s="279"/>
      <c r="FP12" s="274">
        <v>0</v>
      </c>
      <c r="FQ12" s="274">
        <v>20880</v>
      </c>
      <c r="FR12" s="274">
        <v>153900</v>
      </c>
      <c r="FS12" s="274">
        <v>359890</v>
      </c>
      <c r="FT12" s="274">
        <v>129924</v>
      </c>
      <c r="FU12" s="277">
        <v>664594</v>
      </c>
      <c r="FV12" s="278">
        <v>664594</v>
      </c>
      <c r="FW12" s="273">
        <v>2088</v>
      </c>
      <c r="FX12" s="274">
        <v>13481</v>
      </c>
      <c r="FY12" s="275">
        <v>15569</v>
      </c>
      <c r="FZ12" s="276">
        <v>0</v>
      </c>
      <c r="GA12" s="274">
        <v>112584</v>
      </c>
      <c r="GB12" s="274">
        <v>339537</v>
      </c>
      <c r="GC12" s="274">
        <v>707404</v>
      </c>
      <c r="GD12" s="274">
        <v>517825</v>
      </c>
      <c r="GE12" s="274">
        <v>236300</v>
      </c>
      <c r="GF12" s="277">
        <v>1913650</v>
      </c>
      <c r="GG12" s="278">
        <v>1929219</v>
      </c>
      <c r="GH12" s="273">
        <v>0</v>
      </c>
      <c r="GI12" s="274">
        <v>0</v>
      </c>
      <c r="GJ12" s="275">
        <v>0</v>
      </c>
      <c r="GK12" s="276">
        <v>0</v>
      </c>
      <c r="GL12" s="274">
        <v>0</v>
      </c>
      <c r="GM12" s="274">
        <v>0</v>
      </c>
      <c r="GN12" s="274">
        <v>1790</v>
      </c>
      <c r="GO12" s="274">
        <v>0</v>
      </c>
      <c r="GP12" s="274">
        <v>0</v>
      </c>
      <c r="GQ12" s="277">
        <v>1790</v>
      </c>
      <c r="GR12" s="278">
        <v>1790</v>
      </c>
      <c r="GS12" s="273">
        <v>0</v>
      </c>
      <c r="GT12" s="274">
        <v>0</v>
      </c>
      <c r="GU12" s="275">
        <v>0</v>
      </c>
      <c r="GV12" s="276">
        <v>0</v>
      </c>
      <c r="GW12" s="274">
        <v>0</v>
      </c>
      <c r="GX12" s="274">
        <v>0</v>
      </c>
      <c r="GY12" s="274">
        <v>0</v>
      </c>
      <c r="GZ12" s="274">
        <v>0</v>
      </c>
      <c r="HA12" s="274">
        <v>0</v>
      </c>
      <c r="HB12" s="277">
        <v>0</v>
      </c>
      <c r="HC12" s="278">
        <v>0</v>
      </c>
      <c r="HD12" s="273">
        <v>0</v>
      </c>
      <c r="HE12" s="274">
        <v>0</v>
      </c>
      <c r="HF12" s="275">
        <v>0</v>
      </c>
      <c r="HG12" s="279"/>
      <c r="HH12" s="274">
        <v>0</v>
      </c>
      <c r="HI12" s="274">
        <v>0</v>
      </c>
      <c r="HJ12" s="274">
        <v>0</v>
      </c>
      <c r="HK12" s="274">
        <v>0</v>
      </c>
      <c r="HL12" s="274">
        <v>0</v>
      </c>
      <c r="HM12" s="277">
        <v>0</v>
      </c>
      <c r="HN12" s="278">
        <v>0</v>
      </c>
      <c r="HO12" s="273">
        <v>3423</v>
      </c>
      <c r="HP12" s="274">
        <v>21626</v>
      </c>
      <c r="HQ12" s="275">
        <v>25049</v>
      </c>
      <c r="HR12" s="276">
        <v>0</v>
      </c>
      <c r="HS12" s="274">
        <v>991278</v>
      </c>
      <c r="HT12" s="274">
        <v>2582479</v>
      </c>
      <c r="HU12" s="274">
        <v>10433721</v>
      </c>
      <c r="HV12" s="274">
        <v>10330818</v>
      </c>
      <c r="HW12" s="274">
        <v>5716866</v>
      </c>
      <c r="HX12" s="277">
        <v>30055162</v>
      </c>
      <c r="HY12" s="278">
        <v>30080211</v>
      </c>
    </row>
    <row r="13" spans="2:233" ht="21" customHeight="1" x14ac:dyDescent="0.2">
      <c r="B13" s="472" t="s">
        <v>9</v>
      </c>
      <c r="C13" s="273">
        <v>0</v>
      </c>
      <c r="D13" s="274">
        <v>205</v>
      </c>
      <c r="E13" s="275">
        <v>205</v>
      </c>
      <c r="F13" s="276">
        <v>0</v>
      </c>
      <c r="G13" s="274">
        <v>272395</v>
      </c>
      <c r="H13" s="274">
        <v>227517</v>
      </c>
      <c r="I13" s="274">
        <v>1937945</v>
      </c>
      <c r="J13" s="274">
        <v>2249790</v>
      </c>
      <c r="K13" s="274">
        <v>1613994</v>
      </c>
      <c r="L13" s="277">
        <v>6301641</v>
      </c>
      <c r="M13" s="278">
        <v>6301846</v>
      </c>
      <c r="N13" s="273">
        <v>0</v>
      </c>
      <c r="O13" s="274">
        <v>0</v>
      </c>
      <c r="P13" s="275">
        <v>0</v>
      </c>
      <c r="Q13" s="279"/>
      <c r="R13" s="274">
        <v>92165</v>
      </c>
      <c r="S13" s="274">
        <v>36750</v>
      </c>
      <c r="T13" s="274">
        <v>1445285</v>
      </c>
      <c r="U13" s="274">
        <v>1648525</v>
      </c>
      <c r="V13" s="274">
        <v>1291260</v>
      </c>
      <c r="W13" s="277">
        <v>4513985</v>
      </c>
      <c r="X13" s="278">
        <v>4513985</v>
      </c>
      <c r="Y13" s="273">
        <v>0</v>
      </c>
      <c r="Z13" s="274">
        <v>0</v>
      </c>
      <c r="AA13" s="275">
        <v>0</v>
      </c>
      <c r="AB13" s="279"/>
      <c r="AC13" s="274">
        <v>146695</v>
      </c>
      <c r="AD13" s="274">
        <v>98835</v>
      </c>
      <c r="AE13" s="274">
        <v>325884</v>
      </c>
      <c r="AF13" s="274">
        <v>535145</v>
      </c>
      <c r="AG13" s="274">
        <v>221015</v>
      </c>
      <c r="AH13" s="277">
        <v>1327574</v>
      </c>
      <c r="AI13" s="278">
        <v>1327574</v>
      </c>
      <c r="AJ13" s="273">
        <v>0</v>
      </c>
      <c r="AK13" s="274">
        <v>0</v>
      </c>
      <c r="AL13" s="275">
        <v>0</v>
      </c>
      <c r="AM13" s="279"/>
      <c r="AN13" s="274">
        <v>0</v>
      </c>
      <c r="AO13" s="274">
        <v>0</v>
      </c>
      <c r="AP13" s="274">
        <v>0</v>
      </c>
      <c r="AQ13" s="274">
        <v>0</v>
      </c>
      <c r="AR13" s="274">
        <v>0</v>
      </c>
      <c r="AS13" s="277">
        <v>0</v>
      </c>
      <c r="AT13" s="278">
        <v>0</v>
      </c>
      <c r="AU13" s="273">
        <v>0</v>
      </c>
      <c r="AV13" s="274">
        <v>0</v>
      </c>
      <c r="AW13" s="275">
        <v>0</v>
      </c>
      <c r="AX13" s="279"/>
      <c r="AY13" s="274">
        <v>0</v>
      </c>
      <c r="AZ13" s="274">
        <v>0</v>
      </c>
      <c r="BA13" s="274">
        <v>0</v>
      </c>
      <c r="BB13" s="274">
        <v>425</v>
      </c>
      <c r="BC13" s="274">
        <v>39045</v>
      </c>
      <c r="BD13" s="277">
        <v>39470</v>
      </c>
      <c r="BE13" s="278">
        <v>39470</v>
      </c>
      <c r="BF13" s="273">
        <v>0</v>
      </c>
      <c r="BG13" s="274">
        <v>0</v>
      </c>
      <c r="BH13" s="275">
        <v>0</v>
      </c>
      <c r="BI13" s="279"/>
      <c r="BJ13" s="274">
        <v>0</v>
      </c>
      <c r="BK13" s="274">
        <v>0</v>
      </c>
      <c r="BL13" s="274">
        <v>0</v>
      </c>
      <c r="BM13" s="274">
        <v>23850</v>
      </c>
      <c r="BN13" s="274">
        <v>0</v>
      </c>
      <c r="BO13" s="277">
        <v>23850</v>
      </c>
      <c r="BP13" s="278">
        <v>23850</v>
      </c>
      <c r="BQ13" s="273">
        <v>0</v>
      </c>
      <c r="BR13" s="274">
        <v>205</v>
      </c>
      <c r="BS13" s="275">
        <v>205</v>
      </c>
      <c r="BT13" s="276">
        <v>0</v>
      </c>
      <c r="BU13" s="274">
        <v>18930</v>
      </c>
      <c r="BV13" s="274">
        <v>91737</v>
      </c>
      <c r="BW13" s="274">
        <v>163323</v>
      </c>
      <c r="BX13" s="274">
        <v>39722</v>
      </c>
      <c r="BY13" s="274">
        <v>59419</v>
      </c>
      <c r="BZ13" s="277">
        <v>373131</v>
      </c>
      <c r="CA13" s="278">
        <v>373336</v>
      </c>
      <c r="CB13" s="273">
        <v>0</v>
      </c>
      <c r="CC13" s="274">
        <v>0</v>
      </c>
      <c r="CD13" s="275">
        <v>0</v>
      </c>
      <c r="CE13" s="276">
        <v>0</v>
      </c>
      <c r="CF13" s="274">
        <v>14605</v>
      </c>
      <c r="CG13" s="274">
        <v>195</v>
      </c>
      <c r="CH13" s="274">
        <v>3453</v>
      </c>
      <c r="CI13" s="274">
        <v>2123</v>
      </c>
      <c r="CJ13" s="274">
        <v>3255</v>
      </c>
      <c r="CK13" s="277">
        <v>23631</v>
      </c>
      <c r="CL13" s="278">
        <v>23631</v>
      </c>
      <c r="CM13" s="273">
        <v>0</v>
      </c>
      <c r="CN13" s="274">
        <v>0</v>
      </c>
      <c r="CO13" s="275">
        <v>0</v>
      </c>
      <c r="CP13" s="276">
        <v>0</v>
      </c>
      <c r="CQ13" s="274">
        <v>0</v>
      </c>
      <c r="CR13" s="274">
        <v>0</v>
      </c>
      <c r="CS13" s="274">
        <v>0</v>
      </c>
      <c r="CT13" s="274">
        <v>0</v>
      </c>
      <c r="CU13" s="274">
        <v>0</v>
      </c>
      <c r="CV13" s="277">
        <v>0</v>
      </c>
      <c r="CW13" s="278">
        <v>0</v>
      </c>
      <c r="CX13" s="273">
        <v>0</v>
      </c>
      <c r="CY13" s="274">
        <v>0</v>
      </c>
      <c r="CZ13" s="275">
        <v>0</v>
      </c>
      <c r="DA13" s="279"/>
      <c r="DB13" s="274">
        <v>0</v>
      </c>
      <c r="DC13" s="274">
        <v>0</v>
      </c>
      <c r="DD13" s="274">
        <v>0</v>
      </c>
      <c r="DE13" s="274">
        <v>0</v>
      </c>
      <c r="DF13" s="274">
        <v>0</v>
      </c>
      <c r="DG13" s="277">
        <v>0</v>
      </c>
      <c r="DH13" s="278">
        <v>0</v>
      </c>
      <c r="DI13" s="273">
        <v>0</v>
      </c>
      <c r="DJ13" s="274">
        <v>2784</v>
      </c>
      <c r="DK13" s="275">
        <v>2784</v>
      </c>
      <c r="DL13" s="276">
        <v>0</v>
      </c>
      <c r="DM13" s="274">
        <v>199388</v>
      </c>
      <c r="DN13" s="274">
        <v>257600</v>
      </c>
      <c r="DO13" s="274">
        <v>2377645</v>
      </c>
      <c r="DP13" s="274">
        <v>2604251</v>
      </c>
      <c r="DQ13" s="274">
        <v>2009379</v>
      </c>
      <c r="DR13" s="277">
        <v>7448263</v>
      </c>
      <c r="DS13" s="280">
        <v>7451047</v>
      </c>
      <c r="DT13" s="273">
        <v>0</v>
      </c>
      <c r="DU13" s="274">
        <v>0</v>
      </c>
      <c r="DV13" s="275">
        <v>0</v>
      </c>
      <c r="DW13" s="279"/>
      <c r="DX13" s="274">
        <v>112320</v>
      </c>
      <c r="DY13" s="274">
        <v>77340</v>
      </c>
      <c r="DZ13" s="274">
        <v>2045790</v>
      </c>
      <c r="EA13" s="274">
        <v>2412066</v>
      </c>
      <c r="EB13" s="274">
        <v>1807803</v>
      </c>
      <c r="EC13" s="277">
        <v>6455319</v>
      </c>
      <c r="ED13" s="278">
        <v>6455319</v>
      </c>
      <c r="EE13" s="273">
        <v>0</v>
      </c>
      <c r="EF13" s="274">
        <v>0</v>
      </c>
      <c r="EG13" s="275">
        <v>0</v>
      </c>
      <c r="EH13" s="279"/>
      <c r="EI13" s="274">
        <v>40920</v>
      </c>
      <c r="EJ13" s="274">
        <v>30918</v>
      </c>
      <c r="EK13" s="274">
        <v>56987</v>
      </c>
      <c r="EL13" s="274">
        <v>55699</v>
      </c>
      <c r="EM13" s="274">
        <v>66784</v>
      </c>
      <c r="EN13" s="277">
        <v>251308</v>
      </c>
      <c r="EO13" s="278">
        <v>251308</v>
      </c>
      <c r="EP13" s="273">
        <v>0</v>
      </c>
      <c r="EQ13" s="274">
        <v>0</v>
      </c>
      <c r="ER13" s="275">
        <v>0</v>
      </c>
      <c r="ES13" s="279"/>
      <c r="ET13" s="274">
        <v>0</v>
      </c>
      <c r="EU13" s="274">
        <v>0</v>
      </c>
      <c r="EV13" s="274">
        <v>0</v>
      </c>
      <c r="EW13" s="274">
        <v>0</v>
      </c>
      <c r="EX13" s="274">
        <v>0</v>
      </c>
      <c r="EY13" s="277">
        <v>0</v>
      </c>
      <c r="EZ13" s="278">
        <v>0</v>
      </c>
      <c r="FA13" s="273">
        <v>0</v>
      </c>
      <c r="FB13" s="274">
        <v>0</v>
      </c>
      <c r="FC13" s="275">
        <v>0</v>
      </c>
      <c r="FD13" s="279"/>
      <c r="FE13" s="274">
        <v>0</v>
      </c>
      <c r="FF13" s="274">
        <v>0</v>
      </c>
      <c r="FG13" s="274">
        <v>0</v>
      </c>
      <c r="FH13" s="274">
        <v>210</v>
      </c>
      <c r="FI13" s="274">
        <v>840</v>
      </c>
      <c r="FJ13" s="277">
        <v>1050</v>
      </c>
      <c r="FK13" s="278">
        <v>1050</v>
      </c>
      <c r="FL13" s="273">
        <v>0</v>
      </c>
      <c r="FM13" s="274">
        <v>0</v>
      </c>
      <c r="FN13" s="275">
        <v>0</v>
      </c>
      <c r="FO13" s="279"/>
      <c r="FP13" s="274">
        <v>0</v>
      </c>
      <c r="FQ13" s="274">
        <v>0</v>
      </c>
      <c r="FR13" s="274">
        <v>0</v>
      </c>
      <c r="FS13" s="274">
        <v>20880</v>
      </c>
      <c r="FT13" s="274">
        <v>0</v>
      </c>
      <c r="FU13" s="277">
        <v>20880</v>
      </c>
      <c r="FV13" s="278">
        <v>20880</v>
      </c>
      <c r="FW13" s="273">
        <v>0</v>
      </c>
      <c r="FX13" s="274">
        <v>2784</v>
      </c>
      <c r="FY13" s="275">
        <v>2784</v>
      </c>
      <c r="FZ13" s="276">
        <v>0</v>
      </c>
      <c r="GA13" s="274">
        <v>41247</v>
      </c>
      <c r="GB13" s="274">
        <v>149321</v>
      </c>
      <c r="GC13" s="274">
        <v>273689</v>
      </c>
      <c r="GD13" s="274">
        <v>115263</v>
      </c>
      <c r="GE13" s="274">
        <v>133791</v>
      </c>
      <c r="GF13" s="277">
        <v>713311</v>
      </c>
      <c r="GG13" s="278">
        <v>716095</v>
      </c>
      <c r="GH13" s="273">
        <v>0</v>
      </c>
      <c r="GI13" s="274">
        <v>0</v>
      </c>
      <c r="GJ13" s="275">
        <v>0</v>
      </c>
      <c r="GK13" s="276">
        <v>0</v>
      </c>
      <c r="GL13" s="274">
        <v>4901</v>
      </c>
      <c r="GM13" s="274">
        <v>21</v>
      </c>
      <c r="GN13" s="274">
        <v>1179</v>
      </c>
      <c r="GO13" s="274">
        <v>133</v>
      </c>
      <c r="GP13" s="274">
        <v>161</v>
      </c>
      <c r="GQ13" s="277">
        <v>6395</v>
      </c>
      <c r="GR13" s="278">
        <v>6395</v>
      </c>
      <c r="GS13" s="273">
        <v>0</v>
      </c>
      <c r="GT13" s="274">
        <v>0</v>
      </c>
      <c r="GU13" s="275">
        <v>0</v>
      </c>
      <c r="GV13" s="276">
        <v>0</v>
      </c>
      <c r="GW13" s="274">
        <v>0</v>
      </c>
      <c r="GX13" s="274">
        <v>0</v>
      </c>
      <c r="GY13" s="274">
        <v>0</v>
      </c>
      <c r="GZ13" s="274">
        <v>0</v>
      </c>
      <c r="HA13" s="274">
        <v>0</v>
      </c>
      <c r="HB13" s="277">
        <v>0</v>
      </c>
      <c r="HC13" s="278">
        <v>0</v>
      </c>
      <c r="HD13" s="273">
        <v>0</v>
      </c>
      <c r="HE13" s="274">
        <v>0</v>
      </c>
      <c r="HF13" s="275">
        <v>0</v>
      </c>
      <c r="HG13" s="279"/>
      <c r="HH13" s="274">
        <v>0</v>
      </c>
      <c r="HI13" s="274">
        <v>0</v>
      </c>
      <c r="HJ13" s="274">
        <v>0</v>
      </c>
      <c r="HK13" s="274">
        <v>0</v>
      </c>
      <c r="HL13" s="274">
        <v>0</v>
      </c>
      <c r="HM13" s="277">
        <v>0</v>
      </c>
      <c r="HN13" s="278">
        <v>0</v>
      </c>
      <c r="HO13" s="273">
        <v>0</v>
      </c>
      <c r="HP13" s="274">
        <v>2989</v>
      </c>
      <c r="HQ13" s="275">
        <v>2989</v>
      </c>
      <c r="HR13" s="276">
        <v>0</v>
      </c>
      <c r="HS13" s="274">
        <v>471783</v>
      </c>
      <c r="HT13" s="274">
        <v>485117</v>
      </c>
      <c r="HU13" s="274">
        <v>4315590</v>
      </c>
      <c r="HV13" s="274">
        <v>4854041</v>
      </c>
      <c r="HW13" s="274">
        <v>3623373</v>
      </c>
      <c r="HX13" s="277">
        <v>13749904</v>
      </c>
      <c r="HY13" s="278">
        <v>13752893</v>
      </c>
    </row>
    <row r="14" spans="2:233" ht="21" customHeight="1" x14ac:dyDescent="0.2">
      <c r="B14" s="472" t="s">
        <v>10</v>
      </c>
      <c r="C14" s="273">
        <v>580</v>
      </c>
      <c r="D14" s="274">
        <v>15645</v>
      </c>
      <c r="E14" s="275">
        <v>16225</v>
      </c>
      <c r="F14" s="276">
        <v>0</v>
      </c>
      <c r="G14" s="274">
        <v>598329</v>
      </c>
      <c r="H14" s="274">
        <v>1041271</v>
      </c>
      <c r="I14" s="274">
        <v>3247346</v>
      </c>
      <c r="J14" s="274">
        <v>4315035</v>
      </c>
      <c r="K14" s="274">
        <v>4020852</v>
      </c>
      <c r="L14" s="277">
        <v>13222833</v>
      </c>
      <c r="M14" s="278">
        <v>13239058</v>
      </c>
      <c r="N14" s="273">
        <v>0</v>
      </c>
      <c r="O14" s="274">
        <v>0</v>
      </c>
      <c r="P14" s="275">
        <v>0</v>
      </c>
      <c r="Q14" s="279"/>
      <c r="R14" s="274">
        <v>44550</v>
      </c>
      <c r="S14" s="274">
        <v>302230</v>
      </c>
      <c r="T14" s="274">
        <v>1834020</v>
      </c>
      <c r="U14" s="274">
        <v>3089730</v>
      </c>
      <c r="V14" s="274">
        <v>3035785</v>
      </c>
      <c r="W14" s="277">
        <v>8306315</v>
      </c>
      <c r="X14" s="278">
        <v>8306315</v>
      </c>
      <c r="Y14" s="273">
        <v>0</v>
      </c>
      <c r="Z14" s="274">
        <v>0</v>
      </c>
      <c r="AA14" s="275">
        <v>0</v>
      </c>
      <c r="AB14" s="279"/>
      <c r="AC14" s="274">
        <v>430575</v>
      </c>
      <c r="AD14" s="274">
        <v>551446</v>
      </c>
      <c r="AE14" s="274">
        <v>1190884</v>
      </c>
      <c r="AF14" s="274">
        <v>844091</v>
      </c>
      <c r="AG14" s="274">
        <v>503459</v>
      </c>
      <c r="AH14" s="277">
        <v>3520455</v>
      </c>
      <c r="AI14" s="278">
        <v>3520455</v>
      </c>
      <c r="AJ14" s="273">
        <v>0</v>
      </c>
      <c r="AK14" s="274">
        <v>0</v>
      </c>
      <c r="AL14" s="275">
        <v>0</v>
      </c>
      <c r="AM14" s="279"/>
      <c r="AN14" s="274">
        <v>0</v>
      </c>
      <c r="AO14" s="274">
        <v>0</v>
      </c>
      <c r="AP14" s="274">
        <v>0</v>
      </c>
      <c r="AQ14" s="274">
        <v>0</v>
      </c>
      <c r="AR14" s="274">
        <v>0</v>
      </c>
      <c r="AS14" s="277">
        <v>0</v>
      </c>
      <c r="AT14" s="278">
        <v>0</v>
      </c>
      <c r="AU14" s="273">
        <v>0</v>
      </c>
      <c r="AV14" s="274">
        <v>0</v>
      </c>
      <c r="AW14" s="275">
        <v>0</v>
      </c>
      <c r="AX14" s="279"/>
      <c r="AY14" s="274">
        <v>0</v>
      </c>
      <c r="AZ14" s="274">
        <v>0</v>
      </c>
      <c r="BA14" s="274">
        <v>0</v>
      </c>
      <c r="BB14" s="274">
        <v>55500</v>
      </c>
      <c r="BC14" s="274">
        <v>191300</v>
      </c>
      <c r="BD14" s="277">
        <v>246800</v>
      </c>
      <c r="BE14" s="278">
        <v>246800</v>
      </c>
      <c r="BF14" s="273">
        <v>0</v>
      </c>
      <c r="BG14" s="274">
        <v>0</v>
      </c>
      <c r="BH14" s="275">
        <v>0</v>
      </c>
      <c r="BI14" s="279"/>
      <c r="BJ14" s="274">
        <v>0</v>
      </c>
      <c r="BK14" s="274">
        <v>0</v>
      </c>
      <c r="BL14" s="274">
        <v>0</v>
      </c>
      <c r="BM14" s="274">
        <v>31650</v>
      </c>
      <c r="BN14" s="274">
        <v>73500</v>
      </c>
      <c r="BO14" s="277">
        <v>105150</v>
      </c>
      <c r="BP14" s="278">
        <v>105150</v>
      </c>
      <c r="BQ14" s="273">
        <v>580</v>
      </c>
      <c r="BR14" s="274">
        <v>15645</v>
      </c>
      <c r="BS14" s="275">
        <v>16225</v>
      </c>
      <c r="BT14" s="276">
        <v>0</v>
      </c>
      <c r="BU14" s="274">
        <v>121268</v>
      </c>
      <c r="BV14" s="274">
        <v>186972</v>
      </c>
      <c r="BW14" s="274">
        <v>222442</v>
      </c>
      <c r="BX14" s="274">
        <v>282593</v>
      </c>
      <c r="BY14" s="274">
        <v>187522</v>
      </c>
      <c r="BZ14" s="277">
        <v>1000797</v>
      </c>
      <c r="CA14" s="278">
        <v>1017022</v>
      </c>
      <c r="CB14" s="273">
        <v>0</v>
      </c>
      <c r="CC14" s="274">
        <v>0</v>
      </c>
      <c r="CD14" s="275">
        <v>0</v>
      </c>
      <c r="CE14" s="276">
        <v>0</v>
      </c>
      <c r="CF14" s="274">
        <v>1936</v>
      </c>
      <c r="CG14" s="274">
        <v>623</v>
      </c>
      <c r="CH14" s="274">
        <v>0</v>
      </c>
      <c r="CI14" s="274">
        <v>11471</v>
      </c>
      <c r="CJ14" s="274">
        <v>29286</v>
      </c>
      <c r="CK14" s="277">
        <v>43316</v>
      </c>
      <c r="CL14" s="278">
        <v>43316</v>
      </c>
      <c r="CM14" s="273">
        <v>0</v>
      </c>
      <c r="CN14" s="274">
        <v>0</v>
      </c>
      <c r="CO14" s="275">
        <v>0</v>
      </c>
      <c r="CP14" s="276">
        <v>0</v>
      </c>
      <c r="CQ14" s="274">
        <v>0</v>
      </c>
      <c r="CR14" s="274">
        <v>0</v>
      </c>
      <c r="CS14" s="274">
        <v>0</v>
      </c>
      <c r="CT14" s="274">
        <v>0</v>
      </c>
      <c r="CU14" s="274">
        <v>0</v>
      </c>
      <c r="CV14" s="277">
        <v>0</v>
      </c>
      <c r="CW14" s="278">
        <v>0</v>
      </c>
      <c r="CX14" s="273">
        <v>0</v>
      </c>
      <c r="CY14" s="274">
        <v>0</v>
      </c>
      <c r="CZ14" s="275">
        <v>0</v>
      </c>
      <c r="DA14" s="279"/>
      <c r="DB14" s="274">
        <v>0</v>
      </c>
      <c r="DC14" s="274">
        <v>0</v>
      </c>
      <c r="DD14" s="274">
        <v>0</v>
      </c>
      <c r="DE14" s="274">
        <v>0</v>
      </c>
      <c r="DF14" s="274">
        <v>0</v>
      </c>
      <c r="DG14" s="277">
        <v>0</v>
      </c>
      <c r="DH14" s="278">
        <v>0</v>
      </c>
      <c r="DI14" s="273">
        <v>2106</v>
      </c>
      <c r="DJ14" s="274">
        <v>20869</v>
      </c>
      <c r="DK14" s="275">
        <v>22975</v>
      </c>
      <c r="DL14" s="276">
        <v>0</v>
      </c>
      <c r="DM14" s="274">
        <v>401481</v>
      </c>
      <c r="DN14" s="274">
        <v>908831</v>
      </c>
      <c r="DO14" s="274">
        <v>3316272</v>
      </c>
      <c r="DP14" s="274">
        <v>5138168</v>
      </c>
      <c r="DQ14" s="274">
        <v>4348683</v>
      </c>
      <c r="DR14" s="277">
        <v>14113435</v>
      </c>
      <c r="DS14" s="280">
        <v>14136410</v>
      </c>
      <c r="DT14" s="273">
        <v>0</v>
      </c>
      <c r="DU14" s="274">
        <v>0</v>
      </c>
      <c r="DV14" s="275">
        <v>0</v>
      </c>
      <c r="DW14" s="279"/>
      <c r="DX14" s="274">
        <v>118020</v>
      </c>
      <c r="DY14" s="274">
        <v>470156</v>
      </c>
      <c r="DZ14" s="274">
        <v>2725253</v>
      </c>
      <c r="EA14" s="274">
        <v>4459035</v>
      </c>
      <c r="EB14" s="274">
        <v>3910972</v>
      </c>
      <c r="EC14" s="277">
        <v>11683436</v>
      </c>
      <c r="ED14" s="278">
        <v>11683436</v>
      </c>
      <c r="EE14" s="273">
        <v>0</v>
      </c>
      <c r="EF14" s="274">
        <v>0</v>
      </c>
      <c r="EG14" s="275">
        <v>0</v>
      </c>
      <c r="EH14" s="279"/>
      <c r="EI14" s="274">
        <v>105763</v>
      </c>
      <c r="EJ14" s="274">
        <v>71531</v>
      </c>
      <c r="EK14" s="274">
        <v>203489</v>
      </c>
      <c r="EL14" s="274">
        <v>180612</v>
      </c>
      <c r="EM14" s="274">
        <v>52981</v>
      </c>
      <c r="EN14" s="277">
        <v>614376</v>
      </c>
      <c r="EO14" s="278">
        <v>614376</v>
      </c>
      <c r="EP14" s="273">
        <v>0</v>
      </c>
      <c r="EQ14" s="274">
        <v>0</v>
      </c>
      <c r="ER14" s="275">
        <v>0</v>
      </c>
      <c r="ES14" s="279"/>
      <c r="ET14" s="274">
        <v>0</v>
      </c>
      <c r="EU14" s="274">
        <v>0</v>
      </c>
      <c r="EV14" s="274">
        <v>0</v>
      </c>
      <c r="EW14" s="274">
        <v>0</v>
      </c>
      <c r="EX14" s="274">
        <v>0</v>
      </c>
      <c r="EY14" s="277">
        <v>0</v>
      </c>
      <c r="EZ14" s="278">
        <v>0</v>
      </c>
      <c r="FA14" s="273">
        <v>0</v>
      </c>
      <c r="FB14" s="274">
        <v>0</v>
      </c>
      <c r="FC14" s="275">
        <v>0</v>
      </c>
      <c r="FD14" s="279"/>
      <c r="FE14" s="274">
        <v>0</v>
      </c>
      <c r="FF14" s="274">
        <v>0</v>
      </c>
      <c r="FG14" s="274">
        <v>0</v>
      </c>
      <c r="FH14" s="274">
        <v>420</v>
      </c>
      <c r="FI14" s="274">
        <v>2730</v>
      </c>
      <c r="FJ14" s="277">
        <v>3150</v>
      </c>
      <c r="FK14" s="278">
        <v>3150</v>
      </c>
      <c r="FL14" s="273">
        <v>0</v>
      </c>
      <c r="FM14" s="274">
        <v>0</v>
      </c>
      <c r="FN14" s="275">
        <v>0</v>
      </c>
      <c r="FO14" s="279"/>
      <c r="FP14" s="274">
        <v>0</v>
      </c>
      <c r="FQ14" s="274">
        <v>0</v>
      </c>
      <c r="FR14" s="274">
        <v>0</v>
      </c>
      <c r="FS14" s="274">
        <v>35580</v>
      </c>
      <c r="FT14" s="274">
        <v>131280</v>
      </c>
      <c r="FU14" s="277">
        <v>166860</v>
      </c>
      <c r="FV14" s="278">
        <v>166860</v>
      </c>
      <c r="FW14" s="273">
        <v>2106</v>
      </c>
      <c r="FX14" s="274">
        <v>20869</v>
      </c>
      <c r="FY14" s="275">
        <v>22975</v>
      </c>
      <c r="FZ14" s="276">
        <v>0</v>
      </c>
      <c r="GA14" s="274">
        <v>177593</v>
      </c>
      <c r="GB14" s="274">
        <v>367088</v>
      </c>
      <c r="GC14" s="274">
        <v>387530</v>
      </c>
      <c r="GD14" s="274">
        <v>458730</v>
      </c>
      <c r="GE14" s="274">
        <v>247815</v>
      </c>
      <c r="GF14" s="277">
        <v>1638756</v>
      </c>
      <c r="GG14" s="278">
        <v>1661731</v>
      </c>
      <c r="GH14" s="273">
        <v>0</v>
      </c>
      <c r="GI14" s="274">
        <v>0</v>
      </c>
      <c r="GJ14" s="275">
        <v>0</v>
      </c>
      <c r="GK14" s="276">
        <v>0</v>
      </c>
      <c r="GL14" s="274">
        <v>105</v>
      </c>
      <c r="GM14" s="274">
        <v>56</v>
      </c>
      <c r="GN14" s="274">
        <v>0</v>
      </c>
      <c r="GO14" s="274">
        <v>3791</v>
      </c>
      <c r="GP14" s="274">
        <v>2905</v>
      </c>
      <c r="GQ14" s="277">
        <v>6857</v>
      </c>
      <c r="GR14" s="278">
        <v>6857</v>
      </c>
      <c r="GS14" s="273">
        <v>0</v>
      </c>
      <c r="GT14" s="274">
        <v>0</v>
      </c>
      <c r="GU14" s="275">
        <v>0</v>
      </c>
      <c r="GV14" s="276">
        <v>0</v>
      </c>
      <c r="GW14" s="274">
        <v>0</v>
      </c>
      <c r="GX14" s="274">
        <v>0</v>
      </c>
      <c r="GY14" s="274">
        <v>0</v>
      </c>
      <c r="GZ14" s="274">
        <v>0</v>
      </c>
      <c r="HA14" s="274">
        <v>0</v>
      </c>
      <c r="HB14" s="277">
        <v>0</v>
      </c>
      <c r="HC14" s="278">
        <v>0</v>
      </c>
      <c r="HD14" s="273">
        <v>0</v>
      </c>
      <c r="HE14" s="274">
        <v>0</v>
      </c>
      <c r="HF14" s="275">
        <v>0</v>
      </c>
      <c r="HG14" s="279"/>
      <c r="HH14" s="274">
        <v>0</v>
      </c>
      <c r="HI14" s="274">
        <v>0</v>
      </c>
      <c r="HJ14" s="274">
        <v>0</v>
      </c>
      <c r="HK14" s="274">
        <v>0</v>
      </c>
      <c r="HL14" s="274">
        <v>0</v>
      </c>
      <c r="HM14" s="277">
        <v>0</v>
      </c>
      <c r="HN14" s="278">
        <v>0</v>
      </c>
      <c r="HO14" s="273">
        <v>2686</v>
      </c>
      <c r="HP14" s="274">
        <v>36514</v>
      </c>
      <c r="HQ14" s="275">
        <v>39200</v>
      </c>
      <c r="HR14" s="276">
        <v>0</v>
      </c>
      <c r="HS14" s="274">
        <v>999810</v>
      </c>
      <c r="HT14" s="274">
        <v>1950102</v>
      </c>
      <c r="HU14" s="274">
        <v>6563618</v>
      </c>
      <c r="HV14" s="274">
        <v>9453203</v>
      </c>
      <c r="HW14" s="274">
        <v>8369535</v>
      </c>
      <c r="HX14" s="277">
        <v>27336268</v>
      </c>
      <c r="HY14" s="278">
        <v>27375468</v>
      </c>
    </row>
    <row r="15" spans="2:233" ht="21" customHeight="1" x14ac:dyDescent="0.2">
      <c r="B15" s="472" t="s">
        <v>11</v>
      </c>
      <c r="C15" s="273">
        <v>0</v>
      </c>
      <c r="D15" s="274">
        <v>3760</v>
      </c>
      <c r="E15" s="275">
        <v>3760</v>
      </c>
      <c r="F15" s="276">
        <v>0</v>
      </c>
      <c r="G15" s="274">
        <v>800669</v>
      </c>
      <c r="H15" s="274">
        <v>1010310</v>
      </c>
      <c r="I15" s="274">
        <v>2419915</v>
      </c>
      <c r="J15" s="274">
        <v>4391706</v>
      </c>
      <c r="K15" s="274">
        <v>2291233</v>
      </c>
      <c r="L15" s="277">
        <v>10913833</v>
      </c>
      <c r="M15" s="278">
        <v>10917593</v>
      </c>
      <c r="N15" s="273">
        <v>0</v>
      </c>
      <c r="O15" s="274">
        <v>0</v>
      </c>
      <c r="P15" s="275">
        <v>0</v>
      </c>
      <c r="Q15" s="279"/>
      <c r="R15" s="274">
        <v>0</v>
      </c>
      <c r="S15" s="274">
        <v>148995</v>
      </c>
      <c r="T15" s="274">
        <v>1394995</v>
      </c>
      <c r="U15" s="274">
        <v>3060627</v>
      </c>
      <c r="V15" s="274">
        <v>1540380</v>
      </c>
      <c r="W15" s="277">
        <v>6144997</v>
      </c>
      <c r="X15" s="278">
        <v>6144997</v>
      </c>
      <c r="Y15" s="273">
        <v>0</v>
      </c>
      <c r="Z15" s="274">
        <v>0</v>
      </c>
      <c r="AA15" s="275">
        <v>0</v>
      </c>
      <c r="AB15" s="279"/>
      <c r="AC15" s="274">
        <v>644055</v>
      </c>
      <c r="AD15" s="274">
        <v>613315</v>
      </c>
      <c r="AE15" s="274">
        <v>682789</v>
      </c>
      <c r="AF15" s="274">
        <v>1031316</v>
      </c>
      <c r="AG15" s="274">
        <v>363285</v>
      </c>
      <c r="AH15" s="277">
        <v>3334760</v>
      </c>
      <c r="AI15" s="278">
        <v>3334760</v>
      </c>
      <c r="AJ15" s="273">
        <v>0</v>
      </c>
      <c r="AK15" s="274">
        <v>0</v>
      </c>
      <c r="AL15" s="275">
        <v>0</v>
      </c>
      <c r="AM15" s="279"/>
      <c r="AN15" s="274">
        <v>0</v>
      </c>
      <c r="AO15" s="274">
        <v>0</v>
      </c>
      <c r="AP15" s="274">
        <v>0</v>
      </c>
      <c r="AQ15" s="274">
        <v>0</v>
      </c>
      <c r="AR15" s="274">
        <v>0</v>
      </c>
      <c r="AS15" s="277">
        <v>0</v>
      </c>
      <c r="AT15" s="278">
        <v>0</v>
      </c>
      <c r="AU15" s="273">
        <v>0</v>
      </c>
      <c r="AV15" s="274">
        <v>0</v>
      </c>
      <c r="AW15" s="275">
        <v>0</v>
      </c>
      <c r="AX15" s="279"/>
      <c r="AY15" s="274">
        <v>65640</v>
      </c>
      <c r="AZ15" s="274">
        <v>110795</v>
      </c>
      <c r="BA15" s="274">
        <v>155160</v>
      </c>
      <c r="BB15" s="274">
        <v>76650</v>
      </c>
      <c r="BC15" s="274">
        <v>287785</v>
      </c>
      <c r="BD15" s="277">
        <v>696030</v>
      </c>
      <c r="BE15" s="278">
        <v>696030</v>
      </c>
      <c r="BF15" s="273">
        <v>0</v>
      </c>
      <c r="BG15" s="274">
        <v>0</v>
      </c>
      <c r="BH15" s="275">
        <v>0</v>
      </c>
      <c r="BI15" s="279"/>
      <c r="BJ15" s="274">
        <v>0</v>
      </c>
      <c r="BK15" s="274">
        <v>23850</v>
      </c>
      <c r="BL15" s="274">
        <v>0</v>
      </c>
      <c r="BM15" s="274">
        <v>0</v>
      </c>
      <c r="BN15" s="274">
        <v>0</v>
      </c>
      <c r="BO15" s="277">
        <v>23850</v>
      </c>
      <c r="BP15" s="278">
        <v>23850</v>
      </c>
      <c r="BQ15" s="273">
        <v>0</v>
      </c>
      <c r="BR15" s="274">
        <v>3760</v>
      </c>
      <c r="BS15" s="275">
        <v>3760</v>
      </c>
      <c r="BT15" s="276">
        <v>0</v>
      </c>
      <c r="BU15" s="274">
        <v>90974</v>
      </c>
      <c r="BV15" s="274">
        <v>107780</v>
      </c>
      <c r="BW15" s="274">
        <v>183346</v>
      </c>
      <c r="BX15" s="274">
        <v>223113</v>
      </c>
      <c r="BY15" s="274">
        <v>94708</v>
      </c>
      <c r="BZ15" s="277">
        <v>699921</v>
      </c>
      <c r="CA15" s="278">
        <v>703681</v>
      </c>
      <c r="CB15" s="273">
        <v>0</v>
      </c>
      <c r="CC15" s="274">
        <v>0</v>
      </c>
      <c r="CD15" s="275">
        <v>0</v>
      </c>
      <c r="CE15" s="276">
        <v>0</v>
      </c>
      <c r="CF15" s="274">
        <v>0</v>
      </c>
      <c r="CG15" s="274">
        <v>5575</v>
      </c>
      <c r="CH15" s="274">
        <v>3625</v>
      </c>
      <c r="CI15" s="274">
        <v>0</v>
      </c>
      <c r="CJ15" s="274">
        <v>5075</v>
      </c>
      <c r="CK15" s="277">
        <v>14275</v>
      </c>
      <c r="CL15" s="278">
        <v>14275</v>
      </c>
      <c r="CM15" s="273">
        <v>0</v>
      </c>
      <c r="CN15" s="274">
        <v>0</v>
      </c>
      <c r="CO15" s="275">
        <v>0</v>
      </c>
      <c r="CP15" s="276">
        <v>0</v>
      </c>
      <c r="CQ15" s="274">
        <v>0</v>
      </c>
      <c r="CR15" s="274">
        <v>0</v>
      </c>
      <c r="CS15" s="274">
        <v>0</v>
      </c>
      <c r="CT15" s="274">
        <v>0</v>
      </c>
      <c r="CU15" s="274">
        <v>0</v>
      </c>
      <c r="CV15" s="277">
        <v>0</v>
      </c>
      <c r="CW15" s="278">
        <v>0</v>
      </c>
      <c r="CX15" s="273">
        <v>0</v>
      </c>
      <c r="CY15" s="274">
        <v>0</v>
      </c>
      <c r="CZ15" s="275">
        <v>0</v>
      </c>
      <c r="DA15" s="279"/>
      <c r="DB15" s="274">
        <v>0</v>
      </c>
      <c r="DC15" s="274">
        <v>0</v>
      </c>
      <c r="DD15" s="274">
        <v>0</v>
      </c>
      <c r="DE15" s="274">
        <v>0</v>
      </c>
      <c r="DF15" s="274">
        <v>0</v>
      </c>
      <c r="DG15" s="277">
        <v>0</v>
      </c>
      <c r="DH15" s="278">
        <v>0</v>
      </c>
      <c r="DI15" s="273">
        <v>0</v>
      </c>
      <c r="DJ15" s="274">
        <v>3510</v>
      </c>
      <c r="DK15" s="275">
        <v>3510</v>
      </c>
      <c r="DL15" s="276">
        <v>0</v>
      </c>
      <c r="DM15" s="274">
        <v>280341</v>
      </c>
      <c r="DN15" s="274">
        <v>429828</v>
      </c>
      <c r="DO15" s="274">
        <v>2407181</v>
      </c>
      <c r="DP15" s="274">
        <v>3879909</v>
      </c>
      <c r="DQ15" s="274">
        <v>2007271</v>
      </c>
      <c r="DR15" s="277">
        <v>9004530</v>
      </c>
      <c r="DS15" s="280">
        <v>9008040</v>
      </c>
      <c r="DT15" s="273">
        <v>0</v>
      </c>
      <c r="DU15" s="274">
        <v>0</v>
      </c>
      <c r="DV15" s="275">
        <v>0</v>
      </c>
      <c r="DW15" s="279"/>
      <c r="DX15" s="274">
        <v>0</v>
      </c>
      <c r="DY15" s="274">
        <v>129545</v>
      </c>
      <c r="DZ15" s="274">
        <v>1986597</v>
      </c>
      <c r="EA15" s="274">
        <v>3561604</v>
      </c>
      <c r="EB15" s="274">
        <v>1794822</v>
      </c>
      <c r="EC15" s="277">
        <v>7472568</v>
      </c>
      <c r="ED15" s="278">
        <v>7472568</v>
      </c>
      <c r="EE15" s="273">
        <v>0</v>
      </c>
      <c r="EF15" s="274">
        <v>0</v>
      </c>
      <c r="EG15" s="275">
        <v>0</v>
      </c>
      <c r="EH15" s="279"/>
      <c r="EI15" s="274">
        <v>155890</v>
      </c>
      <c r="EJ15" s="274">
        <v>129621</v>
      </c>
      <c r="EK15" s="274">
        <v>144167</v>
      </c>
      <c r="EL15" s="274">
        <v>127335</v>
      </c>
      <c r="EM15" s="274">
        <v>45840</v>
      </c>
      <c r="EN15" s="277">
        <v>602853</v>
      </c>
      <c r="EO15" s="278">
        <v>602853</v>
      </c>
      <c r="EP15" s="273">
        <v>0</v>
      </c>
      <c r="EQ15" s="274">
        <v>0</v>
      </c>
      <c r="ER15" s="275">
        <v>0</v>
      </c>
      <c r="ES15" s="279"/>
      <c r="ET15" s="274">
        <v>0</v>
      </c>
      <c r="EU15" s="274">
        <v>0</v>
      </c>
      <c r="EV15" s="274">
        <v>0</v>
      </c>
      <c r="EW15" s="274">
        <v>0</v>
      </c>
      <c r="EX15" s="274">
        <v>0</v>
      </c>
      <c r="EY15" s="277">
        <v>0</v>
      </c>
      <c r="EZ15" s="278">
        <v>0</v>
      </c>
      <c r="FA15" s="273">
        <v>0</v>
      </c>
      <c r="FB15" s="274">
        <v>0</v>
      </c>
      <c r="FC15" s="275">
        <v>0</v>
      </c>
      <c r="FD15" s="279"/>
      <c r="FE15" s="274">
        <v>13071</v>
      </c>
      <c r="FF15" s="274">
        <v>35819</v>
      </c>
      <c r="FG15" s="274">
        <v>48675</v>
      </c>
      <c r="FH15" s="274">
        <v>1050</v>
      </c>
      <c r="FI15" s="274">
        <v>48435</v>
      </c>
      <c r="FJ15" s="277">
        <v>147050</v>
      </c>
      <c r="FK15" s="278">
        <v>147050</v>
      </c>
      <c r="FL15" s="273">
        <v>0</v>
      </c>
      <c r="FM15" s="274">
        <v>0</v>
      </c>
      <c r="FN15" s="275">
        <v>0</v>
      </c>
      <c r="FO15" s="279"/>
      <c r="FP15" s="274">
        <v>0</v>
      </c>
      <c r="FQ15" s="274">
        <v>20880</v>
      </c>
      <c r="FR15" s="274">
        <v>0</v>
      </c>
      <c r="FS15" s="274">
        <v>0</v>
      </c>
      <c r="FT15" s="274">
        <v>0</v>
      </c>
      <c r="FU15" s="277">
        <v>20880</v>
      </c>
      <c r="FV15" s="278">
        <v>20880</v>
      </c>
      <c r="FW15" s="273">
        <v>0</v>
      </c>
      <c r="FX15" s="274">
        <v>3510</v>
      </c>
      <c r="FY15" s="275">
        <v>3510</v>
      </c>
      <c r="FZ15" s="276">
        <v>0</v>
      </c>
      <c r="GA15" s="274">
        <v>111380</v>
      </c>
      <c r="GB15" s="274">
        <v>113914</v>
      </c>
      <c r="GC15" s="274">
        <v>227539</v>
      </c>
      <c r="GD15" s="274">
        <v>189920</v>
      </c>
      <c r="GE15" s="274">
        <v>114545</v>
      </c>
      <c r="GF15" s="277">
        <v>757298</v>
      </c>
      <c r="GG15" s="278">
        <v>760808</v>
      </c>
      <c r="GH15" s="273">
        <v>0</v>
      </c>
      <c r="GI15" s="274">
        <v>0</v>
      </c>
      <c r="GJ15" s="275">
        <v>0</v>
      </c>
      <c r="GK15" s="276">
        <v>0</v>
      </c>
      <c r="GL15" s="274">
        <v>0</v>
      </c>
      <c r="GM15" s="274">
        <v>49</v>
      </c>
      <c r="GN15" s="274">
        <v>203</v>
      </c>
      <c r="GO15" s="274">
        <v>0</v>
      </c>
      <c r="GP15" s="274">
        <v>3629</v>
      </c>
      <c r="GQ15" s="277">
        <v>3881</v>
      </c>
      <c r="GR15" s="278">
        <v>3881</v>
      </c>
      <c r="GS15" s="273">
        <v>0</v>
      </c>
      <c r="GT15" s="274">
        <v>0</v>
      </c>
      <c r="GU15" s="275">
        <v>0</v>
      </c>
      <c r="GV15" s="276">
        <v>0</v>
      </c>
      <c r="GW15" s="274">
        <v>0</v>
      </c>
      <c r="GX15" s="274">
        <v>0</v>
      </c>
      <c r="GY15" s="274">
        <v>0</v>
      </c>
      <c r="GZ15" s="274">
        <v>0</v>
      </c>
      <c r="HA15" s="274">
        <v>0</v>
      </c>
      <c r="HB15" s="277">
        <v>0</v>
      </c>
      <c r="HC15" s="278">
        <v>0</v>
      </c>
      <c r="HD15" s="273">
        <v>0</v>
      </c>
      <c r="HE15" s="274">
        <v>0</v>
      </c>
      <c r="HF15" s="275">
        <v>0</v>
      </c>
      <c r="HG15" s="279"/>
      <c r="HH15" s="274">
        <v>0</v>
      </c>
      <c r="HI15" s="274">
        <v>0</v>
      </c>
      <c r="HJ15" s="274">
        <v>0</v>
      </c>
      <c r="HK15" s="274">
        <v>0</v>
      </c>
      <c r="HL15" s="274">
        <v>0</v>
      </c>
      <c r="HM15" s="277">
        <v>0</v>
      </c>
      <c r="HN15" s="278">
        <v>0</v>
      </c>
      <c r="HO15" s="273">
        <v>0</v>
      </c>
      <c r="HP15" s="274">
        <v>7270</v>
      </c>
      <c r="HQ15" s="275">
        <v>7270</v>
      </c>
      <c r="HR15" s="276">
        <v>0</v>
      </c>
      <c r="HS15" s="274">
        <v>1081010</v>
      </c>
      <c r="HT15" s="274">
        <v>1440138</v>
      </c>
      <c r="HU15" s="274">
        <v>4827096</v>
      </c>
      <c r="HV15" s="274">
        <v>8271615</v>
      </c>
      <c r="HW15" s="274">
        <v>4298504</v>
      </c>
      <c r="HX15" s="277">
        <v>19918363</v>
      </c>
      <c r="HY15" s="278">
        <v>19925633</v>
      </c>
    </row>
    <row r="16" spans="2:233" ht="21" customHeight="1" x14ac:dyDescent="0.2">
      <c r="B16" s="472" t="s">
        <v>12</v>
      </c>
      <c r="C16" s="273">
        <v>4325</v>
      </c>
      <c r="D16" s="274">
        <v>12925</v>
      </c>
      <c r="E16" s="275">
        <v>17250</v>
      </c>
      <c r="F16" s="276">
        <v>0</v>
      </c>
      <c r="G16" s="274">
        <v>144580</v>
      </c>
      <c r="H16" s="274">
        <v>656626</v>
      </c>
      <c r="I16" s="274">
        <v>2398032</v>
      </c>
      <c r="J16" s="274">
        <v>3712167</v>
      </c>
      <c r="K16" s="274">
        <v>1826166</v>
      </c>
      <c r="L16" s="277">
        <v>8737571</v>
      </c>
      <c r="M16" s="278">
        <v>8754821</v>
      </c>
      <c r="N16" s="273">
        <v>0</v>
      </c>
      <c r="O16" s="274">
        <v>0</v>
      </c>
      <c r="P16" s="275">
        <v>0</v>
      </c>
      <c r="Q16" s="279"/>
      <c r="R16" s="274">
        <v>5100</v>
      </c>
      <c r="S16" s="274">
        <v>88055</v>
      </c>
      <c r="T16" s="274">
        <v>1475180</v>
      </c>
      <c r="U16" s="274">
        <v>2483780</v>
      </c>
      <c r="V16" s="274">
        <v>1361395</v>
      </c>
      <c r="W16" s="277">
        <v>5413510</v>
      </c>
      <c r="X16" s="278">
        <v>5413510</v>
      </c>
      <c r="Y16" s="273">
        <v>0</v>
      </c>
      <c r="Z16" s="274">
        <v>0</v>
      </c>
      <c r="AA16" s="275">
        <v>0</v>
      </c>
      <c r="AB16" s="279"/>
      <c r="AC16" s="274">
        <v>102660</v>
      </c>
      <c r="AD16" s="274">
        <v>499720</v>
      </c>
      <c r="AE16" s="274">
        <v>747025</v>
      </c>
      <c r="AF16" s="274">
        <v>869115</v>
      </c>
      <c r="AG16" s="274">
        <v>321740</v>
      </c>
      <c r="AH16" s="277">
        <v>2540260</v>
      </c>
      <c r="AI16" s="278">
        <v>2540260</v>
      </c>
      <c r="AJ16" s="273">
        <v>0</v>
      </c>
      <c r="AK16" s="274">
        <v>0</v>
      </c>
      <c r="AL16" s="275">
        <v>0</v>
      </c>
      <c r="AM16" s="279"/>
      <c r="AN16" s="274">
        <v>0</v>
      </c>
      <c r="AO16" s="274">
        <v>0</v>
      </c>
      <c r="AP16" s="274">
        <v>0</v>
      </c>
      <c r="AQ16" s="274">
        <v>0</v>
      </c>
      <c r="AR16" s="274">
        <v>2550</v>
      </c>
      <c r="AS16" s="277">
        <v>2550</v>
      </c>
      <c r="AT16" s="278">
        <v>2550</v>
      </c>
      <c r="AU16" s="273">
        <v>0</v>
      </c>
      <c r="AV16" s="274">
        <v>0</v>
      </c>
      <c r="AW16" s="275">
        <v>0</v>
      </c>
      <c r="AX16" s="279"/>
      <c r="AY16" s="274">
        <v>0</v>
      </c>
      <c r="AZ16" s="274">
        <v>0</v>
      </c>
      <c r="BA16" s="274">
        <v>0</v>
      </c>
      <c r="BB16" s="274">
        <v>25585</v>
      </c>
      <c r="BC16" s="274">
        <v>36600</v>
      </c>
      <c r="BD16" s="277">
        <v>62185</v>
      </c>
      <c r="BE16" s="278">
        <v>62185</v>
      </c>
      <c r="BF16" s="273">
        <v>0</v>
      </c>
      <c r="BG16" s="274">
        <v>0</v>
      </c>
      <c r="BH16" s="275">
        <v>0</v>
      </c>
      <c r="BI16" s="279"/>
      <c r="BJ16" s="274">
        <v>0</v>
      </c>
      <c r="BK16" s="274">
        <v>0</v>
      </c>
      <c r="BL16" s="274">
        <v>84780</v>
      </c>
      <c r="BM16" s="274">
        <v>97350</v>
      </c>
      <c r="BN16" s="274">
        <v>36750</v>
      </c>
      <c r="BO16" s="277">
        <v>218880</v>
      </c>
      <c r="BP16" s="278">
        <v>218880</v>
      </c>
      <c r="BQ16" s="273">
        <v>4325</v>
      </c>
      <c r="BR16" s="274">
        <v>12925</v>
      </c>
      <c r="BS16" s="275">
        <v>17250</v>
      </c>
      <c r="BT16" s="276">
        <v>0</v>
      </c>
      <c r="BU16" s="274">
        <v>36820</v>
      </c>
      <c r="BV16" s="274">
        <v>65736</v>
      </c>
      <c r="BW16" s="274">
        <v>91047</v>
      </c>
      <c r="BX16" s="274">
        <v>236337</v>
      </c>
      <c r="BY16" s="274">
        <v>67037</v>
      </c>
      <c r="BZ16" s="277">
        <v>496977</v>
      </c>
      <c r="CA16" s="278">
        <v>514227</v>
      </c>
      <c r="CB16" s="273">
        <v>0</v>
      </c>
      <c r="CC16" s="274">
        <v>0</v>
      </c>
      <c r="CD16" s="275">
        <v>0</v>
      </c>
      <c r="CE16" s="276">
        <v>0</v>
      </c>
      <c r="CF16" s="274">
        <v>0</v>
      </c>
      <c r="CG16" s="274">
        <v>3115</v>
      </c>
      <c r="CH16" s="274">
        <v>0</v>
      </c>
      <c r="CI16" s="274">
        <v>0</v>
      </c>
      <c r="CJ16" s="274">
        <v>94</v>
      </c>
      <c r="CK16" s="277">
        <v>3209</v>
      </c>
      <c r="CL16" s="278">
        <v>3209</v>
      </c>
      <c r="CM16" s="273">
        <v>0</v>
      </c>
      <c r="CN16" s="274">
        <v>0</v>
      </c>
      <c r="CO16" s="275">
        <v>0</v>
      </c>
      <c r="CP16" s="276">
        <v>0</v>
      </c>
      <c r="CQ16" s="274">
        <v>0</v>
      </c>
      <c r="CR16" s="274">
        <v>0</v>
      </c>
      <c r="CS16" s="274">
        <v>0</v>
      </c>
      <c r="CT16" s="274">
        <v>0</v>
      </c>
      <c r="CU16" s="274">
        <v>0</v>
      </c>
      <c r="CV16" s="277">
        <v>0</v>
      </c>
      <c r="CW16" s="278">
        <v>0</v>
      </c>
      <c r="CX16" s="273">
        <v>0</v>
      </c>
      <c r="CY16" s="274">
        <v>0</v>
      </c>
      <c r="CZ16" s="275">
        <v>0</v>
      </c>
      <c r="DA16" s="279"/>
      <c r="DB16" s="274">
        <v>0</v>
      </c>
      <c r="DC16" s="274">
        <v>0</v>
      </c>
      <c r="DD16" s="274">
        <v>0</v>
      </c>
      <c r="DE16" s="274">
        <v>0</v>
      </c>
      <c r="DF16" s="274">
        <v>0</v>
      </c>
      <c r="DG16" s="277">
        <v>0</v>
      </c>
      <c r="DH16" s="278">
        <v>0</v>
      </c>
      <c r="DI16" s="273">
        <v>3255</v>
      </c>
      <c r="DJ16" s="274">
        <v>21089</v>
      </c>
      <c r="DK16" s="275">
        <v>24344</v>
      </c>
      <c r="DL16" s="276">
        <v>0</v>
      </c>
      <c r="DM16" s="274">
        <v>151065</v>
      </c>
      <c r="DN16" s="274">
        <v>467982</v>
      </c>
      <c r="DO16" s="274">
        <v>2653329</v>
      </c>
      <c r="DP16" s="274">
        <v>3908242</v>
      </c>
      <c r="DQ16" s="274">
        <v>2179174</v>
      </c>
      <c r="DR16" s="277">
        <v>9359792</v>
      </c>
      <c r="DS16" s="280">
        <v>9384136</v>
      </c>
      <c r="DT16" s="273">
        <v>0</v>
      </c>
      <c r="DU16" s="274">
        <v>0</v>
      </c>
      <c r="DV16" s="275">
        <v>0</v>
      </c>
      <c r="DW16" s="279"/>
      <c r="DX16" s="274">
        <v>41760</v>
      </c>
      <c r="DY16" s="274">
        <v>310368</v>
      </c>
      <c r="DZ16" s="274">
        <v>2158219</v>
      </c>
      <c r="EA16" s="274">
        <v>3156528</v>
      </c>
      <c r="EB16" s="274">
        <v>1864923</v>
      </c>
      <c r="EC16" s="277">
        <v>7531798</v>
      </c>
      <c r="ED16" s="278">
        <v>7531798</v>
      </c>
      <c r="EE16" s="273">
        <v>0</v>
      </c>
      <c r="EF16" s="274">
        <v>0</v>
      </c>
      <c r="EG16" s="275">
        <v>0</v>
      </c>
      <c r="EH16" s="279"/>
      <c r="EI16" s="274">
        <v>35273</v>
      </c>
      <c r="EJ16" s="274">
        <v>27807</v>
      </c>
      <c r="EK16" s="274">
        <v>143349</v>
      </c>
      <c r="EL16" s="274">
        <v>172008</v>
      </c>
      <c r="EM16" s="274">
        <v>29061</v>
      </c>
      <c r="EN16" s="277">
        <v>407498</v>
      </c>
      <c r="EO16" s="278">
        <v>407498</v>
      </c>
      <c r="EP16" s="273">
        <v>0</v>
      </c>
      <c r="EQ16" s="274">
        <v>0</v>
      </c>
      <c r="ER16" s="275">
        <v>0</v>
      </c>
      <c r="ES16" s="279"/>
      <c r="ET16" s="274">
        <v>0</v>
      </c>
      <c r="EU16" s="274">
        <v>0</v>
      </c>
      <c r="EV16" s="274">
        <v>0</v>
      </c>
      <c r="EW16" s="274">
        <v>0</v>
      </c>
      <c r="EX16" s="274">
        <v>210</v>
      </c>
      <c r="EY16" s="277">
        <v>210</v>
      </c>
      <c r="EZ16" s="278">
        <v>210</v>
      </c>
      <c r="FA16" s="273">
        <v>0</v>
      </c>
      <c r="FB16" s="274">
        <v>0</v>
      </c>
      <c r="FC16" s="275">
        <v>0</v>
      </c>
      <c r="FD16" s="279"/>
      <c r="FE16" s="274">
        <v>0</v>
      </c>
      <c r="FF16" s="274">
        <v>0</v>
      </c>
      <c r="FG16" s="274">
        <v>0</v>
      </c>
      <c r="FH16" s="274">
        <v>749</v>
      </c>
      <c r="FI16" s="274">
        <v>1260</v>
      </c>
      <c r="FJ16" s="277">
        <v>2009</v>
      </c>
      <c r="FK16" s="278">
        <v>2009</v>
      </c>
      <c r="FL16" s="273">
        <v>0</v>
      </c>
      <c r="FM16" s="274">
        <v>0</v>
      </c>
      <c r="FN16" s="275">
        <v>0</v>
      </c>
      <c r="FO16" s="279"/>
      <c r="FP16" s="274">
        <v>0</v>
      </c>
      <c r="FQ16" s="274">
        <v>0</v>
      </c>
      <c r="FR16" s="274">
        <v>156684</v>
      </c>
      <c r="FS16" s="274">
        <v>175560</v>
      </c>
      <c r="FT16" s="274">
        <v>77340</v>
      </c>
      <c r="FU16" s="277">
        <v>409584</v>
      </c>
      <c r="FV16" s="278">
        <v>409584</v>
      </c>
      <c r="FW16" s="273">
        <v>3255</v>
      </c>
      <c r="FX16" s="274">
        <v>21089</v>
      </c>
      <c r="FY16" s="275">
        <v>24344</v>
      </c>
      <c r="FZ16" s="276">
        <v>0</v>
      </c>
      <c r="GA16" s="274">
        <v>74032</v>
      </c>
      <c r="GB16" s="274">
        <v>129807</v>
      </c>
      <c r="GC16" s="274">
        <v>194747</v>
      </c>
      <c r="GD16" s="274">
        <v>403397</v>
      </c>
      <c r="GE16" s="274">
        <v>206373</v>
      </c>
      <c r="GF16" s="277">
        <v>1008356</v>
      </c>
      <c r="GG16" s="278">
        <v>1032700</v>
      </c>
      <c r="GH16" s="273">
        <v>0</v>
      </c>
      <c r="GI16" s="274">
        <v>0</v>
      </c>
      <c r="GJ16" s="275">
        <v>0</v>
      </c>
      <c r="GK16" s="276">
        <v>0</v>
      </c>
      <c r="GL16" s="274">
        <v>0</v>
      </c>
      <c r="GM16" s="274">
        <v>0</v>
      </c>
      <c r="GN16" s="274">
        <v>330</v>
      </c>
      <c r="GO16" s="274">
        <v>0</v>
      </c>
      <c r="GP16" s="274">
        <v>7</v>
      </c>
      <c r="GQ16" s="277">
        <v>337</v>
      </c>
      <c r="GR16" s="278">
        <v>337</v>
      </c>
      <c r="GS16" s="273">
        <v>0</v>
      </c>
      <c r="GT16" s="274">
        <v>0</v>
      </c>
      <c r="GU16" s="275">
        <v>0</v>
      </c>
      <c r="GV16" s="276">
        <v>0</v>
      </c>
      <c r="GW16" s="274">
        <v>0</v>
      </c>
      <c r="GX16" s="274">
        <v>0</v>
      </c>
      <c r="GY16" s="274">
        <v>0</v>
      </c>
      <c r="GZ16" s="274">
        <v>0</v>
      </c>
      <c r="HA16" s="274">
        <v>0</v>
      </c>
      <c r="HB16" s="277">
        <v>0</v>
      </c>
      <c r="HC16" s="278">
        <v>0</v>
      </c>
      <c r="HD16" s="273">
        <v>0</v>
      </c>
      <c r="HE16" s="274">
        <v>0</v>
      </c>
      <c r="HF16" s="275">
        <v>0</v>
      </c>
      <c r="HG16" s="279"/>
      <c r="HH16" s="274">
        <v>0</v>
      </c>
      <c r="HI16" s="274">
        <v>0</v>
      </c>
      <c r="HJ16" s="274">
        <v>0</v>
      </c>
      <c r="HK16" s="274">
        <v>0</v>
      </c>
      <c r="HL16" s="274">
        <v>0</v>
      </c>
      <c r="HM16" s="277">
        <v>0</v>
      </c>
      <c r="HN16" s="278">
        <v>0</v>
      </c>
      <c r="HO16" s="273">
        <v>7580</v>
      </c>
      <c r="HP16" s="274">
        <v>34014</v>
      </c>
      <c r="HQ16" s="275">
        <v>41594</v>
      </c>
      <c r="HR16" s="276">
        <v>0</v>
      </c>
      <c r="HS16" s="274">
        <v>295645</v>
      </c>
      <c r="HT16" s="274">
        <v>1124608</v>
      </c>
      <c r="HU16" s="274">
        <v>5051361</v>
      </c>
      <c r="HV16" s="274">
        <v>7620409</v>
      </c>
      <c r="HW16" s="274">
        <v>4005340</v>
      </c>
      <c r="HX16" s="277">
        <v>18097363</v>
      </c>
      <c r="HY16" s="278">
        <v>18138957</v>
      </c>
    </row>
    <row r="17" spans="2:233" ht="21" customHeight="1" x14ac:dyDescent="0.2">
      <c r="B17" s="472" t="s">
        <v>13</v>
      </c>
      <c r="C17" s="273">
        <v>0</v>
      </c>
      <c r="D17" s="274">
        <v>0</v>
      </c>
      <c r="E17" s="275">
        <v>0</v>
      </c>
      <c r="F17" s="276">
        <v>0</v>
      </c>
      <c r="G17" s="274">
        <v>61730</v>
      </c>
      <c r="H17" s="274">
        <v>174275</v>
      </c>
      <c r="I17" s="274">
        <v>490590</v>
      </c>
      <c r="J17" s="274">
        <v>823178</v>
      </c>
      <c r="K17" s="274">
        <v>791035</v>
      </c>
      <c r="L17" s="277">
        <v>2340808</v>
      </c>
      <c r="M17" s="278">
        <v>2340808</v>
      </c>
      <c r="N17" s="273">
        <v>0</v>
      </c>
      <c r="O17" s="274">
        <v>0</v>
      </c>
      <c r="P17" s="275">
        <v>0</v>
      </c>
      <c r="Q17" s="279"/>
      <c r="R17" s="274">
        <v>2550</v>
      </c>
      <c r="S17" s="274">
        <v>2550</v>
      </c>
      <c r="T17" s="274">
        <v>335380</v>
      </c>
      <c r="U17" s="274">
        <v>724920</v>
      </c>
      <c r="V17" s="274">
        <v>694465</v>
      </c>
      <c r="W17" s="277">
        <v>1759865</v>
      </c>
      <c r="X17" s="278">
        <v>1759865</v>
      </c>
      <c r="Y17" s="273">
        <v>0</v>
      </c>
      <c r="Z17" s="274">
        <v>0</v>
      </c>
      <c r="AA17" s="275">
        <v>0</v>
      </c>
      <c r="AB17" s="279"/>
      <c r="AC17" s="274">
        <v>50250</v>
      </c>
      <c r="AD17" s="274">
        <v>153905</v>
      </c>
      <c r="AE17" s="274">
        <v>85345</v>
      </c>
      <c r="AF17" s="274">
        <v>62790</v>
      </c>
      <c r="AG17" s="274">
        <v>53845</v>
      </c>
      <c r="AH17" s="277">
        <v>406135</v>
      </c>
      <c r="AI17" s="278">
        <v>406135</v>
      </c>
      <c r="AJ17" s="273">
        <v>0</v>
      </c>
      <c r="AK17" s="274">
        <v>0</v>
      </c>
      <c r="AL17" s="275">
        <v>0</v>
      </c>
      <c r="AM17" s="279"/>
      <c r="AN17" s="274">
        <v>0</v>
      </c>
      <c r="AO17" s="274">
        <v>0</v>
      </c>
      <c r="AP17" s="274">
        <v>0</v>
      </c>
      <c r="AQ17" s="274">
        <v>0</v>
      </c>
      <c r="AR17" s="274">
        <v>0</v>
      </c>
      <c r="AS17" s="277">
        <v>0</v>
      </c>
      <c r="AT17" s="278">
        <v>0</v>
      </c>
      <c r="AU17" s="273">
        <v>0</v>
      </c>
      <c r="AV17" s="274">
        <v>0</v>
      </c>
      <c r="AW17" s="275">
        <v>0</v>
      </c>
      <c r="AX17" s="279"/>
      <c r="AY17" s="274">
        <v>0</v>
      </c>
      <c r="AZ17" s="274">
        <v>0</v>
      </c>
      <c r="BA17" s="274">
        <v>0</v>
      </c>
      <c r="BB17" s="274">
        <v>0</v>
      </c>
      <c r="BC17" s="274">
        <v>0</v>
      </c>
      <c r="BD17" s="277">
        <v>0</v>
      </c>
      <c r="BE17" s="278">
        <v>0</v>
      </c>
      <c r="BF17" s="273">
        <v>0</v>
      </c>
      <c r="BG17" s="274">
        <v>0</v>
      </c>
      <c r="BH17" s="275">
        <v>0</v>
      </c>
      <c r="BI17" s="279"/>
      <c r="BJ17" s="274">
        <v>0</v>
      </c>
      <c r="BK17" s="274">
        <v>0</v>
      </c>
      <c r="BL17" s="274">
        <v>0</v>
      </c>
      <c r="BM17" s="274">
        <v>0</v>
      </c>
      <c r="BN17" s="274">
        <v>0</v>
      </c>
      <c r="BO17" s="277">
        <v>0</v>
      </c>
      <c r="BP17" s="278">
        <v>0</v>
      </c>
      <c r="BQ17" s="273">
        <v>0</v>
      </c>
      <c r="BR17" s="274">
        <v>0</v>
      </c>
      <c r="BS17" s="275">
        <v>0</v>
      </c>
      <c r="BT17" s="276">
        <v>0</v>
      </c>
      <c r="BU17" s="274">
        <v>8640</v>
      </c>
      <c r="BV17" s="274">
        <v>17820</v>
      </c>
      <c r="BW17" s="274">
        <v>69865</v>
      </c>
      <c r="BX17" s="274">
        <v>19533</v>
      </c>
      <c r="BY17" s="274">
        <v>42725</v>
      </c>
      <c r="BZ17" s="277">
        <v>158583</v>
      </c>
      <c r="CA17" s="278">
        <v>158583</v>
      </c>
      <c r="CB17" s="273">
        <v>0</v>
      </c>
      <c r="CC17" s="274">
        <v>0</v>
      </c>
      <c r="CD17" s="275">
        <v>0</v>
      </c>
      <c r="CE17" s="276">
        <v>0</v>
      </c>
      <c r="CF17" s="274">
        <v>290</v>
      </c>
      <c r="CG17" s="274">
        <v>0</v>
      </c>
      <c r="CH17" s="274">
        <v>0</v>
      </c>
      <c r="CI17" s="274">
        <v>15935</v>
      </c>
      <c r="CJ17" s="274">
        <v>0</v>
      </c>
      <c r="CK17" s="277">
        <v>16225</v>
      </c>
      <c r="CL17" s="278">
        <v>16225</v>
      </c>
      <c r="CM17" s="273">
        <v>0</v>
      </c>
      <c r="CN17" s="274">
        <v>0</v>
      </c>
      <c r="CO17" s="275">
        <v>0</v>
      </c>
      <c r="CP17" s="276">
        <v>0</v>
      </c>
      <c r="CQ17" s="274">
        <v>0</v>
      </c>
      <c r="CR17" s="274">
        <v>0</v>
      </c>
      <c r="CS17" s="274">
        <v>0</v>
      </c>
      <c r="CT17" s="274">
        <v>0</v>
      </c>
      <c r="CU17" s="274">
        <v>0</v>
      </c>
      <c r="CV17" s="277">
        <v>0</v>
      </c>
      <c r="CW17" s="278">
        <v>0</v>
      </c>
      <c r="CX17" s="273">
        <v>0</v>
      </c>
      <c r="CY17" s="274">
        <v>0</v>
      </c>
      <c r="CZ17" s="275">
        <v>0</v>
      </c>
      <c r="DA17" s="279"/>
      <c r="DB17" s="274">
        <v>0</v>
      </c>
      <c r="DC17" s="274">
        <v>0</v>
      </c>
      <c r="DD17" s="274">
        <v>0</v>
      </c>
      <c r="DE17" s="274">
        <v>0</v>
      </c>
      <c r="DF17" s="274">
        <v>0</v>
      </c>
      <c r="DG17" s="277">
        <v>0</v>
      </c>
      <c r="DH17" s="278">
        <v>0</v>
      </c>
      <c r="DI17" s="273">
        <v>0</v>
      </c>
      <c r="DJ17" s="274">
        <v>0</v>
      </c>
      <c r="DK17" s="275">
        <v>0</v>
      </c>
      <c r="DL17" s="276">
        <v>0</v>
      </c>
      <c r="DM17" s="274">
        <v>50308</v>
      </c>
      <c r="DN17" s="274">
        <v>38703</v>
      </c>
      <c r="DO17" s="274">
        <v>648241</v>
      </c>
      <c r="DP17" s="274">
        <v>983104</v>
      </c>
      <c r="DQ17" s="274">
        <v>874701</v>
      </c>
      <c r="DR17" s="277">
        <v>2595057</v>
      </c>
      <c r="DS17" s="280">
        <v>2595057</v>
      </c>
      <c r="DT17" s="273">
        <v>0</v>
      </c>
      <c r="DU17" s="274">
        <v>0</v>
      </c>
      <c r="DV17" s="275">
        <v>0</v>
      </c>
      <c r="DW17" s="279"/>
      <c r="DX17" s="274">
        <v>20880</v>
      </c>
      <c r="DY17" s="274">
        <v>14550</v>
      </c>
      <c r="DZ17" s="274">
        <v>437855</v>
      </c>
      <c r="EA17" s="274">
        <v>899306</v>
      </c>
      <c r="EB17" s="274">
        <v>811096</v>
      </c>
      <c r="EC17" s="277">
        <v>2183687</v>
      </c>
      <c r="ED17" s="278">
        <v>2183687</v>
      </c>
      <c r="EE17" s="273">
        <v>0</v>
      </c>
      <c r="EF17" s="274">
        <v>0</v>
      </c>
      <c r="EG17" s="275">
        <v>0</v>
      </c>
      <c r="EH17" s="279"/>
      <c r="EI17" s="274">
        <v>11160</v>
      </c>
      <c r="EJ17" s="274">
        <v>1687</v>
      </c>
      <c r="EK17" s="274">
        <v>12780</v>
      </c>
      <c r="EL17" s="274">
        <v>2191</v>
      </c>
      <c r="EM17" s="274">
        <v>21993</v>
      </c>
      <c r="EN17" s="277">
        <v>49811</v>
      </c>
      <c r="EO17" s="278">
        <v>49811</v>
      </c>
      <c r="EP17" s="273">
        <v>0</v>
      </c>
      <c r="EQ17" s="274">
        <v>0</v>
      </c>
      <c r="ER17" s="275">
        <v>0</v>
      </c>
      <c r="ES17" s="279"/>
      <c r="ET17" s="274">
        <v>0</v>
      </c>
      <c r="EU17" s="274">
        <v>0</v>
      </c>
      <c r="EV17" s="274">
        <v>0</v>
      </c>
      <c r="EW17" s="274">
        <v>0</v>
      </c>
      <c r="EX17" s="274">
        <v>0</v>
      </c>
      <c r="EY17" s="277">
        <v>0</v>
      </c>
      <c r="EZ17" s="278">
        <v>0</v>
      </c>
      <c r="FA17" s="273">
        <v>0</v>
      </c>
      <c r="FB17" s="274">
        <v>0</v>
      </c>
      <c r="FC17" s="275">
        <v>0</v>
      </c>
      <c r="FD17" s="279"/>
      <c r="FE17" s="274">
        <v>0</v>
      </c>
      <c r="FF17" s="274">
        <v>0</v>
      </c>
      <c r="FG17" s="274">
        <v>0</v>
      </c>
      <c r="FH17" s="274">
        <v>0</v>
      </c>
      <c r="FI17" s="274">
        <v>0</v>
      </c>
      <c r="FJ17" s="277">
        <v>0</v>
      </c>
      <c r="FK17" s="278">
        <v>0</v>
      </c>
      <c r="FL17" s="273">
        <v>0</v>
      </c>
      <c r="FM17" s="274">
        <v>0</v>
      </c>
      <c r="FN17" s="275">
        <v>0</v>
      </c>
      <c r="FO17" s="279"/>
      <c r="FP17" s="274">
        <v>0</v>
      </c>
      <c r="FQ17" s="274">
        <v>0</v>
      </c>
      <c r="FR17" s="274">
        <v>0</v>
      </c>
      <c r="FS17" s="274">
        <v>0</v>
      </c>
      <c r="FT17" s="274">
        <v>0</v>
      </c>
      <c r="FU17" s="277">
        <v>0</v>
      </c>
      <c r="FV17" s="278">
        <v>0</v>
      </c>
      <c r="FW17" s="273">
        <v>0</v>
      </c>
      <c r="FX17" s="274">
        <v>0</v>
      </c>
      <c r="FY17" s="275">
        <v>0</v>
      </c>
      <c r="FZ17" s="276">
        <v>0</v>
      </c>
      <c r="GA17" s="274">
        <v>16836</v>
      </c>
      <c r="GB17" s="274">
        <v>22466</v>
      </c>
      <c r="GC17" s="274">
        <v>197606</v>
      </c>
      <c r="GD17" s="274">
        <v>73136</v>
      </c>
      <c r="GE17" s="274">
        <v>41612</v>
      </c>
      <c r="GF17" s="277">
        <v>351656</v>
      </c>
      <c r="GG17" s="278">
        <v>351656</v>
      </c>
      <c r="GH17" s="273">
        <v>0</v>
      </c>
      <c r="GI17" s="274">
        <v>0</v>
      </c>
      <c r="GJ17" s="275">
        <v>0</v>
      </c>
      <c r="GK17" s="276">
        <v>0</v>
      </c>
      <c r="GL17" s="274">
        <v>1432</v>
      </c>
      <c r="GM17" s="274">
        <v>0</v>
      </c>
      <c r="GN17" s="274">
        <v>0</v>
      </c>
      <c r="GO17" s="274">
        <v>8471</v>
      </c>
      <c r="GP17" s="274">
        <v>0</v>
      </c>
      <c r="GQ17" s="277">
        <v>9903</v>
      </c>
      <c r="GR17" s="278">
        <v>9903</v>
      </c>
      <c r="GS17" s="273">
        <v>0</v>
      </c>
      <c r="GT17" s="274">
        <v>0</v>
      </c>
      <c r="GU17" s="275">
        <v>0</v>
      </c>
      <c r="GV17" s="276">
        <v>0</v>
      </c>
      <c r="GW17" s="274">
        <v>0</v>
      </c>
      <c r="GX17" s="274">
        <v>0</v>
      </c>
      <c r="GY17" s="274">
        <v>0</v>
      </c>
      <c r="GZ17" s="274">
        <v>0</v>
      </c>
      <c r="HA17" s="274">
        <v>0</v>
      </c>
      <c r="HB17" s="277">
        <v>0</v>
      </c>
      <c r="HC17" s="278">
        <v>0</v>
      </c>
      <c r="HD17" s="273">
        <v>0</v>
      </c>
      <c r="HE17" s="274">
        <v>0</v>
      </c>
      <c r="HF17" s="275">
        <v>0</v>
      </c>
      <c r="HG17" s="279"/>
      <c r="HH17" s="274">
        <v>0</v>
      </c>
      <c r="HI17" s="274">
        <v>0</v>
      </c>
      <c r="HJ17" s="274">
        <v>0</v>
      </c>
      <c r="HK17" s="274">
        <v>0</v>
      </c>
      <c r="HL17" s="274">
        <v>0</v>
      </c>
      <c r="HM17" s="277">
        <v>0</v>
      </c>
      <c r="HN17" s="278">
        <v>0</v>
      </c>
      <c r="HO17" s="273">
        <v>0</v>
      </c>
      <c r="HP17" s="274">
        <v>0</v>
      </c>
      <c r="HQ17" s="275">
        <v>0</v>
      </c>
      <c r="HR17" s="276">
        <v>0</v>
      </c>
      <c r="HS17" s="274">
        <v>112038</v>
      </c>
      <c r="HT17" s="274">
        <v>212978</v>
      </c>
      <c r="HU17" s="274">
        <v>1138831</v>
      </c>
      <c r="HV17" s="274">
        <v>1806282</v>
      </c>
      <c r="HW17" s="274">
        <v>1665736</v>
      </c>
      <c r="HX17" s="277">
        <v>4935865</v>
      </c>
      <c r="HY17" s="278">
        <v>4935865</v>
      </c>
    </row>
    <row r="18" spans="2:233" ht="21" customHeight="1" x14ac:dyDescent="0.2">
      <c r="B18" s="472" t="s">
        <v>15</v>
      </c>
      <c r="C18" s="273">
        <v>0</v>
      </c>
      <c r="D18" s="274">
        <v>0</v>
      </c>
      <c r="E18" s="275">
        <v>0</v>
      </c>
      <c r="F18" s="276">
        <v>0</v>
      </c>
      <c r="G18" s="274">
        <v>173397</v>
      </c>
      <c r="H18" s="274">
        <v>397369</v>
      </c>
      <c r="I18" s="274">
        <v>1502743</v>
      </c>
      <c r="J18" s="274">
        <v>2064044</v>
      </c>
      <c r="K18" s="274">
        <v>1423135</v>
      </c>
      <c r="L18" s="277">
        <v>5560688</v>
      </c>
      <c r="M18" s="278">
        <v>5560688</v>
      </c>
      <c r="N18" s="273">
        <v>0</v>
      </c>
      <c r="O18" s="274">
        <v>0</v>
      </c>
      <c r="P18" s="275">
        <v>0</v>
      </c>
      <c r="Q18" s="279"/>
      <c r="R18" s="274">
        <v>2550</v>
      </c>
      <c r="S18" s="274">
        <v>0</v>
      </c>
      <c r="T18" s="274">
        <v>1027565</v>
      </c>
      <c r="U18" s="274">
        <v>1329110</v>
      </c>
      <c r="V18" s="274">
        <v>1062370</v>
      </c>
      <c r="W18" s="277">
        <v>3421595</v>
      </c>
      <c r="X18" s="278">
        <v>3421595</v>
      </c>
      <c r="Y18" s="273">
        <v>0</v>
      </c>
      <c r="Z18" s="274">
        <v>0</v>
      </c>
      <c r="AA18" s="275">
        <v>0</v>
      </c>
      <c r="AB18" s="279"/>
      <c r="AC18" s="274">
        <v>156670</v>
      </c>
      <c r="AD18" s="274">
        <v>326512</v>
      </c>
      <c r="AE18" s="274">
        <v>275671</v>
      </c>
      <c r="AF18" s="274">
        <v>523557</v>
      </c>
      <c r="AG18" s="274">
        <v>176975</v>
      </c>
      <c r="AH18" s="277">
        <v>1459385</v>
      </c>
      <c r="AI18" s="278">
        <v>1459385</v>
      </c>
      <c r="AJ18" s="273">
        <v>0</v>
      </c>
      <c r="AK18" s="274">
        <v>0</v>
      </c>
      <c r="AL18" s="275">
        <v>0</v>
      </c>
      <c r="AM18" s="279"/>
      <c r="AN18" s="274">
        <v>0</v>
      </c>
      <c r="AO18" s="274">
        <v>0</v>
      </c>
      <c r="AP18" s="274">
        <v>0</v>
      </c>
      <c r="AQ18" s="274">
        <v>0</v>
      </c>
      <c r="AR18" s="274">
        <v>0</v>
      </c>
      <c r="AS18" s="277">
        <v>0</v>
      </c>
      <c r="AT18" s="278">
        <v>0</v>
      </c>
      <c r="AU18" s="273">
        <v>0</v>
      </c>
      <c r="AV18" s="274">
        <v>0</v>
      </c>
      <c r="AW18" s="275">
        <v>0</v>
      </c>
      <c r="AX18" s="279"/>
      <c r="AY18" s="274">
        <v>0</v>
      </c>
      <c r="AZ18" s="274">
        <v>0</v>
      </c>
      <c r="BA18" s="274">
        <v>0</v>
      </c>
      <c r="BB18" s="274">
        <v>0</v>
      </c>
      <c r="BC18" s="274">
        <v>0</v>
      </c>
      <c r="BD18" s="277">
        <v>0</v>
      </c>
      <c r="BE18" s="278">
        <v>0</v>
      </c>
      <c r="BF18" s="273">
        <v>0</v>
      </c>
      <c r="BG18" s="274">
        <v>0</v>
      </c>
      <c r="BH18" s="275">
        <v>0</v>
      </c>
      <c r="BI18" s="279"/>
      <c r="BJ18" s="274">
        <v>0</v>
      </c>
      <c r="BK18" s="274">
        <v>0</v>
      </c>
      <c r="BL18" s="274">
        <v>68400</v>
      </c>
      <c r="BM18" s="274">
        <v>99985</v>
      </c>
      <c r="BN18" s="274">
        <v>63300</v>
      </c>
      <c r="BO18" s="277">
        <v>231685</v>
      </c>
      <c r="BP18" s="278">
        <v>231685</v>
      </c>
      <c r="BQ18" s="273">
        <v>0</v>
      </c>
      <c r="BR18" s="274">
        <v>0</v>
      </c>
      <c r="BS18" s="275">
        <v>0</v>
      </c>
      <c r="BT18" s="276">
        <v>0</v>
      </c>
      <c r="BU18" s="274">
        <v>1502</v>
      </c>
      <c r="BV18" s="274">
        <v>57974</v>
      </c>
      <c r="BW18" s="274">
        <v>117741</v>
      </c>
      <c r="BX18" s="274">
        <v>106304</v>
      </c>
      <c r="BY18" s="274">
        <v>120490</v>
      </c>
      <c r="BZ18" s="277">
        <v>404011</v>
      </c>
      <c r="CA18" s="278">
        <v>404011</v>
      </c>
      <c r="CB18" s="273">
        <v>0</v>
      </c>
      <c r="CC18" s="274">
        <v>0</v>
      </c>
      <c r="CD18" s="275">
        <v>0</v>
      </c>
      <c r="CE18" s="276">
        <v>0</v>
      </c>
      <c r="CF18" s="274">
        <v>12675</v>
      </c>
      <c r="CG18" s="274">
        <v>12883</v>
      </c>
      <c r="CH18" s="274">
        <v>13366</v>
      </c>
      <c r="CI18" s="274">
        <v>5088</v>
      </c>
      <c r="CJ18" s="274">
        <v>0</v>
      </c>
      <c r="CK18" s="277">
        <v>44012</v>
      </c>
      <c r="CL18" s="278">
        <v>44012</v>
      </c>
      <c r="CM18" s="273">
        <v>0</v>
      </c>
      <c r="CN18" s="274">
        <v>0</v>
      </c>
      <c r="CO18" s="275">
        <v>0</v>
      </c>
      <c r="CP18" s="276">
        <v>0</v>
      </c>
      <c r="CQ18" s="274">
        <v>0</v>
      </c>
      <c r="CR18" s="274">
        <v>0</v>
      </c>
      <c r="CS18" s="274">
        <v>0</v>
      </c>
      <c r="CT18" s="274">
        <v>0</v>
      </c>
      <c r="CU18" s="274">
        <v>0</v>
      </c>
      <c r="CV18" s="277">
        <v>0</v>
      </c>
      <c r="CW18" s="278">
        <v>0</v>
      </c>
      <c r="CX18" s="273">
        <v>0</v>
      </c>
      <c r="CY18" s="274">
        <v>0</v>
      </c>
      <c r="CZ18" s="275">
        <v>0</v>
      </c>
      <c r="DA18" s="279"/>
      <c r="DB18" s="274">
        <v>0</v>
      </c>
      <c r="DC18" s="274">
        <v>0</v>
      </c>
      <c r="DD18" s="274">
        <v>0</v>
      </c>
      <c r="DE18" s="274">
        <v>0</v>
      </c>
      <c r="DF18" s="274">
        <v>0</v>
      </c>
      <c r="DG18" s="277">
        <v>0</v>
      </c>
      <c r="DH18" s="278">
        <v>0</v>
      </c>
      <c r="DI18" s="273">
        <v>0</v>
      </c>
      <c r="DJ18" s="274">
        <v>0</v>
      </c>
      <c r="DK18" s="275">
        <v>0</v>
      </c>
      <c r="DL18" s="276">
        <v>0</v>
      </c>
      <c r="DM18" s="274">
        <v>26480</v>
      </c>
      <c r="DN18" s="274">
        <v>161275</v>
      </c>
      <c r="DO18" s="274">
        <v>1460647</v>
      </c>
      <c r="DP18" s="274">
        <v>1926738</v>
      </c>
      <c r="DQ18" s="274">
        <v>1457344</v>
      </c>
      <c r="DR18" s="277">
        <v>5032484</v>
      </c>
      <c r="DS18" s="280">
        <v>5032484</v>
      </c>
      <c r="DT18" s="273">
        <v>0</v>
      </c>
      <c r="DU18" s="274">
        <v>0</v>
      </c>
      <c r="DV18" s="275">
        <v>0</v>
      </c>
      <c r="DW18" s="279"/>
      <c r="DX18" s="274">
        <v>10530</v>
      </c>
      <c r="DY18" s="274">
        <v>0</v>
      </c>
      <c r="DZ18" s="274">
        <v>1036097</v>
      </c>
      <c r="EA18" s="274">
        <v>1572859</v>
      </c>
      <c r="EB18" s="274">
        <v>1203084</v>
      </c>
      <c r="EC18" s="277">
        <v>3822570</v>
      </c>
      <c r="ED18" s="278">
        <v>3822570</v>
      </c>
      <c r="EE18" s="273">
        <v>0</v>
      </c>
      <c r="EF18" s="274">
        <v>0</v>
      </c>
      <c r="EG18" s="275">
        <v>0</v>
      </c>
      <c r="EH18" s="279"/>
      <c r="EI18" s="274">
        <v>12780</v>
      </c>
      <c r="EJ18" s="274">
        <v>58496</v>
      </c>
      <c r="EK18" s="274">
        <v>24651</v>
      </c>
      <c r="EL18" s="274">
        <v>40243</v>
      </c>
      <c r="EM18" s="274">
        <v>52067</v>
      </c>
      <c r="EN18" s="277">
        <v>188237</v>
      </c>
      <c r="EO18" s="278">
        <v>188237</v>
      </c>
      <c r="EP18" s="273">
        <v>0</v>
      </c>
      <c r="EQ18" s="274">
        <v>0</v>
      </c>
      <c r="ER18" s="275">
        <v>0</v>
      </c>
      <c r="ES18" s="279"/>
      <c r="ET18" s="274">
        <v>0</v>
      </c>
      <c r="EU18" s="274">
        <v>0</v>
      </c>
      <c r="EV18" s="274">
        <v>0</v>
      </c>
      <c r="EW18" s="274">
        <v>0</v>
      </c>
      <c r="EX18" s="274">
        <v>0</v>
      </c>
      <c r="EY18" s="277">
        <v>0</v>
      </c>
      <c r="EZ18" s="278">
        <v>0</v>
      </c>
      <c r="FA18" s="273">
        <v>0</v>
      </c>
      <c r="FB18" s="274">
        <v>0</v>
      </c>
      <c r="FC18" s="275">
        <v>0</v>
      </c>
      <c r="FD18" s="279"/>
      <c r="FE18" s="274">
        <v>0</v>
      </c>
      <c r="FF18" s="274">
        <v>0</v>
      </c>
      <c r="FG18" s="274">
        <v>0</v>
      </c>
      <c r="FH18" s="274">
        <v>0</v>
      </c>
      <c r="FI18" s="274">
        <v>0</v>
      </c>
      <c r="FJ18" s="277">
        <v>0</v>
      </c>
      <c r="FK18" s="278">
        <v>0</v>
      </c>
      <c r="FL18" s="273">
        <v>0</v>
      </c>
      <c r="FM18" s="274">
        <v>0</v>
      </c>
      <c r="FN18" s="275">
        <v>0</v>
      </c>
      <c r="FO18" s="279"/>
      <c r="FP18" s="274">
        <v>0</v>
      </c>
      <c r="FQ18" s="274">
        <v>0</v>
      </c>
      <c r="FR18" s="274">
        <v>117096</v>
      </c>
      <c r="FS18" s="274">
        <v>197136</v>
      </c>
      <c r="FT18" s="274">
        <v>71160</v>
      </c>
      <c r="FU18" s="277">
        <v>385392</v>
      </c>
      <c r="FV18" s="278">
        <v>385392</v>
      </c>
      <c r="FW18" s="273">
        <v>0</v>
      </c>
      <c r="FX18" s="274">
        <v>0</v>
      </c>
      <c r="FY18" s="275">
        <v>0</v>
      </c>
      <c r="FZ18" s="276">
        <v>0</v>
      </c>
      <c r="GA18" s="274">
        <v>3058</v>
      </c>
      <c r="GB18" s="274">
        <v>102583</v>
      </c>
      <c r="GC18" s="274">
        <v>279385</v>
      </c>
      <c r="GD18" s="274">
        <v>115195</v>
      </c>
      <c r="GE18" s="274">
        <v>131033</v>
      </c>
      <c r="GF18" s="277">
        <v>631254</v>
      </c>
      <c r="GG18" s="278">
        <v>631254</v>
      </c>
      <c r="GH18" s="273">
        <v>0</v>
      </c>
      <c r="GI18" s="274">
        <v>0</v>
      </c>
      <c r="GJ18" s="275">
        <v>0</v>
      </c>
      <c r="GK18" s="276">
        <v>0</v>
      </c>
      <c r="GL18" s="274">
        <v>112</v>
      </c>
      <c r="GM18" s="274">
        <v>196</v>
      </c>
      <c r="GN18" s="274">
        <v>3418</v>
      </c>
      <c r="GO18" s="274">
        <v>1305</v>
      </c>
      <c r="GP18" s="274">
        <v>0</v>
      </c>
      <c r="GQ18" s="277">
        <v>5031</v>
      </c>
      <c r="GR18" s="278">
        <v>5031</v>
      </c>
      <c r="GS18" s="273">
        <v>0</v>
      </c>
      <c r="GT18" s="274">
        <v>0</v>
      </c>
      <c r="GU18" s="275">
        <v>0</v>
      </c>
      <c r="GV18" s="276">
        <v>0</v>
      </c>
      <c r="GW18" s="274">
        <v>0</v>
      </c>
      <c r="GX18" s="274">
        <v>0</v>
      </c>
      <c r="GY18" s="274">
        <v>0</v>
      </c>
      <c r="GZ18" s="274">
        <v>0</v>
      </c>
      <c r="HA18" s="274">
        <v>0</v>
      </c>
      <c r="HB18" s="277">
        <v>0</v>
      </c>
      <c r="HC18" s="278">
        <v>0</v>
      </c>
      <c r="HD18" s="273">
        <v>0</v>
      </c>
      <c r="HE18" s="274">
        <v>0</v>
      </c>
      <c r="HF18" s="275">
        <v>0</v>
      </c>
      <c r="HG18" s="279"/>
      <c r="HH18" s="274">
        <v>0</v>
      </c>
      <c r="HI18" s="274">
        <v>0</v>
      </c>
      <c r="HJ18" s="274">
        <v>0</v>
      </c>
      <c r="HK18" s="274">
        <v>0</v>
      </c>
      <c r="HL18" s="274">
        <v>0</v>
      </c>
      <c r="HM18" s="277">
        <v>0</v>
      </c>
      <c r="HN18" s="278">
        <v>0</v>
      </c>
      <c r="HO18" s="273">
        <v>0</v>
      </c>
      <c r="HP18" s="274">
        <v>0</v>
      </c>
      <c r="HQ18" s="275">
        <v>0</v>
      </c>
      <c r="HR18" s="276">
        <v>0</v>
      </c>
      <c r="HS18" s="274">
        <v>199877</v>
      </c>
      <c r="HT18" s="274">
        <v>558644</v>
      </c>
      <c r="HU18" s="274">
        <v>2963390</v>
      </c>
      <c r="HV18" s="274">
        <v>3990782</v>
      </c>
      <c r="HW18" s="274">
        <v>2880479</v>
      </c>
      <c r="HX18" s="277">
        <v>10593172</v>
      </c>
      <c r="HY18" s="278">
        <v>10593172</v>
      </c>
    </row>
    <row r="19" spans="2:233" ht="21" customHeight="1" x14ac:dyDescent="0.2">
      <c r="B19" s="472" t="s">
        <v>16</v>
      </c>
      <c r="C19" s="273">
        <v>0</v>
      </c>
      <c r="D19" s="274">
        <v>0</v>
      </c>
      <c r="E19" s="275">
        <v>0</v>
      </c>
      <c r="F19" s="276">
        <v>0</v>
      </c>
      <c r="G19" s="274">
        <v>277302</v>
      </c>
      <c r="H19" s="274">
        <v>815418</v>
      </c>
      <c r="I19" s="274">
        <v>2634249</v>
      </c>
      <c r="J19" s="274">
        <v>3296970</v>
      </c>
      <c r="K19" s="274">
        <v>2150586</v>
      </c>
      <c r="L19" s="277">
        <v>9174525</v>
      </c>
      <c r="M19" s="278">
        <v>9174525</v>
      </c>
      <c r="N19" s="273">
        <v>0</v>
      </c>
      <c r="O19" s="274">
        <v>0</v>
      </c>
      <c r="P19" s="275">
        <v>0</v>
      </c>
      <c r="Q19" s="279"/>
      <c r="R19" s="274">
        <v>92672</v>
      </c>
      <c r="S19" s="274">
        <v>28565</v>
      </c>
      <c r="T19" s="274">
        <v>1559652</v>
      </c>
      <c r="U19" s="274">
        <v>2362584</v>
      </c>
      <c r="V19" s="274">
        <v>1572192</v>
      </c>
      <c r="W19" s="277">
        <v>5615665</v>
      </c>
      <c r="X19" s="278">
        <v>5615665</v>
      </c>
      <c r="Y19" s="273">
        <v>0</v>
      </c>
      <c r="Z19" s="274">
        <v>0</v>
      </c>
      <c r="AA19" s="275">
        <v>0</v>
      </c>
      <c r="AB19" s="279"/>
      <c r="AC19" s="274">
        <v>141170</v>
      </c>
      <c r="AD19" s="274">
        <v>636258</v>
      </c>
      <c r="AE19" s="274">
        <v>971070</v>
      </c>
      <c r="AF19" s="274">
        <v>654780</v>
      </c>
      <c r="AG19" s="274">
        <v>251725</v>
      </c>
      <c r="AH19" s="277">
        <v>2655003</v>
      </c>
      <c r="AI19" s="278">
        <v>2655003</v>
      </c>
      <c r="AJ19" s="273">
        <v>0</v>
      </c>
      <c r="AK19" s="274">
        <v>0</v>
      </c>
      <c r="AL19" s="275">
        <v>0</v>
      </c>
      <c r="AM19" s="279"/>
      <c r="AN19" s="274">
        <v>0</v>
      </c>
      <c r="AO19" s="274">
        <v>0</v>
      </c>
      <c r="AP19" s="274">
        <v>0</v>
      </c>
      <c r="AQ19" s="274">
        <v>0</v>
      </c>
      <c r="AR19" s="274">
        <v>0</v>
      </c>
      <c r="AS19" s="277">
        <v>0</v>
      </c>
      <c r="AT19" s="278">
        <v>0</v>
      </c>
      <c r="AU19" s="273">
        <v>0</v>
      </c>
      <c r="AV19" s="274">
        <v>0</v>
      </c>
      <c r="AW19" s="275">
        <v>0</v>
      </c>
      <c r="AX19" s="279"/>
      <c r="AY19" s="274">
        <v>0</v>
      </c>
      <c r="AZ19" s="274">
        <v>0</v>
      </c>
      <c r="BA19" s="274">
        <v>0</v>
      </c>
      <c r="BB19" s="274">
        <v>110550</v>
      </c>
      <c r="BC19" s="274">
        <v>118200</v>
      </c>
      <c r="BD19" s="277">
        <v>228750</v>
      </c>
      <c r="BE19" s="278">
        <v>228750</v>
      </c>
      <c r="BF19" s="273">
        <v>0</v>
      </c>
      <c r="BG19" s="274">
        <v>0</v>
      </c>
      <c r="BH19" s="275">
        <v>0</v>
      </c>
      <c r="BI19" s="279"/>
      <c r="BJ19" s="274">
        <v>2550</v>
      </c>
      <c r="BK19" s="274">
        <v>26400</v>
      </c>
      <c r="BL19" s="274">
        <v>31500</v>
      </c>
      <c r="BM19" s="274">
        <v>60600</v>
      </c>
      <c r="BN19" s="274">
        <v>146730</v>
      </c>
      <c r="BO19" s="277">
        <v>267780</v>
      </c>
      <c r="BP19" s="278">
        <v>267780</v>
      </c>
      <c r="BQ19" s="273">
        <v>0</v>
      </c>
      <c r="BR19" s="274">
        <v>0</v>
      </c>
      <c r="BS19" s="275">
        <v>0</v>
      </c>
      <c r="BT19" s="276">
        <v>0</v>
      </c>
      <c r="BU19" s="274">
        <v>40910</v>
      </c>
      <c r="BV19" s="274">
        <v>124195</v>
      </c>
      <c r="BW19" s="274">
        <v>72027</v>
      </c>
      <c r="BX19" s="274">
        <v>99701</v>
      </c>
      <c r="BY19" s="274">
        <v>61739</v>
      </c>
      <c r="BZ19" s="277">
        <v>398572</v>
      </c>
      <c r="CA19" s="278">
        <v>398572</v>
      </c>
      <c r="CB19" s="273">
        <v>0</v>
      </c>
      <c r="CC19" s="274">
        <v>0</v>
      </c>
      <c r="CD19" s="275">
        <v>0</v>
      </c>
      <c r="CE19" s="276">
        <v>0</v>
      </c>
      <c r="CF19" s="274">
        <v>0</v>
      </c>
      <c r="CG19" s="274">
        <v>0</v>
      </c>
      <c r="CH19" s="274">
        <v>0</v>
      </c>
      <c r="CI19" s="274">
        <v>8755</v>
      </c>
      <c r="CJ19" s="274">
        <v>0</v>
      </c>
      <c r="CK19" s="277">
        <v>8755</v>
      </c>
      <c r="CL19" s="278">
        <v>8755</v>
      </c>
      <c r="CM19" s="273">
        <v>0</v>
      </c>
      <c r="CN19" s="274">
        <v>0</v>
      </c>
      <c r="CO19" s="275">
        <v>0</v>
      </c>
      <c r="CP19" s="276">
        <v>0</v>
      </c>
      <c r="CQ19" s="274">
        <v>0</v>
      </c>
      <c r="CR19" s="274">
        <v>0</v>
      </c>
      <c r="CS19" s="274">
        <v>0</v>
      </c>
      <c r="CT19" s="274">
        <v>0</v>
      </c>
      <c r="CU19" s="274">
        <v>0</v>
      </c>
      <c r="CV19" s="277">
        <v>0</v>
      </c>
      <c r="CW19" s="278">
        <v>0</v>
      </c>
      <c r="CX19" s="273">
        <v>0</v>
      </c>
      <c r="CY19" s="274">
        <v>0</v>
      </c>
      <c r="CZ19" s="275">
        <v>0</v>
      </c>
      <c r="DA19" s="279"/>
      <c r="DB19" s="274">
        <v>0</v>
      </c>
      <c r="DC19" s="274">
        <v>0</v>
      </c>
      <c r="DD19" s="274">
        <v>0</v>
      </c>
      <c r="DE19" s="274">
        <v>0</v>
      </c>
      <c r="DF19" s="274">
        <v>0</v>
      </c>
      <c r="DG19" s="277">
        <v>0</v>
      </c>
      <c r="DH19" s="278">
        <v>0</v>
      </c>
      <c r="DI19" s="273">
        <v>0</v>
      </c>
      <c r="DJ19" s="274">
        <v>0</v>
      </c>
      <c r="DK19" s="275">
        <v>0</v>
      </c>
      <c r="DL19" s="276">
        <v>0</v>
      </c>
      <c r="DM19" s="274">
        <v>342447</v>
      </c>
      <c r="DN19" s="274">
        <v>676165</v>
      </c>
      <c r="DO19" s="274">
        <v>2748271</v>
      </c>
      <c r="DP19" s="274">
        <v>3786828</v>
      </c>
      <c r="DQ19" s="274">
        <v>2280048</v>
      </c>
      <c r="DR19" s="277">
        <v>9833759</v>
      </c>
      <c r="DS19" s="280">
        <v>9833759</v>
      </c>
      <c r="DT19" s="273">
        <v>0</v>
      </c>
      <c r="DU19" s="274">
        <v>0</v>
      </c>
      <c r="DV19" s="275">
        <v>0</v>
      </c>
      <c r="DW19" s="279"/>
      <c r="DX19" s="274">
        <v>88560</v>
      </c>
      <c r="DY19" s="274">
        <v>196560</v>
      </c>
      <c r="DZ19" s="274">
        <v>2264785</v>
      </c>
      <c r="EA19" s="274">
        <v>3324565</v>
      </c>
      <c r="EB19" s="274">
        <v>1912162</v>
      </c>
      <c r="EC19" s="277">
        <v>7786632</v>
      </c>
      <c r="ED19" s="278">
        <v>7786632</v>
      </c>
      <c r="EE19" s="273">
        <v>0</v>
      </c>
      <c r="EF19" s="274">
        <v>0</v>
      </c>
      <c r="EG19" s="275">
        <v>0</v>
      </c>
      <c r="EH19" s="279"/>
      <c r="EI19" s="274">
        <v>184170</v>
      </c>
      <c r="EJ19" s="274">
        <v>246255</v>
      </c>
      <c r="EK19" s="274">
        <v>275908</v>
      </c>
      <c r="EL19" s="274">
        <v>153791</v>
      </c>
      <c r="EM19" s="274">
        <v>111194</v>
      </c>
      <c r="EN19" s="277">
        <v>971318</v>
      </c>
      <c r="EO19" s="278">
        <v>971318</v>
      </c>
      <c r="EP19" s="273">
        <v>0</v>
      </c>
      <c r="EQ19" s="274">
        <v>0</v>
      </c>
      <c r="ER19" s="275">
        <v>0</v>
      </c>
      <c r="ES19" s="279"/>
      <c r="ET19" s="274">
        <v>0</v>
      </c>
      <c r="EU19" s="274">
        <v>0</v>
      </c>
      <c r="EV19" s="274">
        <v>0</v>
      </c>
      <c r="EW19" s="274">
        <v>0</v>
      </c>
      <c r="EX19" s="274">
        <v>0</v>
      </c>
      <c r="EY19" s="277">
        <v>0</v>
      </c>
      <c r="EZ19" s="278">
        <v>0</v>
      </c>
      <c r="FA19" s="273">
        <v>0</v>
      </c>
      <c r="FB19" s="274">
        <v>0</v>
      </c>
      <c r="FC19" s="275">
        <v>0</v>
      </c>
      <c r="FD19" s="279"/>
      <c r="FE19" s="274">
        <v>0</v>
      </c>
      <c r="FF19" s="274">
        <v>0</v>
      </c>
      <c r="FG19" s="274">
        <v>0</v>
      </c>
      <c r="FH19" s="274">
        <v>23670</v>
      </c>
      <c r="FI19" s="274">
        <v>24314</v>
      </c>
      <c r="FJ19" s="277">
        <v>47984</v>
      </c>
      <c r="FK19" s="278">
        <v>47984</v>
      </c>
      <c r="FL19" s="273">
        <v>0</v>
      </c>
      <c r="FM19" s="274">
        <v>0</v>
      </c>
      <c r="FN19" s="275">
        <v>0</v>
      </c>
      <c r="FO19" s="279"/>
      <c r="FP19" s="274">
        <v>20880</v>
      </c>
      <c r="FQ19" s="274">
        <v>41760</v>
      </c>
      <c r="FR19" s="274">
        <v>83520</v>
      </c>
      <c r="FS19" s="274">
        <v>98220</v>
      </c>
      <c r="FT19" s="274">
        <v>181908</v>
      </c>
      <c r="FU19" s="277">
        <v>426288</v>
      </c>
      <c r="FV19" s="278">
        <v>426288</v>
      </c>
      <c r="FW19" s="273">
        <v>0</v>
      </c>
      <c r="FX19" s="274">
        <v>0</v>
      </c>
      <c r="FY19" s="275">
        <v>0</v>
      </c>
      <c r="FZ19" s="276">
        <v>0</v>
      </c>
      <c r="GA19" s="274">
        <v>48837</v>
      </c>
      <c r="GB19" s="274">
        <v>191590</v>
      </c>
      <c r="GC19" s="274">
        <v>124058</v>
      </c>
      <c r="GD19" s="274">
        <v>178195</v>
      </c>
      <c r="GE19" s="274">
        <v>50470</v>
      </c>
      <c r="GF19" s="277">
        <v>593150</v>
      </c>
      <c r="GG19" s="278">
        <v>593150</v>
      </c>
      <c r="GH19" s="273">
        <v>0</v>
      </c>
      <c r="GI19" s="274">
        <v>0</v>
      </c>
      <c r="GJ19" s="275">
        <v>0</v>
      </c>
      <c r="GK19" s="276">
        <v>0</v>
      </c>
      <c r="GL19" s="274">
        <v>0</v>
      </c>
      <c r="GM19" s="274">
        <v>0</v>
      </c>
      <c r="GN19" s="274">
        <v>0</v>
      </c>
      <c r="GO19" s="274">
        <v>8387</v>
      </c>
      <c r="GP19" s="274">
        <v>0</v>
      </c>
      <c r="GQ19" s="277">
        <v>8387</v>
      </c>
      <c r="GR19" s="278">
        <v>8387</v>
      </c>
      <c r="GS19" s="273">
        <v>0</v>
      </c>
      <c r="GT19" s="274">
        <v>0</v>
      </c>
      <c r="GU19" s="275">
        <v>0</v>
      </c>
      <c r="GV19" s="276">
        <v>0</v>
      </c>
      <c r="GW19" s="274">
        <v>0</v>
      </c>
      <c r="GX19" s="274">
        <v>0</v>
      </c>
      <c r="GY19" s="274">
        <v>0</v>
      </c>
      <c r="GZ19" s="274">
        <v>0</v>
      </c>
      <c r="HA19" s="274">
        <v>0</v>
      </c>
      <c r="HB19" s="277">
        <v>0</v>
      </c>
      <c r="HC19" s="278">
        <v>0</v>
      </c>
      <c r="HD19" s="273">
        <v>0</v>
      </c>
      <c r="HE19" s="274">
        <v>0</v>
      </c>
      <c r="HF19" s="275">
        <v>0</v>
      </c>
      <c r="HG19" s="279"/>
      <c r="HH19" s="274">
        <v>0</v>
      </c>
      <c r="HI19" s="274">
        <v>0</v>
      </c>
      <c r="HJ19" s="274">
        <v>0</v>
      </c>
      <c r="HK19" s="274">
        <v>0</v>
      </c>
      <c r="HL19" s="274">
        <v>0</v>
      </c>
      <c r="HM19" s="277">
        <v>0</v>
      </c>
      <c r="HN19" s="278">
        <v>0</v>
      </c>
      <c r="HO19" s="273">
        <v>0</v>
      </c>
      <c r="HP19" s="274">
        <v>0</v>
      </c>
      <c r="HQ19" s="275">
        <v>0</v>
      </c>
      <c r="HR19" s="276">
        <v>0</v>
      </c>
      <c r="HS19" s="274">
        <v>619749</v>
      </c>
      <c r="HT19" s="274">
        <v>1491583</v>
      </c>
      <c r="HU19" s="274">
        <v>5382520</v>
      </c>
      <c r="HV19" s="274">
        <v>7083798</v>
      </c>
      <c r="HW19" s="274">
        <v>4430634</v>
      </c>
      <c r="HX19" s="277">
        <v>19008284</v>
      </c>
      <c r="HY19" s="278">
        <v>19008284</v>
      </c>
    </row>
    <row r="20" spans="2:233" ht="21" customHeight="1" x14ac:dyDescent="0.2">
      <c r="B20" s="472" t="s">
        <v>17</v>
      </c>
      <c r="C20" s="273">
        <v>0</v>
      </c>
      <c r="D20" s="274">
        <v>0</v>
      </c>
      <c r="E20" s="275">
        <v>0</v>
      </c>
      <c r="F20" s="276">
        <v>0</v>
      </c>
      <c r="G20" s="274">
        <v>218280</v>
      </c>
      <c r="H20" s="274">
        <v>1168420</v>
      </c>
      <c r="I20" s="274">
        <v>2681115</v>
      </c>
      <c r="J20" s="274">
        <v>3457605</v>
      </c>
      <c r="K20" s="274">
        <v>2569450</v>
      </c>
      <c r="L20" s="277">
        <v>10094870</v>
      </c>
      <c r="M20" s="278">
        <v>10094870</v>
      </c>
      <c r="N20" s="273">
        <v>0</v>
      </c>
      <c r="O20" s="274">
        <v>0</v>
      </c>
      <c r="P20" s="275">
        <v>0</v>
      </c>
      <c r="Q20" s="279"/>
      <c r="R20" s="274">
        <v>54210</v>
      </c>
      <c r="S20" s="274">
        <v>165835</v>
      </c>
      <c r="T20" s="274">
        <v>1470800</v>
      </c>
      <c r="U20" s="274">
        <v>2188723</v>
      </c>
      <c r="V20" s="274">
        <v>1927485</v>
      </c>
      <c r="W20" s="277">
        <v>5807053</v>
      </c>
      <c r="X20" s="278">
        <v>5807053</v>
      </c>
      <c r="Y20" s="273">
        <v>0</v>
      </c>
      <c r="Z20" s="274">
        <v>0</v>
      </c>
      <c r="AA20" s="275">
        <v>0</v>
      </c>
      <c r="AB20" s="279"/>
      <c r="AC20" s="274">
        <v>121190</v>
      </c>
      <c r="AD20" s="274">
        <v>900070</v>
      </c>
      <c r="AE20" s="274">
        <v>862700</v>
      </c>
      <c r="AF20" s="274">
        <v>672851</v>
      </c>
      <c r="AG20" s="274">
        <v>260480</v>
      </c>
      <c r="AH20" s="277">
        <v>2817291</v>
      </c>
      <c r="AI20" s="278">
        <v>2817291</v>
      </c>
      <c r="AJ20" s="273">
        <v>0</v>
      </c>
      <c r="AK20" s="274">
        <v>0</v>
      </c>
      <c r="AL20" s="275">
        <v>0</v>
      </c>
      <c r="AM20" s="279"/>
      <c r="AN20" s="274">
        <v>0</v>
      </c>
      <c r="AO20" s="274">
        <v>0</v>
      </c>
      <c r="AP20" s="274">
        <v>0</v>
      </c>
      <c r="AQ20" s="274">
        <v>0</v>
      </c>
      <c r="AR20" s="274">
        <v>2550</v>
      </c>
      <c r="AS20" s="277">
        <v>2550</v>
      </c>
      <c r="AT20" s="278">
        <v>2550</v>
      </c>
      <c r="AU20" s="273">
        <v>0</v>
      </c>
      <c r="AV20" s="274">
        <v>0</v>
      </c>
      <c r="AW20" s="275">
        <v>0</v>
      </c>
      <c r="AX20" s="279"/>
      <c r="AY20" s="274">
        <v>0</v>
      </c>
      <c r="AZ20" s="274">
        <v>0</v>
      </c>
      <c r="BA20" s="274">
        <v>0</v>
      </c>
      <c r="BB20" s="274">
        <v>2550</v>
      </c>
      <c r="BC20" s="274">
        <v>87150</v>
      </c>
      <c r="BD20" s="277">
        <v>89700</v>
      </c>
      <c r="BE20" s="278">
        <v>89700</v>
      </c>
      <c r="BF20" s="273">
        <v>0</v>
      </c>
      <c r="BG20" s="274">
        <v>0</v>
      </c>
      <c r="BH20" s="275">
        <v>0</v>
      </c>
      <c r="BI20" s="279"/>
      <c r="BJ20" s="274">
        <v>0</v>
      </c>
      <c r="BK20" s="274">
        <v>2550</v>
      </c>
      <c r="BL20" s="274">
        <v>182200</v>
      </c>
      <c r="BM20" s="274">
        <v>252600</v>
      </c>
      <c r="BN20" s="274">
        <v>192850</v>
      </c>
      <c r="BO20" s="277">
        <v>630200</v>
      </c>
      <c r="BP20" s="278">
        <v>630200</v>
      </c>
      <c r="BQ20" s="273">
        <v>0</v>
      </c>
      <c r="BR20" s="274">
        <v>0</v>
      </c>
      <c r="BS20" s="275">
        <v>0</v>
      </c>
      <c r="BT20" s="276">
        <v>0</v>
      </c>
      <c r="BU20" s="274">
        <v>42880</v>
      </c>
      <c r="BV20" s="274">
        <v>89210</v>
      </c>
      <c r="BW20" s="274">
        <v>163675</v>
      </c>
      <c r="BX20" s="274">
        <v>331215</v>
      </c>
      <c r="BY20" s="274">
        <v>78835</v>
      </c>
      <c r="BZ20" s="277">
        <v>705815</v>
      </c>
      <c r="CA20" s="278">
        <v>705815</v>
      </c>
      <c r="CB20" s="273">
        <v>0</v>
      </c>
      <c r="CC20" s="274">
        <v>0</v>
      </c>
      <c r="CD20" s="275">
        <v>0</v>
      </c>
      <c r="CE20" s="276">
        <v>0</v>
      </c>
      <c r="CF20" s="274">
        <v>0</v>
      </c>
      <c r="CG20" s="274">
        <v>10755</v>
      </c>
      <c r="CH20" s="274">
        <v>1740</v>
      </c>
      <c r="CI20" s="274">
        <v>9666</v>
      </c>
      <c r="CJ20" s="274">
        <v>20100</v>
      </c>
      <c r="CK20" s="277">
        <v>42261</v>
      </c>
      <c r="CL20" s="278">
        <v>42261</v>
      </c>
      <c r="CM20" s="273">
        <v>0</v>
      </c>
      <c r="CN20" s="274">
        <v>0</v>
      </c>
      <c r="CO20" s="275">
        <v>0</v>
      </c>
      <c r="CP20" s="276">
        <v>0</v>
      </c>
      <c r="CQ20" s="274">
        <v>0</v>
      </c>
      <c r="CR20" s="274">
        <v>0</v>
      </c>
      <c r="CS20" s="274">
        <v>0</v>
      </c>
      <c r="CT20" s="274">
        <v>0</v>
      </c>
      <c r="CU20" s="274">
        <v>0</v>
      </c>
      <c r="CV20" s="277">
        <v>0</v>
      </c>
      <c r="CW20" s="278">
        <v>0</v>
      </c>
      <c r="CX20" s="273">
        <v>0</v>
      </c>
      <c r="CY20" s="274">
        <v>0</v>
      </c>
      <c r="CZ20" s="275">
        <v>0</v>
      </c>
      <c r="DA20" s="279"/>
      <c r="DB20" s="274">
        <v>0</v>
      </c>
      <c r="DC20" s="274">
        <v>0</v>
      </c>
      <c r="DD20" s="274">
        <v>0</v>
      </c>
      <c r="DE20" s="274">
        <v>0</v>
      </c>
      <c r="DF20" s="274">
        <v>0</v>
      </c>
      <c r="DG20" s="277">
        <v>0</v>
      </c>
      <c r="DH20" s="278">
        <v>0</v>
      </c>
      <c r="DI20" s="273">
        <v>0</v>
      </c>
      <c r="DJ20" s="274">
        <v>0</v>
      </c>
      <c r="DK20" s="275">
        <v>0</v>
      </c>
      <c r="DL20" s="276">
        <v>0</v>
      </c>
      <c r="DM20" s="274">
        <v>128307</v>
      </c>
      <c r="DN20" s="274">
        <v>464231</v>
      </c>
      <c r="DO20" s="274">
        <v>2729010</v>
      </c>
      <c r="DP20" s="274">
        <v>3981887</v>
      </c>
      <c r="DQ20" s="274">
        <v>2725456</v>
      </c>
      <c r="DR20" s="277">
        <v>10028891</v>
      </c>
      <c r="DS20" s="280">
        <v>10028891</v>
      </c>
      <c r="DT20" s="273">
        <v>0</v>
      </c>
      <c r="DU20" s="274">
        <v>0</v>
      </c>
      <c r="DV20" s="275">
        <v>0</v>
      </c>
      <c r="DW20" s="279"/>
      <c r="DX20" s="274">
        <v>29100</v>
      </c>
      <c r="DY20" s="274">
        <v>242165</v>
      </c>
      <c r="DZ20" s="274">
        <v>2072581</v>
      </c>
      <c r="EA20" s="274">
        <v>3176965</v>
      </c>
      <c r="EB20" s="274">
        <v>2260177</v>
      </c>
      <c r="EC20" s="277">
        <v>7780988</v>
      </c>
      <c r="ED20" s="278">
        <v>7780988</v>
      </c>
      <c r="EE20" s="273">
        <v>0</v>
      </c>
      <c r="EF20" s="274">
        <v>0</v>
      </c>
      <c r="EG20" s="275">
        <v>0</v>
      </c>
      <c r="EH20" s="279"/>
      <c r="EI20" s="274">
        <v>2387</v>
      </c>
      <c r="EJ20" s="274">
        <v>52577</v>
      </c>
      <c r="EK20" s="274">
        <v>99711</v>
      </c>
      <c r="EL20" s="274">
        <v>54595</v>
      </c>
      <c r="EM20" s="274">
        <v>4683</v>
      </c>
      <c r="EN20" s="277">
        <v>213953</v>
      </c>
      <c r="EO20" s="278">
        <v>213953</v>
      </c>
      <c r="EP20" s="273">
        <v>0</v>
      </c>
      <c r="EQ20" s="274">
        <v>0</v>
      </c>
      <c r="ER20" s="275">
        <v>0</v>
      </c>
      <c r="ES20" s="279"/>
      <c r="ET20" s="274">
        <v>0</v>
      </c>
      <c r="EU20" s="274">
        <v>0</v>
      </c>
      <c r="EV20" s="274">
        <v>0</v>
      </c>
      <c r="EW20" s="274">
        <v>0</v>
      </c>
      <c r="EX20" s="274">
        <v>210</v>
      </c>
      <c r="EY20" s="277">
        <v>210</v>
      </c>
      <c r="EZ20" s="278">
        <v>210</v>
      </c>
      <c r="FA20" s="273">
        <v>0</v>
      </c>
      <c r="FB20" s="274">
        <v>0</v>
      </c>
      <c r="FC20" s="275">
        <v>0</v>
      </c>
      <c r="FD20" s="279"/>
      <c r="FE20" s="274">
        <v>0</v>
      </c>
      <c r="FF20" s="274">
        <v>0</v>
      </c>
      <c r="FG20" s="274">
        <v>0</v>
      </c>
      <c r="FH20" s="274">
        <v>210</v>
      </c>
      <c r="FI20" s="274">
        <v>630</v>
      </c>
      <c r="FJ20" s="277">
        <v>840</v>
      </c>
      <c r="FK20" s="278">
        <v>840</v>
      </c>
      <c r="FL20" s="273">
        <v>0</v>
      </c>
      <c r="FM20" s="274">
        <v>0</v>
      </c>
      <c r="FN20" s="275">
        <v>0</v>
      </c>
      <c r="FO20" s="279"/>
      <c r="FP20" s="274">
        <v>0</v>
      </c>
      <c r="FQ20" s="274">
        <v>10530</v>
      </c>
      <c r="FR20" s="274">
        <v>315570</v>
      </c>
      <c r="FS20" s="274">
        <v>366960</v>
      </c>
      <c r="FT20" s="274">
        <v>356250</v>
      </c>
      <c r="FU20" s="277">
        <v>1049310</v>
      </c>
      <c r="FV20" s="278">
        <v>1049310</v>
      </c>
      <c r="FW20" s="273">
        <v>0</v>
      </c>
      <c r="FX20" s="274">
        <v>0</v>
      </c>
      <c r="FY20" s="275">
        <v>0</v>
      </c>
      <c r="FZ20" s="276">
        <v>0</v>
      </c>
      <c r="GA20" s="274">
        <v>96820</v>
      </c>
      <c r="GB20" s="274">
        <v>156955</v>
      </c>
      <c r="GC20" s="274">
        <v>241064</v>
      </c>
      <c r="GD20" s="274">
        <v>382996</v>
      </c>
      <c r="GE20" s="274">
        <v>94572</v>
      </c>
      <c r="GF20" s="277">
        <v>972407</v>
      </c>
      <c r="GG20" s="278">
        <v>972407</v>
      </c>
      <c r="GH20" s="273">
        <v>0</v>
      </c>
      <c r="GI20" s="274">
        <v>0</v>
      </c>
      <c r="GJ20" s="275">
        <v>0</v>
      </c>
      <c r="GK20" s="276">
        <v>0</v>
      </c>
      <c r="GL20" s="274">
        <v>0</v>
      </c>
      <c r="GM20" s="274">
        <v>2004</v>
      </c>
      <c r="GN20" s="274">
        <v>84</v>
      </c>
      <c r="GO20" s="274">
        <v>161</v>
      </c>
      <c r="GP20" s="274">
        <v>8934</v>
      </c>
      <c r="GQ20" s="277">
        <v>11183</v>
      </c>
      <c r="GR20" s="278">
        <v>11183</v>
      </c>
      <c r="GS20" s="273">
        <v>0</v>
      </c>
      <c r="GT20" s="274">
        <v>0</v>
      </c>
      <c r="GU20" s="275">
        <v>0</v>
      </c>
      <c r="GV20" s="276">
        <v>0</v>
      </c>
      <c r="GW20" s="274">
        <v>0</v>
      </c>
      <c r="GX20" s="274">
        <v>0</v>
      </c>
      <c r="GY20" s="274">
        <v>0</v>
      </c>
      <c r="GZ20" s="274">
        <v>0</v>
      </c>
      <c r="HA20" s="274">
        <v>0</v>
      </c>
      <c r="HB20" s="277">
        <v>0</v>
      </c>
      <c r="HC20" s="278">
        <v>0</v>
      </c>
      <c r="HD20" s="273">
        <v>0</v>
      </c>
      <c r="HE20" s="274">
        <v>0</v>
      </c>
      <c r="HF20" s="275">
        <v>0</v>
      </c>
      <c r="HG20" s="279"/>
      <c r="HH20" s="274">
        <v>0</v>
      </c>
      <c r="HI20" s="274">
        <v>0</v>
      </c>
      <c r="HJ20" s="274">
        <v>0</v>
      </c>
      <c r="HK20" s="274">
        <v>0</v>
      </c>
      <c r="HL20" s="274">
        <v>0</v>
      </c>
      <c r="HM20" s="277">
        <v>0</v>
      </c>
      <c r="HN20" s="278">
        <v>0</v>
      </c>
      <c r="HO20" s="273">
        <v>0</v>
      </c>
      <c r="HP20" s="274">
        <v>0</v>
      </c>
      <c r="HQ20" s="275">
        <v>0</v>
      </c>
      <c r="HR20" s="276">
        <v>0</v>
      </c>
      <c r="HS20" s="274">
        <v>346587</v>
      </c>
      <c r="HT20" s="274">
        <v>1632651</v>
      </c>
      <c r="HU20" s="274">
        <v>5410125</v>
      </c>
      <c r="HV20" s="274">
        <v>7439492</v>
      </c>
      <c r="HW20" s="274">
        <v>5294906</v>
      </c>
      <c r="HX20" s="277">
        <v>20123761</v>
      </c>
      <c r="HY20" s="278">
        <v>20123761</v>
      </c>
    </row>
    <row r="21" spans="2:233" ht="21" customHeight="1" x14ac:dyDescent="0.2">
      <c r="B21" s="472" t="s">
        <v>18</v>
      </c>
      <c r="C21" s="273">
        <v>3510</v>
      </c>
      <c r="D21" s="274">
        <v>13435</v>
      </c>
      <c r="E21" s="275">
        <v>16945</v>
      </c>
      <c r="F21" s="276">
        <v>0</v>
      </c>
      <c r="G21" s="274">
        <v>-44850</v>
      </c>
      <c r="H21" s="274">
        <v>389981</v>
      </c>
      <c r="I21" s="274">
        <v>1966085</v>
      </c>
      <c r="J21" s="274">
        <v>3775174</v>
      </c>
      <c r="K21" s="274">
        <v>2269228</v>
      </c>
      <c r="L21" s="277">
        <v>8355618</v>
      </c>
      <c r="M21" s="278">
        <v>8372563</v>
      </c>
      <c r="N21" s="273">
        <v>0</v>
      </c>
      <c r="O21" s="274">
        <v>0</v>
      </c>
      <c r="P21" s="275">
        <v>0</v>
      </c>
      <c r="Q21" s="279"/>
      <c r="R21" s="274">
        <v>24450</v>
      </c>
      <c r="S21" s="274">
        <v>86565</v>
      </c>
      <c r="T21" s="274">
        <v>1341130</v>
      </c>
      <c r="U21" s="274">
        <v>2887688</v>
      </c>
      <c r="V21" s="274">
        <v>1747455</v>
      </c>
      <c r="W21" s="277">
        <v>6087288</v>
      </c>
      <c r="X21" s="278">
        <v>6087288</v>
      </c>
      <c r="Y21" s="273">
        <v>0</v>
      </c>
      <c r="Z21" s="274">
        <v>0</v>
      </c>
      <c r="AA21" s="275">
        <v>0</v>
      </c>
      <c r="AB21" s="279"/>
      <c r="AC21" s="274">
        <v>-94750</v>
      </c>
      <c r="AD21" s="274">
        <v>214305</v>
      </c>
      <c r="AE21" s="274">
        <v>391810</v>
      </c>
      <c r="AF21" s="274">
        <v>487990</v>
      </c>
      <c r="AG21" s="274">
        <v>275613</v>
      </c>
      <c r="AH21" s="277">
        <v>1274968</v>
      </c>
      <c r="AI21" s="278">
        <v>1274968</v>
      </c>
      <c r="AJ21" s="273">
        <v>0</v>
      </c>
      <c r="AK21" s="274">
        <v>0</v>
      </c>
      <c r="AL21" s="275">
        <v>0</v>
      </c>
      <c r="AM21" s="279"/>
      <c r="AN21" s="274">
        <v>0</v>
      </c>
      <c r="AO21" s="274">
        <v>0</v>
      </c>
      <c r="AP21" s="274">
        <v>0</v>
      </c>
      <c r="AQ21" s="274">
        <v>2550</v>
      </c>
      <c r="AR21" s="274">
        <v>680</v>
      </c>
      <c r="AS21" s="277">
        <v>3230</v>
      </c>
      <c r="AT21" s="278">
        <v>3230</v>
      </c>
      <c r="AU21" s="273">
        <v>0</v>
      </c>
      <c r="AV21" s="274">
        <v>0</v>
      </c>
      <c r="AW21" s="275">
        <v>0</v>
      </c>
      <c r="AX21" s="279"/>
      <c r="AY21" s="274">
        <v>0</v>
      </c>
      <c r="AZ21" s="274">
        <v>0</v>
      </c>
      <c r="BA21" s="274">
        <v>0</v>
      </c>
      <c r="BB21" s="274">
        <v>25805</v>
      </c>
      <c r="BC21" s="274">
        <v>98405</v>
      </c>
      <c r="BD21" s="277">
        <v>124210</v>
      </c>
      <c r="BE21" s="278">
        <v>124210</v>
      </c>
      <c r="BF21" s="273">
        <v>0</v>
      </c>
      <c r="BG21" s="274">
        <v>0</v>
      </c>
      <c r="BH21" s="275">
        <v>0</v>
      </c>
      <c r="BI21" s="279"/>
      <c r="BJ21" s="274">
        <v>0</v>
      </c>
      <c r="BK21" s="274">
        <v>2550</v>
      </c>
      <c r="BL21" s="274">
        <v>34200</v>
      </c>
      <c r="BM21" s="274">
        <v>75435</v>
      </c>
      <c r="BN21" s="274">
        <v>34200</v>
      </c>
      <c r="BO21" s="277">
        <v>146385</v>
      </c>
      <c r="BP21" s="278">
        <v>146385</v>
      </c>
      <c r="BQ21" s="273">
        <v>3510</v>
      </c>
      <c r="BR21" s="274">
        <v>13435</v>
      </c>
      <c r="BS21" s="275">
        <v>16945</v>
      </c>
      <c r="BT21" s="276">
        <v>0</v>
      </c>
      <c r="BU21" s="274">
        <v>23760</v>
      </c>
      <c r="BV21" s="274">
        <v>86561</v>
      </c>
      <c r="BW21" s="274">
        <v>197495</v>
      </c>
      <c r="BX21" s="274">
        <v>289731</v>
      </c>
      <c r="BY21" s="274">
        <v>112875</v>
      </c>
      <c r="BZ21" s="277">
        <v>710422</v>
      </c>
      <c r="CA21" s="278">
        <v>727367</v>
      </c>
      <c r="CB21" s="273">
        <v>0</v>
      </c>
      <c r="CC21" s="274">
        <v>0</v>
      </c>
      <c r="CD21" s="275">
        <v>0</v>
      </c>
      <c r="CE21" s="276">
        <v>0</v>
      </c>
      <c r="CF21" s="274">
        <v>1690</v>
      </c>
      <c r="CG21" s="274">
        <v>0</v>
      </c>
      <c r="CH21" s="274">
        <v>1450</v>
      </c>
      <c r="CI21" s="274">
        <v>5975</v>
      </c>
      <c r="CJ21" s="274">
        <v>0</v>
      </c>
      <c r="CK21" s="277">
        <v>9115</v>
      </c>
      <c r="CL21" s="278">
        <v>9115</v>
      </c>
      <c r="CM21" s="273">
        <v>0</v>
      </c>
      <c r="CN21" s="274">
        <v>0</v>
      </c>
      <c r="CO21" s="275">
        <v>0</v>
      </c>
      <c r="CP21" s="276">
        <v>0</v>
      </c>
      <c r="CQ21" s="274">
        <v>0</v>
      </c>
      <c r="CR21" s="274">
        <v>0</v>
      </c>
      <c r="CS21" s="274">
        <v>0</v>
      </c>
      <c r="CT21" s="274">
        <v>0</v>
      </c>
      <c r="CU21" s="274">
        <v>0</v>
      </c>
      <c r="CV21" s="277">
        <v>0</v>
      </c>
      <c r="CW21" s="278">
        <v>0</v>
      </c>
      <c r="CX21" s="273">
        <v>0</v>
      </c>
      <c r="CY21" s="274">
        <v>0</v>
      </c>
      <c r="CZ21" s="275">
        <v>0</v>
      </c>
      <c r="DA21" s="279"/>
      <c r="DB21" s="274">
        <v>0</v>
      </c>
      <c r="DC21" s="274">
        <v>0</v>
      </c>
      <c r="DD21" s="274">
        <v>0</v>
      </c>
      <c r="DE21" s="274">
        <v>0</v>
      </c>
      <c r="DF21" s="274">
        <v>0</v>
      </c>
      <c r="DG21" s="277">
        <v>0</v>
      </c>
      <c r="DH21" s="278">
        <v>0</v>
      </c>
      <c r="DI21" s="273">
        <v>3755</v>
      </c>
      <c r="DJ21" s="274">
        <v>14002</v>
      </c>
      <c r="DK21" s="275">
        <v>17757</v>
      </c>
      <c r="DL21" s="276">
        <v>0</v>
      </c>
      <c r="DM21" s="274">
        <v>127264</v>
      </c>
      <c r="DN21" s="274">
        <v>440865</v>
      </c>
      <c r="DO21" s="274">
        <v>2570269</v>
      </c>
      <c r="DP21" s="274">
        <v>4281327</v>
      </c>
      <c r="DQ21" s="274">
        <v>2513367</v>
      </c>
      <c r="DR21" s="277">
        <v>9933092</v>
      </c>
      <c r="DS21" s="280">
        <v>9950849</v>
      </c>
      <c r="DT21" s="273">
        <v>0</v>
      </c>
      <c r="DU21" s="274">
        <v>0</v>
      </c>
      <c r="DV21" s="275">
        <v>0</v>
      </c>
      <c r="DW21" s="279"/>
      <c r="DX21" s="274">
        <v>40680</v>
      </c>
      <c r="DY21" s="274">
        <v>148260</v>
      </c>
      <c r="DZ21" s="274">
        <v>2054326</v>
      </c>
      <c r="EA21" s="274">
        <v>3563437</v>
      </c>
      <c r="EB21" s="274">
        <v>2245019</v>
      </c>
      <c r="EC21" s="277">
        <v>8051722</v>
      </c>
      <c r="ED21" s="278">
        <v>8051722</v>
      </c>
      <c r="EE21" s="273">
        <v>0</v>
      </c>
      <c r="EF21" s="274">
        <v>0</v>
      </c>
      <c r="EG21" s="275">
        <v>0</v>
      </c>
      <c r="EH21" s="279"/>
      <c r="EI21" s="274">
        <v>34351</v>
      </c>
      <c r="EJ21" s="274">
        <v>91592</v>
      </c>
      <c r="EK21" s="274">
        <v>98905</v>
      </c>
      <c r="EL21" s="274">
        <v>66008</v>
      </c>
      <c r="EM21" s="274">
        <v>44750</v>
      </c>
      <c r="EN21" s="277">
        <v>335606</v>
      </c>
      <c r="EO21" s="278">
        <v>335606</v>
      </c>
      <c r="EP21" s="273">
        <v>0</v>
      </c>
      <c r="EQ21" s="274">
        <v>0</v>
      </c>
      <c r="ER21" s="275">
        <v>0</v>
      </c>
      <c r="ES21" s="279"/>
      <c r="ET21" s="274">
        <v>0</v>
      </c>
      <c r="EU21" s="274">
        <v>0</v>
      </c>
      <c r="EV21" s="274">
        <v>0</v>
      </c>
      <c r="EW21" s="274">
        <v>210</v>
      </c>
      <c r="EX21" s="274">
        <v>126</v>
      </c>
      <c r="EY21" s="277">
        <v>336</v>
      </c>
      <c r="EZ21" s="278">
        <v>336</v>
      </c>
      <c r="FA21" s="273">
        <v>0</v>
      </c>
      <c r="FB21" s="274">
        <v>0</v>
      </c>
      <c r="FC21" s="275">
        <v>0</v>
      </c>
      <c r="FD21" s="279"/>
      <c r="FE21" s="274">
        <v>0</v>
      </c>
      <c r="FF21" s="274">
        <v>0</v>
      </c>
      <c r="FG21" s="274">
        <v>0</v>
      </c>
      <c r="FH21" s="274">
        <v>371</v>
      </c>
      <c r="FI21" s="274">
        <v>1477</v>
      </c>
      <c r="FJ21" s="277">
        <v>1848</v>
      </c>
      <c r="FK21" s="278">
        <v>1848</v>
      </c>
      <c r="FL21" s="273">
        <v>0</v>
      </c>
      <c r="FM21" s="274">
        <v>0</v>
      </c>
      <c r="FN21" s="275">
        <v>0</v>
      </c>
      <c r="FO21" s="279"/>
      <c r="FP21" s="274">
        <v>0</v>
      </c>
      <c r="FQ21" s="274">
        <v>20880</v>
      </c>
      <c r="FR21" s="274">
        <v>56460</v>
      </c>
      <c r="FS21" s="274">
        <v>196440</v>
      </c>
      <c r="FT21" s="274">
        <v>56460</v>
      </c>
      <c r="FU21" s="277">
        <v>330240</v>
      </c>
      <c r="FV21" s="278">
        <v>330240</v>
      </c>
      <c r="FW21" s="273">
        <v>3755</v>
      </c>
      <c r="FX21" s="274">
        <v>14002</v>
      </c>
      <c r="FY21" s="275">
        <v>17757</v>
      </c>
      <c r="FZ21" s="276">
        <v>0</v>
      </c>
      <c r="GA21" s="274">
        <v>49877</v>
      </c>
      <c r="GB21" s="274">
        <v>180133</v>
      </c>
      <c r="GC21" s="274">
        <v>359097</v>
      </c>
      <c r="GD21" s="274">
        <v>452599</v>
      </c>
      <c r="GE21" s="274">
        <v>165535</v>
      </c>
      <c r="GF21" s="277">
        <v>1207241</v>
      </c>
      <c r="GG21" s="278">
        <v>1224998</v>
      </c>
      <c r="GH21" s="273">
        <v>0</v>
      </c>
      <c r="GI21" s="274">
        <v>0</v>
      </c>
      <c r="GJ21" s="275">
        <v>0</v>
      </c>
      <c r="GK21" s="276">
        <v>0</v>
      </c>
      <c r="GL21" s="274">
        <v>2356</v>
      </c>
      <c r="GM21" s="274">
        <v>0</v>
      </c>
      <c r="GN21" s="274">
        <v>1481</v>
      </c>
      <c r="GO21" s="274">
        <v>2262</v>
      </c>
      <c r="GP21" s="274">
        <v>0</v>
      </c>
      <c r="GQ21" s="277">
        <v>6099</v>
      </c>
      <c r="GR21" s="278">
        <v>6099</v>
      </c>
      <c r="GS21" s="273">
        <v>0</v>
      </c>
      <c r="GT21" s="274">
        <v>0</v>
      </c>
      <c r="GU21" s="275">
        <v>0</v>
      </c>
      <c r="GV21" s="276">
        <v>0</v>
      </c>
      <c r="GW21" s="274">
        <v>0</v>
      </c>
      <c r="GX21" s="274">
        <v>0</v>
      </c>
      <c r="GY21" s="274">
        <v>0</v>
      </c>
      <c r="GZ21" s="274">
        <v>0</v>
      </c>
      <c r="HA21" s="274">
        <v>0</v>
      </c>
      <c r="HB21" s="277">
        <v>0</v>
      </c>
      <c r="HC21" s="278">
        <v>0</v>
      </c>
      <c r="HD21" s="273">
        <v>0</v>
      </c>
      <c r="HE21" s="274">
        <v>0</v>
      </c>
      <c r="HF21" s="275">
        <v>0</v>
      </c>
      <c r="HG21" s="279"/>
      <c r="HH21" s="274">
        <v>0</v>
      </c>
      <c r="HI21" s="274">
        <v>0</v>
      </c>
      <c r="HJ21" s="274">
        <v>0</v>
      </c>
      <c r="HK21" s="274">
        <v>0</v>
      </c>
      <c r="HL21" s="274">
        <v>0</v>
      </c>
      <c r="HM21" s="277">
        <v>0</v>
      </c>
      <c r="HN21" s="278">
        <v>0</v>
      </c>
      <c r="HO21" s="273">
        <v>7265</v>
      </c>
      <c r="HP21" s="274">
        <v>27437</v>
      </c>
      <c r="HQ21" s="275">
        <v>34702</v>
      </c>
      <c r="HR21" s="276">
        <v>0</v>
      </c>
      <c r="HS21" s="274">
        <v>82414</v>
      </c>
      <c r="HT21" s="274">
        <v>830846</v>
      </c>
      <c r="HU21" s="274">
        <v>4536354</v>
      </c>
      <c r="HV21" s="274">
        <v>8056501</v>
      </c>
      <c r="HW21" s="274">
        <v>4782595</v>
      </c>
      <c r="HX21" s="277">
        <v>18288710</v>
      </c>
      <c r="HY21" s="278">
        <v>18323412</v>
      </c>
    </row>
    <row r="22" spans="2:233" ht="21" customHeight="1" x14ac:dyDescent="0.2">
      <c r="B22" s="472" t="s">
        <v>19</v>
      </c>
      <c r="C22" s="273">
        <v>0</v>
      </c>
      <c r="D22" s="274">
        <v>0</v>
      </c>
      <c r="E22" s="275">
        <v>0</v>
      </c>
      <c r="F22" s="276">
        <v>0</v>
      </c>
      <c r="G22" s="274">
        <v>132730</v>
      </c>
      <c r="H22" s="274">
        <v>388573</v>
      </c>
      <c r="I22" s="274">
        <v>1348205</v>
      </c>
      <c r="J22" s="274">
        <v>1323210</v>
      </c>
      <c r="K22" s="274">
        <v>1050765</v>
      </c>
      <c r="L22" s="277">
        <v>4243483</v>
      </c>
      <c r="M22" s="278">
        <v>4243483</v>
      </c>
      <c r="N22" s="273">
        <v>0</v>
      </c>
      <c r="O22" s="274">
        <v>0</v>
      </c>
      <c r="P22" s="275">
        <v>0</v>
      </c>
      <c r="Q22" s="279"/>
      <c r="R22" s="274">
        <v>23850</v>
      </c>
      <c r="S22" s="274">
        <v>42765</v>
      </c>
      <c r="T22" s="274">
        <v>876180</v>
      </c>
      <c r="U22" s="274">
        <v>952725</v>
      </c>
      <c r="V22" s="274">
        <v>865920</v>
      </c>
      <c r="W22" s="277">
        <v>2761440</v>
      </c>
      <c r="X22" s="278">
        <v>2761440</v>
      </c>
      <c r="Y22" s="273">
        <v>0</v>
      </c>
      <c r="Z22" s="274">
        <v>0</v>
      </c>
      <c r="AA22" s="275">
        <v>0</v>
      </c>
      <c r="AB22" s="279"/>
      <c r="AC22" s="274">
        <v>94885</v>
      </c>
      <c r="AD22" s="274">
        <v>266620</v>
      </c>
      <c r="AE22" s="274">
        <v>420085</v>
      </c>
      <c r="AF22" s="274">
        <v>270935</v>
      </c>
      <c r="AG22" s="274">
        <v>111060</v>
      </c>
      <c r="AH22" s="277">
        <v>1163585</v>
      </c>
      <c r="AI22" s="278">
        <v>1163585</v>
      </c>
      <c r="AJ22" s="273">
        <v>0</v>
      </c>
      <c r="AK22" s="274">
        <v>0</v>
      </c>
      <c r="AL22" s="275">
        <v>0</v>
      </c>
      <c r="AM22" s="279"/>
      <c r="AN22" s="274">
        <v>0</v>
      </c>
      <c r="AO22" s="274">
        <v>0</v>
      </c>
      <c r="AP22" s="274">
        <v>0</v>
      </c>
      <c r="AQ22" s="274">
        <v>0</v>
      </c>
      <c r="AR22" s="274">
        <v>0</v>
      </c>
      <c r="AS22" s="277">
        <v>0</v>
      </c>
      <c r="AT22" s="278">
        <v>0</v>
      </c>
      <c r="AU22" s="273">
        <v>0</v>
      </c>
      <c r="AV22" s="274">
        <v>0</v>
      </c>
      <c r="AW22" s="275">
        <v>0</v>
      </c>
      <c r="AX22" s="279"/>
      <c r="AY22" s="274">
        <v>0</v>
      </c>
      <c r="AZ22" s="274">
        <v>0</v>
      </c>
      <c r="BA22" s="274">
        <v>0</v>
      </c>
      <c r="BB22" s="274">
        <v>0</v>
      </c>
      <c r="BC22" s="274">
        <v>22260</v>
      </c>
      <c r="BD22" s="277">
        <v>22260</v>
      </c>
      <c r="BE22" s="278">
        <v>22260</v>
      </c>
      <c r="BF22" s="273">
        <v>0</v>
      </c>
      <c r="BG22" s="274">
        <v>0</v>
      </c>
      <c r="BH22" s="275">
        <v>0</v>
      </c>
      <c r="BI22" s="279"/>
      <c r="BJ22" s="274">
        <v>0</v>
      </c>
      <c r="BK22" s="274">
        <v>0</v>
      </c>
      <c r="BL22" s="274">
        <v>0</v>
      </c>
      <c r="BM22" s="274">
        <v>0</v>
      </c>
      <c r="BN22" s="274">
        <v>0</v>
      </c>
      <c r="BO22" s="277">
        <v>0</v>
      </c>
      <c r="BP22" s="278">
        <v>0</v>
      </c>
      <c r="BQ22" s="273">
        <v>0</v>
      </c>
      <c r="BR22" s="274">
        <v>0</v>
      </c>
      <c r="BS22" s="275">
        <v>0</v>
      </c>
      <c r="BT22" s="276">
        <v>0</v>
      </c>
      <c r="BU22" s="274">
        <v>11460</v>
      </c>
      <c r="BV22" s="274">
        <v>77448</v>
      </c>
      <c r="BW22" s="274">
        <v>51650</v>
      </c>
      <c r="BX22" s="274">
        <v>96215</v>
      </c>
      <c r="BY22" s="274">
        <v>51525</v>
      </c>
      <c r="BZ22" s="277">
        <v>288298</v>
      </c>
      <c r="CA22" s="278">
        <v>288298</v>
      </c>
      <c r="CB22" s="273">
        <v>0</v>
      </c>
      <c r="CC22" s="274">
        <v>0</v>
      </c>
      <c r="CD22" s="275">
        <v>0</v>
      </c>
      <c r="CE22" s="276">
        <v>0</v>
      </c>
      <c r="CF22" s="274">
        <v>2535</v>
      </c>
      <c r="CG22" s="274">
        <v>1740</v>
      </c>
      <c r="CH22" s="274">
        <v>290</v>
      </c>
      <c r="CI22" s="274">
        <v>3335</v>
      </c>
      <c r="CJ22" s="274">
        <v>0</v>
      </c>
      <c r="CK22" s="277">
        <v>7900</v>
      </c>
      <c r="CL22" s="278">
        <v>7900</v>
      </c>
      <c r="CM22" s="273">
        <v>0</v>
      </c>
      <c r="CN22" s="274">
        <v>0</v>
      </c>
      <c r="CO22" s="275">
        <v>0</v>
      </c>
      <c r="CP22" s="276">
        <v>0</v>
      </c>
      <c r="CQ22" s="274">
        <v>0</v>
      </c>
      <c r="CR22" s="274">
        <v>0</v>
      </c>
      <c r="CS22" s="274">
        <v>0</v>
      </c>
      <c r="CT22" s="274">
        <v>0</v>
      </c>
      <c r="CU22" s="274">
        <v>0</v>
      </c>
      <c r="CV22" s="277">
        <v>0</v>
      </c>
      <c r="CW22" s="278">
        <v>0</v>
      </c>
      <c r="CX22" s="273">
        <v>0</v>
      </c>
      <c r="CY22" s="274">
        <v>0</v>
      </c>
      <c r="CZ22" s="275">
        <v>0</v>
      </c>
      <c r="DA22" s="279"/>
      <c r="DB22" s="274">
        <v>0</v>
      </c>
      <c r="DC22" s="274">
        <v>0</v>
      </c>
      <c r="DD22" s="274">
        <v>0</v>
      </c>
      <c r="DE22" s="274">
        <v>0</v>
      </c>
      <c r="DF22" s="274">
        <v>0</v>
      </c>
      <c r="DG22" s="277">
        <v>0</v>
      </c>
      <c r="DH22" s="278">
        <v>0</v>
      </c>
      <c r="DI22" s="273">
        <v>0</v>
      </c>
      <c r="DJ22" s="274">
        <v>0</v>
      </c>
      <c r="DK22" s="275">
        <v>0</v>
      </c>
      <c r="DL22" s="276">
        <v>0</v>
      </c>
      <c r="DM22" s="274">
        <v>38510</v>
      </c>
      <c r="DN22" s="274">
        <v>219591</v>
      </c>
      <c r="DO22" s="274">
        <v>1421562</v>
      </c>
      <c r="DP22" s="274">
        <v>1524412</v>
      </c>
      <c r="DQ22" s="274">
        <v>1092737</v>
      </c>
      <c r="DR22" s="277">
        <v>4296812</v>
      </c>
      <c r="DS22" s="280">
        <v>4296812</v>
      </c>
      <c r="DT22" s="273">
        <v>0</v>
      </c>
      <c r="DU22" s="274">
        <v>0</v>
      </c>
      <c r="DV22" s="275">
        <v>0</v>
      </c>
      <c r="DW22" s="279"/>
      <c r="DX22" s="274">
        <v>14550</v>
      </c>
      <c r="DY22" s="274">
        <v>85875</v>
      </c>
      <c r="DZ22" s="274">
        <v>1354753</v>
      </c>
      <c r="EA22" s="274">
        <v>1389176</v>
      </c>
      <c r="EB22" s="274">
        <v>1029516</v>
      </c>
      <c r="EC22" s="277">
        <v>3873870</v>
      </c>
      <c r="ED22" s="278">
        <v>3873870</v>
      </c>
      <c r="EE22" s="273">
        <v>0</v>
      </c>
      <c r="EF22" s="274">
        <v>0</v>
      </c>
      <c r="EG22" s="275">
        <v>0</v>
      </c>
      <c r="EH22" s="279"/>
      <c r="EI22" s="274">
        <v>12374</v>
      </c>
      <c r="EJ22" s="274">
        <v>35597</v>
      </c>
      <c r="EK22" s="274">
        <v>13171</v>
      </c>
      <c r="EL22" s="274">
        <v>28102</v>
      </c>
      <c r="EM22" s="274">
        <v>11475</v>
      </c>
      <c r="EN22" s="277">
        <v>100719</v>
      </c>
      <c r="EO22" s="278">
        <v>100719</v>
      </c>
      <c r="EP22" s="273">
        <v>0</v>
      </c>
      <c r="EQ22" s="274">
        <v>0</v>
      </c>
      <c r="ER22" s="275">
        <v>0</v>
      </c>
      <c r="ES22" s="279"/>
      <c r="ET22" s="274">
        <v>0</v>
      </c>
      <c r="EU22" s="274">
        <v>0</v>
      </c>
      <c r="EV22" s="274">
        <v>0</v>
      </c>
      <c r="EW22" s="274">
        <v>0</v>
      </c>
      <c r="EX22" s="274">
        <v>0</v>
      </c>
      <c r="EY22" s="277">
        <v>0</v>
      </c>
      <c r="EZ22" s="278">
        <v>0</v>
      </c>
      <c r="FA22" s="273">
        <v>0</v>
      </c>
      <c r="FB22" s="274">
        <v>0</v>
      </c>
      <c r="FC22" s="275">
        <v>0</v>
      </c>
      <c r="FD22" s="279"/>
      <c r="FE22" s="274">
        <v>0</v>
      </c>
      <c r="FF22" s="274">
        <v>0</v>
      </c>
      <c r="FG22" s="274">
        <v>0</v>
      </c>
      <c r="FH22" s="274">
        <v>0</v>
      </c>
      <c r="FI22" s="274">
        <v>196</v>
      </c>
      <c r="FJ22" s="277">
        <v>196</v>
      </c>
      <c r="FK22" s="278">
        <v>196</v>
      </c>
      <c r="FL22" s="273">
        <v>0</v>
      </c>
      <c r="FM22" s="274">
        <v>0</v>
      </c>
      <c r="FN22" s="275">
        <v>0</v>
      </c>
      <c r="FO22" s="279"/>
      <c r="FP22" s="274">
        <v>0</v>
      </c>
      <c r="FQ22" s="274">
        <v>0</v>
      </c>
      <c r="FR22" s="274">
        <v>0</v>
      </c>
      <c r="FS22" s="274">
        <v>0</v>
      </c>
      <c r="FT22" s="274">
        <v>0</v>
      </c>
      <c r="FU22" s="277">
        <v>0</v>
      </c>
      <c r="FV22" s="278">
        <v>0</v>
      </c>
      <c r="FW22" s="273">
        <v>0</v>
      </c>
      <c r="FX22" s="274">
        <v>0</v>
      </c>
      <c r="FY22" s="275">
        <v>0</v>
      </c>
      <c r="FZ22" s="276">
        <v>0</v>
      </c>
      <c r="GA22" s="274">
        <v>11586</v>
      </c>
      <c r="GB22" s="274">
        <v>92391</v>
      </c>
      <c r="GC22" s="274">
        <v>52564</v>
      </c>
      <c r="GD22" s="274">
        <v>95320</v>
      </c>
      <c r="GE22" s="274">
        <v>50230</v>
      </c>
      <c r="GF22" s="277">
        <v>302091</v>
      </c>
      <c r="GG22" s="278">
        <v>302091</v>
      </c>
      <c r="GH22" s="273">
        <v>0</v>
      </c>
      <c r="GI22" s="274">
        <v>0</v>
      </c>
      <c r="GJ22" s="275">
        <v>0</v>
      </c>
      <c r="GK22" s="276">
        <v>0</v>
      </c>
      <c r="GL22" s="274">
        <v>0</v>
      </c>
      <c r="GM22" s="274">
        <v>5728</v>
      </c>
      <c r="GN22" s="274">
        <v>1074</v>
      </c>
      <c r="GO22" s="274">
        <v>11814</v>
      </c>
      <c r="GP22" s="274">
        <v>1320</v>
      </c>
      <c r="GQ22" s="277">
        <v>19936</v>
      </c>
      <c r="GR22" s="278">
        <v>19936</v>
      </c>
      <c r="GS22" s="273">
        <v>0</v>
      </c>
      <c r="GT22" s="274">
        <v>0</v>
      </c>
      <c r="GU22" s="275">
        <v>0</v>
      </c>
      <c r="GV22" s="276">
        <v>0</v>
      </c>
      <c r="GW22" s="274">
        <v>0</v>
      </c>
      <c r="GX22" s="274">
        <v>0</v>
      </c>
      <c r="GY22" s="274">
        <v>0</v>
      </c>
      <c r="GZ22" s="274">
        <v>0</v>
      </c>
      <c r="HA22" s="274">
        <v>0</v>
      </c>
      <c r="HB22" s="277">
        <v>0</v>
      </c>
      <c r="HC22" s="278">
        <v>0</v>
      </c>
      <c r="HD22" s="273">
        <v>0</v>
      </c>
      <c r="HE22" s="274">
        <v>0</v>
      </c>
      <c r="HF22" s="275">
        <v>0</v>
      </c>
      <c r="HG22" s="279"/>
      <c r="HH22" s="274">
        <v>0</v>
      </c>
      <c r="HI22" s="274">
        <v>0</v>
      </c>
      <c r="HJ22" s="274">
        <v>0</v>
      </c>
      <c r="HK22" s="274">
        <v>0</v>
      </c>
      <c r="HL22" s="274">
        <v>0</v>
      </c>
      <c r="HM22" s="277">
        <v>0</v>
      </c>
      <c r="HN22" s="278">
        <v>0</v>
      </c>
      <c r="HO22" s="273">
        <v>0</v>
      </c>
      <c r="HP22" s="274">
        <v>0</v>
      </c>
      <c r="HQ22" s="275">
        <v>0</v>
      </c>
      <c r="HR22" s="276">
        <v>0</v>
      </c>
      <c r="HS22" s="274">
        <v>171240</v>
      </c>
      <c r="HT22" s="274">
        <v>608164</v>
      </c>
      <c r="HU22" s="274">
        <v>2769767</v>
      </c>
      <c r="HV22" s="274">
        <v>2847622</v>
      </c>
      <c r="HW22" s="274">
        <v>2143502</v>
      </c>
      <c r="HX22" s="277">
        <v>8540295</v>
      </c>
      <c r="HY22" s="278">
        <v>8540295</v>
      </c>
    </row>
    <row r="23" spans="2:233" ht="21" customHeight="1" x14ac:dyDescent="0.2">
      <c r="B23" s="472" t="s">
        <v>20</v>
      </c>
      <c r="C23" s="273">
        <v>0</v>
      </c>
      <c r="D23" s="274">
        <v>0</v>
      </c>
      <c r="E23" s="275">
        <v>0</v>
      </c>
      <c r="F23" s="276">
        <v>0</v>
      </c>
      <c r="G23" s="274">
        <v>206320</v>
      </c>
      <c r="H23" s="274">
        <v>435490</v>
      </c>
      <c r="I23" s="274">
        <v>1658510</v>
      </c>
      <c r="J23" s="274">
        <v>1461625</v>
      </c>
      <c r="K23" s="274">
        <v>744160</v>
      </c>
      <c r="L23" s="277">
        <v>4506105</v>
      </c>
      <c r="M23" s="278">
        <v>4506105</v>
      </c>
      <c r="N23" s="273">
        <v>0</v>
      </c>
      <c r="O23" s="274">
        <v>0</v>
      </c>
      <c r="P23" s="275">
        <v>0</v>
      </c>
      <c r="Q23" s="279"/>
      <c r="R23" s="274">
        <v>41915</v>
      </c>
      <c r="S23" s="274">
        <v>252890</v>
      </c>
      <c r="T23" s="274">
        <v>1233555</v>
      </c>
      <c r="U23" s="274">
        <v>1239490</v>
      </c>
      <c r="V23" s="274">
        <v>650830</v>
      </c>
      <c r="W23" s="277">
        <v>3418680</v>
      </c>
      <c r="X23" s="278">
        <v>3418680</v>
      </c>
      <c r="Y23" s="273">
        <v>0</v>
      </c>
      <c r="Z23" s="274">
        <v>0</v>
      </c>
      <c r="AA23" s="275">
        <v>0</v>
      </c>
      <c r="AB23" s="279"/>
      <c r="AC23" s="274">
        <v>136785</v>
      </c>
      <c r="AD23" s="274">
        <v>122345</v>
      </c>
      <c r="AE23" s="274">
        <v>320295</v>
      </c>
      <c r="AF23" s="274">
        <v>139560</v>
      </c>
      <c r="AG23" s="274">
        <v>82545</v>
      </c>
      <c r="AH23" s="277">
        <v>801530</v>
      </c>
      <c r="AI23" s="278">
        <v>801530</v>
      </c>
      <c r="AJ23" s="273">
        <v>0</v>
      </c>
      <c r="AK23" s="274">
        <v>0</v>
      </c>
      <c r="AL23" s="275">
        <v>0</v>
      </c>
      <c r="AM23" s="279"/>
      <c r="AN23" s="274">
        <v>0</v>
      </c>
      <c r="AO23" s="274">
        <v>0</v>
      </c>
      <c r="AP23" s="274">
        <v>0</v>
      </c>
      <c r="AQ23" s="274">
        <v>0</v>
      </c>
      <c r="AR23" s="274">
        <v>0</v>
      </c>
      <c r="AS23" s="277">
        <v>0</v>
      </c>
      <c r="AT23" s="278">
        <v>0</v>
      </c>
      <c r="AU23" s="273">
        <v>0</v>
      </c>
      <c r="AV23" s="274">
        <v>0</v>
      </c>
      <c r="AW23" s="275">
        <v>0</v>
      </c>
      <c r="AX23" s="279"/>
      <c r="AY23" s="274">
        <v>0</v>
      </c>
      <c r="AZ23" s="274">
        <v>0</v>
      </c>
      <c r="BA23" s="274">
        <v>0</v>
      </c>
      <c r="BB23" s="274">
        <v>0</v>
      </c>
      <c r="BC23" s="274">
        <v>0</v>
      </c>
      <c r="BD23" s="277">
        <v>0</v>
      </c>
      <c r="BE23" s="278">
        <v>0</v>
      </c>
      <c r="BF23" s="273">
        <v>0</v>
      </c>
      <c r="BG23" s="274">
        <v>0</v>
      </c>
      <c r="BH23" s="275">
        <v>0</v>
      </c>
      <c r="BI23" s="279"/>
      <c r="BJ23" s="274">
        <v>0</v>
      </c>
      <c r="BK23" s="274">
        <v>0</v>
      </c>
      <c r="BL23" s="274">
        <v>0</v>
      </c>
      <c r="BM23" s="274">
        <v>0</v>
      </c>
      <c r="BN23" s="274">
        <v>0</v>
      </c>
      <c r="BO23" s="277">
        <v>0</v>
      </c>
      <c r="BP23" s="278">
        <v>0</v>
      </c>
      <c r="BQ23" s="273">
        <v>0</v>
      </c>
      <c r="BR23" s="274">
        <v>0</v>
      </c>
      <c r="BS23" s="275">
        <v>0</v>
      </c>
      <c r="BT23" s="276">
        <v>0</v>
      </c>
      <c r="BU23" s="274">
        <v>19555</v>
      </c>
      <c r="BV23" s="274">
        <v>59095</v>
      </c>
      <c r="BW23" s="274">
        <v>101325</v>
      </c>
      <c r="BX23" s="274">
        <v>81415</v>
      </c>
      <c r="BY23" s="274">
        <v>10785</v>
      </c>
      <c r="BZ23" s="277">
        <v>272175</v>
      </c>
      <c r="CA23" s="278">
        <v>272175</v>
      </c>
      <c r="CB23" s="273">
        <v>0</v>
      </c>
      <c r="CC23" s="274">
        <v>0</v>
      </c>
      <c r="CD23" s="275">
        <v>0</v>
      </c>
      <c r="CE23" s="276">
        <v>0</v>
      </c>
      <c r="CF23" s="274">
        <v>8065</v>
      </c>
      <c r="CG23" s="274">
        <v>1160</v>
      </c>
      <c r="CH23" s="274">
        <v>3335</v>
      </c>
      <c r="CI23" s="274">
        <v>1160</v>
      </c>
      <c r="CJ23" s="274">
        <v>0</v>
      </c>
      <c r="CK23" s="277">
        <v>13720</v>
      </c>
      <c r="CL23" s="278">
        <v>13720</v>
      </c>
      <c r="CM23" s="273">
        <v>0</v>
      </c>
      <c r="CN23" s="274">
        <v>0</v>
      </c>
      <c r="CO23" s="275">
        <v>0</v>
      </c>
      <c r="CP23" s="276">
        <v>0</v>
      </c>
      <c r="CQ23" s="274">
        <v>0</v>
      </c>
      <c r="CR23" s="274">
        <v>0</v>
      </c>
      <c r="CS23" s="274">
        <v>0</v>
      </c>
      <c r="CT23" s="274">
        <v>0</v>
      </c>
      <c r="CU23" s="274">
        <v>0</v>
      </c>
      <c r="CV23" s="277">
        <v>0</v>
      </c>
      <c r="CW23" s="278">
        <v>0</v>
      </c>
      <c r="CX23" s="273">
        <v>0</v>
      </c>
      <c r="CY23" s="274">
        <v>0</v>
      </c>
      <c r="CZ23" s="275">
        <v>0</v>
      </c>
      <c r="DA23" s="279"/>
      <c r="DB23" s="274">
        <v>0</v>
      </c>
      <c r="DC23" s="274">
        <v>0</v>
      </c>
      <c r="DD23" s="274">
        <v>0</v>
      </c>
      <c r="DE23" s="274">
        <v>0</v>
      </c>
      <c r="DF23" s="274">
        <v>0</v>
      </c>
      <c r="DG23" s="277">
        <v>0</v>
      </c>
      <c r="DH23" s="278">
        <v>0</v>
      </c>
      <c r="DI23" s="273">
        <v>0</v>
      </c>
      <c r="DJ23" s="274">
        <v>0</v>
      </c>
      <c r="DK23" s="275">
        <v>0</v>
      </c>
      <c r="DL23" s="276">
        <v>0</v>
      </c>
      <c r="DM23" s="274">
        <v>155865</v>
      </c>
      <c r="DN23" s="274">
        <v>544263</v>
      </c>
      <c r="DO23" s="274">
        <v>2033074</v>
      </c>
      <c r="DP23" s="274">
        <v>2525139</v>
      </c>
      <c r="DQ23" s="274">
        <v>1020739</v>
      </c>
      <c r="DR23" s="277">
        <v>6279080</v>
      </c>
      <c r="DS23" s="280">
        <v>6279080</v>
      </c>
      <c r="DT23" s="273">
        <v>0</v>
      </c>
      <c r="DU23" s="274">
        <v>0</v>
      </c>
      <c r="DV23" s="275">
        <v>0</v>
      </c>
      <c r="DW23" s="279"/>
      <c r="DX23" s="274">
        <v>75695</v>
      </c>
      <c r="DY23" s="274">
        <v>399696</v>
      </c>
      <c r="DZ23" s="274">
        <v>1751194</v>
      </c>
      <c r="EA23" s="274">
        <v>2256549</v>
      </c>
      <c r="EB23" s="274">
        <v>961157</v>
      </c>
      <c r="EC23" s="277">
        <v>5444291</v>
      </c>
      <c r="ED23" s="278">
        <v>5444291</v>
      </c>
      <c r="EE23" s="273">
        <v>0</v>
      </c>
      <c r="EF23" s="274">
        <v>0</v>
      </c>
      <c r="EG23" s="275">
        <v>0</v>
      </c>
      <c r="EH23" s="279"/>
      <c r="EI23" s="274">
        <v>34438</v>
      </c>
      <c r="EJ23" s="274">
        <v>24120</v>
      </c>
      <c r="EK23" s="274">
        <v>38307</v>
      </c>
      <c r="EL23" s="274">
        <v>13729</v>
      </c>
      <c r="EM23" s="274">
        <v>1477</v>
      </c>
      <c r="EN23" s="277">
        <v>112071</v>
      </c>
      <c r="EO23" s="278">
        <v>112071</v>
      </c>
      <c r="EP23" s="273">
        <v>0</v>
      </c>
      <c r="EQ23" s="274">
        <v>0</v>
      </c>
      <c r="ER23" s="275">
        <v>0</v>
      </c>
      <c r="ES23" s="279"/>
      <c r="ET23" s="274">
        <v>0</v>
      </c>
      <c r="EU23" s="274">
        <v>0</v>
      </c>
      <c r="EV23" s="274">
        <v>0</v>
      </c>
      <c r="EW23" s="274">
        <v>0</v>
      </c>
      <c r="EX23" s="274">
        <v>0</v>
      </c>
      <c r="EY23" s="277">
        <v>0</v>
      </c>
      <c r="EZ23" s="278">
        <v>0</v>
      </c>
      <c r="FA23" s="273">
        <v>0</v>
      </c>
      <c r="FB23" s="274">
        <v>0</v>
      </c>
      <c r="FC23" s="275">
        <v>0</v>
      </c>
      <c r="FD23" s="279"/>
      <c r="FE23" s="274">
        <v>0</v>
      </c>
      <c r="FF23" s="274">
        <v>0</v>
      </c>
      <c r="FG23" s="274">
        <v>0</v>
      </c>
      <c r="FH23" s="274">
        <v>0</v>
      </c>
      <c r="FI23" s="274">
        <v>0</v>
      </c>
      <c r="FJ23" s="277">
        <v>0</v>
      </c>
      <c r="FK23" s="278">
        <v>0</v>
      </c>
      <c r="FL23" s="273">
        <v>0</v>
      </c>
      <c r="FM23" s="274">
        <v>0</v>
      </c>
      <c r="FN23" s="275">
        <v>0</v>
      </c>
      <c r="FO23" s="279"/>
      <c r="FP23" s="274">
        <v>0</v>
      </c>
      <c r="FQ23" s="274">
        <v>0</v>
      </c>
      <c r="FR23" s="274">
        <v>0</v>
      </c>
      <c r="FS23" s="274">
        <v>0</v>
      </c>
      <c r="FT23" s="274">
        <v>0</v>
      </c>
      <c r="FU23" s="277">
        <v>0</v>
      </c>
      <c r="FV23" s="278">
        <v>0</v>
      </c>
      <c r="FW23" s="273">
        <v>0</v>
      </c>
      <c r="FX23" s="274">
        <v>0</v>
      </c>
      <c r="FY23" s="275">
        <v>0</v>
      </c>
      <c r="FZ23" s="276">
        <v>0</v>
      </c>
      <c r="GA23" s="274">
        <v>42075</v>
      </c>
      <c r="GB23" s="274">
        <v>117583</v>
      </c>
      <c r="GC23" s="274">
        <v>233907</v>
      </c>
      <c r="GD23" s="274">
        <v>254805</v>
      </c>
      <c r="GE23" s="274">
        <v>58105</v>
      </c>
      <c r="GF23" s="277">
        <v>706475</v>
      </c>
      <c r="GG23" s="278">
        <v>706475</v>
      </c>
      <c r="GH23" s="273">
        <v>0</v>
      </c>
      <c r="GI23" s="274">
        <v>0</v>
      </c>
      <c r="GJ23" s="275">
        <v>0</v>
      </c>
      <c r="GK23" s="276">
        <v>0</v>
      </c>
      <c r="GL23" s="274">
        <v>3657</v>
      </c>
      <c r="GM23" s="274">
        <v>2864</v>
      </c>
      <c r="GN23" s="274">
        <v>9666</v>
      </c>
      <c r="GO23" s="274">
        <v>56</v>
      </c>
      <c r="GP23" s="274">
        <v>0</v>
      </c>
      <c r="GQ23" s="277">
        <v>16243</v>
      </c>
      <c r="GR23" s="278">
        <v>16243</v>
      </c>
      <c r="GS23" s="273">
        <v>0</v>
      </c>
      <c r="GT23" s="274">
        <v>0</v>
      </c>
      <c r="GU23" s="275">
        <v>0</v>
      </c>
      <c r="GV23" s="276">
        <v>0</v>
      </c>
      <c r="GW23" s="274">
        <v>0</v>
      </c>
      <c r="GX23" s="274">
        <v>0</v>
      </c>
      <c r="GY23" s="274">
        <v>0</v>
      </c>
      <c r="GZ23" s="274">
        <v>0</v>
      </c>
      <c r="HA23" s="274">
        <v>0</v>
      </c>
      <c r="HB23" s="277">
        <v>0</v>
      </c>
      <c r="HC23" s="278">
        <v>0</v>
      </c>
      <c r="HD23" s="273">
        <v>0</v>
      </c>
      <c r="HE23" s="274">
        <v>0</v>
      </c>
      <c r="HF23" s="275">
        <v>0</v>
      </c>
      <c r="HG23" s="279"/>
      <c r="HH23" s="274">
        <v>0</v>
      </c>
      <c r="HI23" s="274">
        <v>0</v>
      </c>
      <c r="HJ23" s="274">
        <v>0</v>
      </c>
      <c r="HK23" s="274">
        <v>0</v>
      </c>
      <c r="HL23" s="274">
        <v>0</v>
      </c>
      <c r="HM23" s="277">
        <v>0</v>
      </c>
      <c r="HN23" s="278">
        <v>0</v>
      </c>
      <c r="HO23" s="273">
        <v>0</v>
      </c>
      <c r="HP23" s="274">
        <v>0</v>
      </c>
      <c r="HQ23" s="275">
        <v>0</v>
      </c>
      <c r="HR23" s="276">
        <v>0</v>
      </c>
      <c r="HS23" s="274">
        <v>362185</v>
      </c>
      <c r="HT23" s="274">
        <v>979753</v>
      </c>
      <c r="HU23" s="274">
        <v>3691584</v>
      </c>
      <c r="HV23" s="274">
        <v>3986764</v>
      </c>
      <c r="HW23" s="274">
        <v>1764899</v>
      </c>
      <c r="HX23" s="277">
        <v>10785185</v>
      </c>
      <c r="HY23" s="278">
        <v>10785185</v>
      </c>
    </row>
    <row r="24" spans="2:233" ht="21" customHeight="1" x14ac:dyDescent="0.2">
      <c r="B24" s="472" t="s">
        <v>21</v>
      </c>
      <c r="C24" s="273">
        <v>0</v>
      </c>
      <c r="D24" s="274">
        <v>0</v>
      </c>
      <c r="E24" s="275">
        <v>0</v>
      </c>
      <c r="F24" s="276">
        <v>0</v>
      </c>
      <c r="G24" s="274">
        <v>144090</v>
      </c>
      <c r="H24" s="274">
        <v>449655</v>
      </c>
      <c r="I24" s="274">
        <v>2160932</v>
      </c>
      <c r="J24" s="274">
        <v>1666472</v>
      </c>
      <c r="K24" s="274">
        <v>1401819</v>
      </c>
      <c r="L24" s="277">
        <v>5822968</v>
      </c>
      <c r="M24" s="278">
        <v>5822968</v>
      </c>
      <c r="N24" s="273">
        <v>0</v>
      </c>
      <c r="O24" s="274">
        <v>0</v>
      </c>
      <c r="P24" s="275">
        <v>0</v>
      </c>
      <c r="Q24" s="279"/>
      <c r="R24" s="274">
        <v>34350</v>
      </c>
      <c r="S24" s="274">
        <v>207990</v>
      </c>
      <c r="T24" s="274">
        <v>1680331</v>
      </c>
      <c r="U24" s="274">
        <v>1202582</v>
      </c>
      <c r="V24" s="274">
        <v>1032023</v>
      </c>
      <c r="W24" s="277">
        <v>4157276</v>
      </c>
      <c r="X24" s="278">
        <v>4157276</v>
      </c>
      <c r="Y24" s="273">
        <v>0</v>
      </c>
      <c r="Z24" s="274">
        <v>0</v>
      </c>
      <c r="AA24" s="275">
        <v>0</v>
      </c>
      <c r="AB24" s="279"/>
      <c r="AC24" s="274">
        <v>78450</v>
      </c>
      <c r="AD24" s="274">
        <v>175045</v>
      </c>
      <c r="AE24" s="274">
        <v>336340</v>
      </c>
      <c r="AF24" s="274">
        <v>195330</v>
      </c>
      <c r="AG24" s="274">
        <v>195210</v>
      </c>
      <c r="AH24" s="277">
        <v>980375</v>
      </c>
      <c r="AI24" s="278">
        <v>980375</v>
      </c>
      <c r="AJ24" s="273">
        <v>0</v>
      </c>
      <c r="AK24" s="274">
        <v>0</v>
      </c>
      <c r="AL24" s="275">
        <v>0</v>
      </c>
      <c r="AM24" s="279"/>
      <c r="AN24" s="274">
        <v>0</v>
      </c>
      <c r="AO24" s="274">
        <v>0</v>
      </c>
      <c r="AP24" s="274">
        <v>0</v>
      </c>
      <c r="AQ24" s="274">
        <v>31650</v>
      </c>
      <c r="AR24" s="274">
        <v>39450</v>
      </c>
      <c r="AS24" s="277">
        <v>71100</v>
      </c>
      <c r="AT24" s="278">
        <v>71100</v>
      </c>
      <c r="AU24" s="273">
        <v>0</v>
      </c>
      <c r="AV24" s="274">
        <v>0</v>
      </c>
      <c r="AW24" s="275">
        <v>0</v>
      </c>
      <c r="AX24" s="279"/>
      <c r="AY24" s="274">
        <v>0</v>
      </c>
      <c r="AZ24" s="274">
        <v>0</v>
      </c>
      <c r="BA24" s="274">
        <v>34350</v>
      </c>
      <c r="BB24" s="274">
        <v>37350</v>
      </c>
      <c r="BC24" s="274">
        <v>69770</v>
      </c>
      <c r="BD24" s="277">
        <v>141470</v>
      </c>
      <c r="BE24" s="278">
        <v>141470</v>
      </c>
      <c r="BF24" s="273">
        <v>0</v>
      </c>
      <c r="BG24" s="274">
        <v>0</v>
      </c>
      <c r="BH24" s="275">
        <v>0</v>
      </c>
      <c r="BI24" s="279"/>
      <c r="BJ24" s="274">
        <v>0</v>
      </c>
      <c r="BK24" s="274">
        <v>0</v>
      </c>
      <c r="BL24" s="274">
        <v>0</v>
      </c>
      <c r="BM24" s="274">
        <v>0</v>
      </c>
      <c r="BN24" s="274">
        <v>0</v>
      </c>
      <c r="BO24" s="277">
        <v>0</v>
      </c>
      <c r="BP24" s="278">
        <v>0</v>
      </c>
      <c r="BQ24" s="273">
        <v>0</v>
      </c>
      <c r="BR24" s="274">
        <v>0</v>
      </c>
      <c r="BS24" s="275">
        <v>0</v>
      </c>
      <c r="BT24" s="276">
        <v>0</v>
      </c>
      <c r="BU24" s="274">
        <v>21695</v>
      </c>
      <c r="BV24" s="274">
        <v>66620</v>
      </c>
      <c r="BW24" s="274">
        <v>108165</v>
      </c>
      <c r="BX24" s="274">
        <v>194997</v>
      </c>
      <c r="BY24" s="274">
        <v>65366</v>
      </c>
      <c r="BZ24" s="277">
        <v>456843</v>
      </c>
      <c r="CA24" s="278">
        <v>456843</v>
      </c>
      <c r="CB24" s="273">
        <v>0</v>
      </c>
      <c r="CC24" s="274">
        <v>0</v>
      </c>
      <c r="CD24" s="275">
        <v>0</v>
      </c>
      <c r="CE24" s="276">
        <v>0</v>
      </c>
      <c r="CF24" s="274">
        <v>9595</v>
      </c>
      <c r="CG24" s="274">
        <v>0</v>
      </c>
      <c r="CH24" s="274">
        <v>1746</v>
      </c>
      <c r="CI24" s="274">
        <v>4563</v>
      </c>
      <c r="CJ24" s="274">
        <v>0</v>
      </c>
      <c r="CK24" s="277">
        <v>15904</v>
      </c>
      <c r="CL24" s="278">
        <v>15904</v>
      </c>
      <c r="CM24" s="273">
        <v>0</v>
      </c>
      <c r="CN24" s="274">
        <v>0</v>
      </c>
      <c r="CO24" s="275">
        <v>0</v>
      </c>
      <c r="CP24" s="276">
        <v>0</v>
      </c>
      <c r="CQ24" s="274">
        <v>0</v>
      </c>
      <c r="CR24" s="274">
        <v>0</v>
      </c>
      <c r="CS24" s="274">
        <v>0</v>
      </c>
      <c r="CT24" s="274">
        <v>0</v>
      </c>
      <c r="CU24" s="274">
        <v>0</v>
      </c>
      <c r="CV24" s="277">
        <v>0</v>
      </c>
      <c r="CW24" s="278">
        <v>0</v>
      </c>
      <c r="CX24" s="273">
        <v>0</v>
      </c>
      <c r="CY24" s="274">
        <v>0</v>
      </c>
      <c r="CZ24" s="275">
        <v>0</v>
      </c>
      <c r="DA24" s="279"/>
      <c r="DB24" s="274">
        <v>0</v>
      </c>
      <c r="DC24" s="274">
        <v>0</v>
      </c>
      <c r="DD24" s="274">
        <v>0</v>
      </c>
      <c r="DE24" s="274">
        <v>0</v>
      </c>
      <c r="DF24" s="274">
        <v>0</v>
      </c>
      <c r="DG24" s="277">
        <v>0</v>
      </c>
      <c r="DH24" s="278">
        <v>0</v>
      </c>
      <c r="DI24" s="273">
        <v>0</v>
      </c>
      <c r="DJ24" s="274">
        <v>0</v>
      </c>
      <c r="DK24" s="275">
        <v>0</v>
      </c>
      <c r="DL24" s="276">
        <v>0</v>
      </c>
      <c r="DM24" s="274">
        <v>79654</v>
      </c>
      <c r="DN24" s="274">
        <v>354105</v>
      </c>
      <c r="DO24" s="274">
        <v>2282143</v>
      </c>
      <c r="DP24" s="274">
        <v>2243684</v>
      </c>
      <c r="DQ24" s="274">
        <v>1462474</v>
      </c>
      <c r="DR24" s="277">
        <v>6422060</v>
      </c>
      <c r="DS24" s="280">
        <v>6422060</v>
      </c>
      <c r="DT24" s="273">
        <v>0</v>
      </c>
      <c r="DU24" s="274">
        <v>0</v>
      </c>
      <c r="DV24" s="275">
        <v>0</v>
      </c>
      <c r="DW24" s="279"/>
      <c r="DX24" s="274">
        <v>25650</v>
      </c>
      <c r="DY24" s="274">
        <v>218160</v>
      </c>
      <c r="DZ24" s="274">
        <v>1937883</v>
      </c>
      <c r="EA24" s="274">
        <v>1879435</v>
      </c>
      <c r="EB24" s="274">
        <v>1285590</v>
      </c>
      <c r="EC24" s="277">
        <v>5346718</v>
      </c>
      <c r="ED24" s="278">
        <v>5346718</v>
      </c>
      <c r="EE24" s="273">
        <v>0</v>
      </c>
      <c r="EF24" s="274">
        <v>0</v>
      </c>
      <c r="EG24" s="275">
        <v>0</v>
      </c>
      <c r="EH24" s="279"/>
      <c r="EI24" s="274">
        <v>2310</v>
      </c>
      <c r="EJ24" s="274">
        <v>6827</v>
      </c>
      <c r="EK24" s="274">
        <v>73294</v>
      </c>
      <c r="EL24" s="274">
        <v>8727</v>
      </c>
      <c r="EM24" s="274">
        <v>24810</v>
      </c>
      <c r="EN24" s="277">
        <v>115968</v>
      </c>
      <c r="EO24" s="278">
        <v>115968</v>
      </c>
      <c r="EP24" s="273">
        <v>0</v>
      </c>
      <c r="EQ24" s="274">
        <v>0</v>
      </c>
      <c r="ER24" s="275">
        <v>0</v>
      </c>
      <c r="ES24" s="279"/>
      <c r="ET24" s="274">
        <v>0</v>
      </c>
      <c r="EU24" s="274">
        <v>0</v>
      </c>
      <c r="EV24" s="274">
        <v>0</v>
      </c>
      <c r="EW24" s="274">
        <v>0</v>
      </c>
      <c r="EX24" s="274">
        <v>11310</v>
      </c>
      <c r="EY24" s="277">
        <v>11310</v>
      </c>
      <c r="EZ24" s="278">
        <v>11310</v>
      </c>
      <c r="FA24" s="273">
        <v>0</v>
      </c>
      <c r="FB24" s="274">
        <v>0</v>
      </c>
      <c r="FC24" s="275">
        <v>0</v>
      </c>
      <c r="FD24" s="279"/>
      <c r="FE24" s="274">
        <v>0</v>
      </c>
      <c r="FF24" s="274">
        <v>0</v>
      </c>
      <c r="FG24" s="274">
        <v>11310</v>
      </c>
      <c r="FH24" s="274">
        <v>630</v>
      </c>
      <c r="FI24" s="274">
        <v>11940</v>
      </c>
      <c r="FJ24" s="277">
        <v>23880</v>
      </c>
      <c r="FK24" s="278">
        <v>23880</v>
      </c>
      <c r="FL24" s="273">
        <v>0</v>
      </c>
      <c r="FM24" s="274">
        <v>0</v>
      </c>
      <c r="FN24" s="275">
        <v>0</v>
      </c>
      <c r="FO24" s="279"/>
      <c r="FP24" s="274">
        <v>0</v>
      </c>
      <c r="FQ24" s="274">
        <v>0</v>
      </c>
      <c r="FR24" s="274">
        <v>0</v>
      </c>
      <c r="FS24" s="274">
        <v>0</v>
      </c>
      <c r="FT24" s="274">
        <v>0</v>
      </c>
      <c r="FU24" s="277">
        <v>0</v>
      </c>
      <c r="FV24" s="278">
        <v>0</v>
      </c>
      <c r="FW24" s="273">
        <v>0</v>
      </c>
      <c r="FX24" s="274">
        <v>0</v>
      </c>
      <c r="FY24" s="275">
        <v>0</v>
      </c>
      <c r="FZ24" s="276">
        <v>0</v>
      </c>
      <c r="GA24" s="274">
        <v>48650</v>
      </c>
      <c r="GB24" s="274">
        <v>129118</v>
      </c>
      <c r="GC24" s="274">
        <v>259635</v>
      </c>
      <c r="GD24" s="274">
        <v>354850</v>
      </c>
      <c r="GE24" s="274">
        <v>128824</v>
      </c>
      <c r="GF24" s="277">
        <v>921077</v>
      </c>
      <c r="GG24" s="278">
        <v>921077</v>
      </c>
      <c r="GH24" s="273">
        <v>0</v>
      </c>
      <c r="GI24" s="274">
        <v>0</v>
      </c>
      <c r="GJ24" s="275">
        <v>0</v>
      </c>
      <c r="GK24" s="276">
        <v>0</v>
      </c>
      <c r="GL24" s="274">
        <v>3044</v>
      </c>
      <c r="GM24" s="274">
        <v>0</v>
      </c>
      <c r="GN24" s="274">
        <v>21</v>
      </c>
      <c r="GO24" s="274">
        <v>42</v>
      </c>
      <c r="GP24" s="274">
        <v>0</v>
      </c>
      <c r="GQ24" s="277">
        <v>3107</v>
      </c>
      <c r="GR24" s="278">
        <v>3107</v>
      </c>
      <c r="GS24" s="273">
        <v>0</v>
      </c>
      <c r="GT24" s="274">
        <v>0</v>
      </c>
      <c r="GU24" s="275">
        <v>0</v>
      </c>
      <c r="GV24" s="276">
        <v>0</v>
      </c>
      <c r="GW24" s="274">
        <v>0</v>
      </c>
      <c r="GX24" s="274">
        <v>0</v>
      </c>
      <c r="GY24" s="274">
        <v>0</v>
      </c>
      <c r="GZ24" s="274">
        <v>0</v>
      </c>
      <c r="HA24" s="274">
        <v>0</v>
      </c>
      <c r="HB24" s="277">
        <v>0</v>
      </c>
      <c r="HC24" s="278">
        <v>0</v>
      </c>
      <c r="HD24" s="273">
        <v>0</v>
      </c>
      <c r="HE24" s="274">
        <v>0</v>
      </c>
      <c r="HF24" s="275">
        <v>0</v>
      </c>
      <c r="HG24" s="279"/>
      <c r="HH24" s="274">
        <v>0</v>
      </c>
      <c r="HI24" s="274">
        <v>0</v>
      </c>
      <c r="HJ24" s="274">
        <v>0</v>
      </c>
      <c r="HK24" s="274">
        <v>0</v>
      </c>
      <c r="HL24" s="274">
        <v>0</v>
      </c>
      <c r="HM24" s="277">
        <v>0</v>
      </c>
      <c r="HN24" s="278">
        <v>0</v>
      </c>
      <c r="HO24" s="273">
        <v>0</v>
      </c>
      <c r="HP24" s="274">
        <v>0</v>
      </c>
      <c r="HQ24" s="275">
        <v>0</v>
      </c>
      <c r="HR24" s="276">
        <v>0</v>
      </c>
      <c r="HS24" s="274">
        <v>223744</v>
      </c>
      <c r="HT24" s="274">
        <v>803760</v>
      </c>
      <c r="HU24" s="274">
        <v>4443075</v>
      </c>
      <c r="HV24" s="274">
        <v>3910156</v>
      </c>
      <c r="HW24" s="274">
        <v>2864293</v>
      </c>
      <c r="HX24" s="277">
        <v>12245028</v>
      </c>
      <c r="HY24" s="278">
        <v>12245028</v>
      </c>
    </row>
    <row r="25" spans="2:233" ht="21" customHeight="1" x14ac:dyDescent="0.2">
      <c r="B25" s="472" t="s">
        <v>22</v>
      </c>
      <c r="C25" s="273">
        <v>0</v>
      </c>
      <c r="D25" s="274">
        <v>0</v>
      </c>
      <c r="E25" s="275">
        <v>0</v>
      </c>
      <c r="F25" s="276">
        <v>0</v>
      </c>
      <c r="G25" s="274">
        <v>99815</v>
      </c>
      <c r="H25" s="274">
        <v>391915</v>
      </c>
      <c r="I25" s="274">
        <v>689005</v>
      </c>
      <c r="J25" s="274">
        <v>940720</v>
      </c>
      <c r="K25" s="274">
        <v>419330</v>
      </c>
      <c r="L25" s="277">
        <v>2540785</v>
      </c>
      <c r="M25" s="278">
        <v>2540785</v>
      </c>
      <c r="N25" s="273">
        <v>0</v>
      </c>
      <c r="O25" s="274">
        <v>0</v>
      </c>
      <c r="P25" s="275">
        <v>0</v>
      </c>
      <c r="Q25" s="279"/>
      <c r="R25" s="274">
        <v>34350</v>
      </c>
      <c r="S25" s="274">
        <v>111795</v>
      </c>
      <c r="T25" s="274">
        <v>515815</v>
      </c>
      <c r="U25" s="274">
        <v>558140</v>
      </c>
      <c r="V25" s="274">
        <v>243820</v>
      </c>
      <c r="W25" s="277">
        <v>1463920</v>
      </c>
      <c r="X25" s="278">
        <v>1463920</v>
      </c>
      <c r="Y25" s="273">
        <v>0</v>
      </c>
      <c r="Z25" s="274">
        <v>0</v>
      </c>
      <c r="AA25" s="275">
        <v>0</v>
      </c>
      <c r="AB25" s="279"/>
      <c r="AC25" s="274">
        <v>63300</v>
      </c>
      <c r="AD25" s="274">
        <v>273130</v>
      </c>
      <c r="AE25" s="274">
        <v>84035</v>
      </c>
      <c r="AF25" s="274">
        <v>275040</v>
      </c>
      <c r="AG25" s="274">
        <v>83545</v>
      </c>
      <c r="AH25" s="277">
        <v>779050</v>
      </c>
      <c r="AI25" s="278">
        <v>779050</v>
      </c>
      <c r="AJ25" s="273">
        <v>0</v>
      </c>
      <c r="AK25" s="274">
        <v>0</v>
      </c>
      <c r="AL25" s="275">
        <v>0</v>
      </c>
      <c r="AM25" s="279"/>
      <c r="AN25" s="274">
        <v>0</v>
      </c>
      <c r="AO25" s="274">
        <v>0</v>
      </c>
      <c r="AP25" s="274">
        <v>0</v>
      </c>
      <c r="AQ25" s="274">
        <v>0</v>
      </c>
      <c r="AR25" s="274">
        <v>0</v>
      </c>
      <c r="AS25" s="277">
        <v>0</v>
      </c>
      <c r="AT25" s="278">
        <v>0</v>
      </c>
      <c r="AU25" s="273">
        <v>0</v>
      </c>
      <c r="AV25" s="274">
        <v>0</v>
      </c>
      <c r="AW25" s="275">
        <v>0</v>
      </c>
      <c r="AX25" s="279"/>
      <c r="AY25" s="274">
        <v>0</v>
      </c>
      <c r="AZ25" s="274">
        <v>0</v>
      </c>
      <c r="BA25" s="274">
        <v>0</v>
      </c>
      <c r="BB25" s="274">
        <v>7140</v>
      </c>
      <c r="BC25" s="274">
        <v>47700</v>
      </c>
      <c r="BD25" s="277">
        <v>54840</v>
      </c>
      <c r="BE25" s="278">
        <v>54840</v>
      </c>
      <c r="BF25" s="273">
        <v>0</v>
      </c>
      <c r="BG25" s="274">
        <v>0</v>
      </c>
      <c r="BH25" s="275">
        <v>0</v>
      </c>
      <c r="BI25" s="279"/>
      <c r="BJ25" s="274">
        <v>0</v>
      </c>
      <c r="BK25" s="274">
        <v>0</v>
      </c>
      <c r="BL25" s="274">
        <v>26400</v>
      </c>
      <c r="BM25" s="274">
        <v>87000</v>
      </c>
      <c r="BN25" s="274">
        <v>39915</v>
      </c>
      <c r="BO25" s="277">
        <v>153315</v>
      </c>
      <c r="BP25" s="278">
        <v>153315</v>
      </c>
      <c r="BQ25" s="273">
        <v>0</v>
      </c>
      <c r="BR25" s="274">
        <v>0</v>
      </c>
      <c r="BS25" s="275">
        <v>0</v>
      </c>
      <c r="BT25" s="276">
        <v>0</v>
      </c>
      <c r="BU25" s="274">
        <v>2165</v>
      </c>
      <c r="BV25" s="274">
        <v>6990</v>
      </c>
      <c r="BW25" s="274">
        <v>59710</v>
      </c>
      <c r="BX25" s="274">
        <v>13400</v>
      </c>
      <c r="BY25" s="274">
        <v>3915</v>
      </c>
      <c r="BZ25" s="277">
        <v>86180</v>
      </c>
      <c r="CA25" s="278">
        <v>86180</v>
      </c>
      <c r="CB25" s="273">
        <v>0</v>
      </c>
      <c r="CC25" s="274">
        <v>0</v>
      </c>
      <c r="CD25" s="275">
        <v>0</v>
      </c>
      <c r="CE25" s="276">
        <v>0</v>
      </c>
      <c r="CF25" s="274">
        <v>0</v>
      </c>
      <c r="CG25" s="274">
        <v>0</v>
      </c>
      <c r="CH25" s="274">
        <v>3045</v>
      </c>
      <c r="CI25" s="274">
        <v>0</v>
      </c>
      <c r="CJ25" s="274">
        <v>435</v>
      </c>
      <c r="CK25" s="277">
        <v>3480</v>
      </c>
      <c r="CL25" s="278">
        <v>3480</v>
      </c>
      <c r="CM25" s="273">
        <v>0</v>
      </c>
      <c r="CN25" s="274">
        <v>0</v>
      </c>
      <c r="CO25" s="275">
        <v>0</v>
      </c>
      <c r="CP25" s="276">
        <v>0</v>
      </c>
      <c r="CQ25" s="274">
        <v>0</v>
      </c>
      <c r="CR25" s="274">
        <v>0</v>
      </c>
      <c r="CS25" s="274">
        <v>0</v>
      </c>
      <c r="CT25" s="274">
        <v>0</v>
      </c>
      <c r="CU25" s="274">
        <v>0</v>
      </c>
      <c r="CV25" s="277">
        <v>0</v>
      </c>
      <c r="CW25" s="278">
        <v>0</v>
      </c>
      <c r="CX25" s="273">
        <v>0</v>
      </c>
      <c r="CY25" s="274">
        <v>0</v>
      </c>
      <c r="CZ25" s="275">
        <v>0</v>
      </c>
      <c r="DA25" s="279"/>
      <c r="DB25" s="274">
        <v>0</v>
      </c>
      <c r="DC25" s="274">
        <v>0</v>
      </c>
      <c r="DD25" s="274">
        <v>0</v>
      </c>
      <c r="DE25" s="274">
        <v>0</v>
      </c>
      <c r="DF25" s="274">
        <v>0</v>
      </c>
      <c r="DG25" s="277">
        <v>0</v>
      </c>
      <c r="DH25" s="278">
        <v>0</v>
      </c>
      <c r="DI25" s="273">
        <v>0</v>
      </c>
      <c r="DJ25" s="274">
        <v>702</v>
      </c>
      <c r="DK25" s="275">
        <v>702</v>
      </c>
      <c r="DL25" s="276">
        <v>0</v>
      </c>
      <c r="DM25" s="274">
        <v>44007</v>
      </c>
      <c r="DN25" s="274">
        <v>149665</v>
      </c>
      <c r="DO25" s="274">
        <v>701771</v>
      </c>
      <c r="DP25" s="274">
        <v>1021118</v>
      </c>
      <c r="DQ25" s="274">
        <v>446606</v>
      </c>
      <c r="DR25" s="277">
        <v>2363167</v>
      </c>
      <c r="DS25" s="280">
        <v>2363869</v>
      </c>
      <c r="DT25" s="273">
        <v>0</v>
      </c>
      <c r="DU25" s="274">
        <v>0</v>
      </c>
      <c r="DV25" s="275">
        <v>0</v>
      </c>
      <c r="DW25" s="279"/>
      <c r="DX25" s="274">
        <v>25650</v>
      </c>
      <c r="DY25" s="274">
        <v>66665</v>
      </c>
      <c r="DZ25" s="274">
        <v>556013</v>
      </c>
      <c r="EA25" s="274">
        <v>801729</v>
      </c>
      <c r="EB25" s="274">
        <v>325807</v>
      </c>
      <c r="EC25" s="277">
        <v>1775864</v>
      </c>
      <c r="ED25" s="278">
        <v>1775864</v>
      </c>
      <c r="EE25" s="273">
        <v>0</v>
      </c>
      <c r="EF25" s="274">
        <v>0</v>
      </c>
      <c r="EG25" s="275">
        <v>0</v>
      </c>
      <c r="EH25" s="279"/>
      <c r="EI25" s="274">
        <v>11940</v>
      </c>
      <c r="EJ25" s="274">
        <v>69171</v>
      </c>
      <c r="EK25" s="274">
        <v>31580</v>
      </c>
      <c r="EL25" s="274">
        <v>36268</v>
      </c>
      <c r="EM25" s="274">
        <v>11751</v>
      </c>
      <c r="EN25" s="277">
        <v>160710</v>
      </c>
      <c r="EO25" s="278">
        <v>160710</v>
      </c>
      <c r="EP25" s="273">
        <v>0</v>
      </c>
      <c r="EQ25" s="274">
        <v>0</v>
      </c>
      <c r="ER25" s="275">
        <v>0</v>
      </c>
      <c r="ES25" s="279"/>
      <c r="ET25" s="274">
        <v>0</v>
      </c>
      <c r="EU25" s="274">
        <v>0</v>
      </c>
      <c r="EV25" s="274">
        <v>0</v>
      </c>
      <c r="EW25" s="274">
        <v>0</v>
      </c>
      <c r="EX25" s="274">
        <v>0</v>
      </c>
      <c r="EY25" s="277">
        <v>0</v>
      </c>
      <c r="EZ25" s="278">
        <v>0</v>
      </c>
      <c r="FA25" s="273">
        <v>0</v>
      </c>
      <c r="FB25" s="274">
        <v>0</v>
      </c>
      <c r="FC25" s="275">
        <v>0</v>
      </c>
      <c r="FD25" s="279"/>
      <c r="FE25" s="274">
        <v>0</v>
      </c>
      <c r="FF25" s="274">
        <v>0</v>
      </c>
      <c r="FG25" s="274">
        <v>0</v>
      </c>
      <c r="FH25" s="274">
        <v>9370</v>
      </c>
      <c r="FI25" s="274">
        <v>10950</v>
      </c>
      <c r="FJ25" s="277">
        <v>20320</v>
      </c>
      <c r="FK25" s="278">
        <v>20320</v>
      </c>
      <c r="FL25" s="273">
        <v>0</v>
      </c>
      <c r="FM25" s="274">
        <v>0</v>
      </c>
      <c r="FN25" s="275">
        <v>0</v>
      </c>
      <c r="FO25" s="279"/>
      <c r="FP25" s="274">
        <v>0</v>
      </c>
      <c r="FQ25" s="274">
        <v>0</v>
      </c>
      <c r="FR25" s="274">
        <v>41400</v>
      </c>
      <c r="FS25" s="274">
        <v>138900</v>
      </c>
      <c r="FT25" s="274">
        <v>88600</v>
      </c>
      <c r="FU25" s="277">
        <v>268900</v>
      </c>
      <c r="FV25" s="278">
        <v>268900</v>
      </c>
      <c r="FW25" s="273">
        <v>0</v>
      </c>
      <c r="FX25" s="274">
        <v>702</v>
      </c>
      <c r="FY25" s="275">
        <v>702</v>
      </c>
      <c r="FZ25" s="276">
        <v>0</v>
      </c>
      <c r="GA25" s="274">
        <v>6417</v>
      </c>
      <c r="GB25" s="274">
        <v>13829</v>
      </c>
      <c r="GC25" s="274">
        <v>72631</v>
      </c>
      <c r="GD25" s="274">
        <v>34851</v>
      </c>
      <c r="GE25" s="274">
        <v>9477</v>
      </c>
      <c r="GF25" s="277">
        <v>137205</v>
      </c>
      <c r="GG25" s="278">
        <v>137907</v>
      </c>
      <c r="GH25" s="273">
        <v>0</v>
      </c>
      <c r="GI25" s="274">
        <v>0</v>
      </c>
      <c r="GJ25" s="275">
        <v>0</v>
      </c>
      <c r="GK25" s="276">
        <v>0</v>
      </c>
      <c r="GL25" s="274">
        <v>0</v>
      </c>
      <c r="GM25" s="274">
        <v>0</v>
      </c>
      <c r="GN25" s="274">
        <v>147</v>
      </c>
      <c r="GO25" s="274">
        <v>0</v>
      </c>
      <c r="GP25" s="274">
        <v>21</v>
      </c>
      <c r="GQ25" s="277">
        <v>168</v>
      </c>
      <c r="GR25" s="278">
        <v>168</v>
      </c>
      <c r="GS25" s="273">
        <v>0</v>
      </c>
      <c r="GT25" s="274">
        <v>0</v>
      </c>
      <c r="GU25" s="275">
        <v>0</v>
      </c>
      <c r="GV25" s="276">
        <v>0</v>
      </c>
      <c r="GW25" s="274">
        <v>0</v>
      </c>
      <c r="GX25" s="274">
        <v>0</v>
      </c>
      <c r="GY25" s="274">
        <v>0</v>
      </c>
      <c r="GZ25" s="274">
        <v>0</v>
      </c>
      <c r="HA25" s="274">
        <v>0</v>
      </c>
      <c r="HB25" s="277">
        <v>0</v>
      </c>
      <c r="HC25" s="278">
        <v>0</v>
      </c>
      <c r="HD25" s="273">
        <v>0</v>
      </c>
      <c r="HE25" s="274">
        <v>0</v>
      </c>
      <c r="HF25" s="275">
        <v>0</v>
      </c>
      <c r="HG25" s="279"/>
      <c r="HH25" s="274">
        <v>0</v>
      </c>
      <c r="HI25" s="274">
        <v>0</v>
      </c>
      <c r="HJ25" s="274">
        <v>0</v>
      </c>
      <c r="HK25" s="274">
        <v>0</v>
      </c>
      <c r="HL25" s="274">
        <v>0</v>
      </c>
      <c r="HM25" s="277">
        <v>0</v>
      </c>
      <c r="HN25" s="278">
        <v>0</v>
      </c>
      <c r="HO25" s="273">
        <v>0</v>
      </c>
      <c r="HP25" s="274">
        <v>702</v>
      </c>
      <c r="HQ25" s="275">
        <v>702</v>
      </c>
      <c r="HR25" s="276">
        <v>0</v>
      </c>
      <c r="HS25" s="274">
        <v>143822</v>
      </c>
      <c r="HT25" s="274">
        <v>541580</v>
      </c>
      <c r="HU25" s="274">
        <v>1390776</v>
      </c>
      <c r="HV25" s="274">
        <v>1961838</v>
      </c>
      <c r="HW25" s="274">
        <v>865936</v>
      </c>
      <c r="HX25" s="277">
        <v>4903952</v>
      </c>
      <c r="HY25" s="278">
        <v>4904654</v>
      </c>
    </row>
    <row r="26" spans="2:233" ht="21" customHeight="1" x14ac:dyDescent="0.2">
      <c r="B26" s="472" t="s">
        <v>23</v>
      </c>
      <c r="C26" s="273">
        <v>0</v>
      </c>
      <c r="D26" s="274">
        <v>0</v>
      </c>
      <c r="E26" s="275">
        <v>0</v>
      </c>
      <c r="F26" s="276">
        <v>0</v>
      </c>
      <c r="G26" s="274">
        <v>200995</v>
      </c>
      <c r="H26" s="274">
        <v>308865</v>
      </c>
      <c r="I26" s="274">
        <v>966293</v>
      </c>
      <c r="J26" s="274">
        <v>1192870</v>
      </c>
      <c r="K26" s="274">
        <v>817335</v>
      </c>
      <c r="L26" s="277">
        <v>3486358</v>
      </c>
      <c r="M26" s="278">
        <v>3486358</v>
      </c>
      <c r="N26" s="273">
        <v>0</v>
      </c>
      <c r="O26" s="274">
        <v>0</v>
      </c>
      <c r="P26" s="275">
        <v>0</v>
      </c>
      <c r="Q26" s="279"/>
      <c r="R26" s="274">
        <v>55500</v>
      </c>
      <c r="S26" s="274">
        <v>163025</v>
      </c>
      <c r="T26" s="274">
        <v>723595</v>
      </c>
      <c r="U26" s="274">
        <v>843745</v>
      </c>
      <c r="V26" s="274">
        <v>570610</v>
      </c>
      <c r="W26" s="277">
        <v>2356475</v>
      </c>
      <c r="X26" s="278">
        <v>2356475</v>
      </c>
      <c r="Y26" s="273">
        <v>0</v>
      </c>
      <c r="Z26" s="274">
        <v>0</v>
      </c>
      <c r="AA26" s="275">
        <v>0</v>
      </c>
      <c r="AB26" s="279"/>
      <c r="AC26" s="274">
        <v>124050</v>
      </c>
      <c r="AD26" s="274">
        <v>106195</v>
      </c>
      <c r="AE26" s="274">
        <v>211985</v>
      </c>
      <c r="AF26" s="274">
        <v>293080</v>
      </c>
      <c r="AG26" s="274">
        <v>133185</v>
      </c>
      <c r="AH26" s="277">
        <v>868495</v>
      </c>
      <c r="AI26" s="278">
        <v>868495</v>
      </c>
      <c r="AJ26" s="273">
        <v>0</v>
      </c>
      <c r="AK26" s="274">
        <v>0</v>
      </c>
      <c r="AL26" s="275">
        <v>0</v>
      </c>
      <c r="AM26" s="279"/>
      <c r="AN26" s="274">
        <v>0</v>
      </c>
      <c r="AO26" s="274">
        <v>0</v>
      </c>
      <c r="AP26" s="274">
        <v>0</v>
      </c>
      <c r="AQ26" s="274">
        <v>0</v>
      </c>
      <c r="AR26" s="274">
        <v>58200</v>
      </c>
      <c r="AS26" s="277">
        <v>58200</v>
      </c>
      <c r="AT26" s="278">
        <v>58200</v>
      </c>
      <c r="AU26" s="273">
        <v>0</v>
      </c>
      <c r="AV26" s="274">
        <v>0</v>
      </c>
      <c r="AW26" s="275">
        <v>0</v>
      </c>
      <c r="AX26" s="279"/>
      <c r="AY26" s="274">
        <v>0</v>
      </c>
      <c r="AZ26" s="274">
        <v>0</v>
      </c>
      <c r="BA26" s="274">
        <v>0</v>
      </c>
      <c r="BB26" s="274">
        <v>23850</v>
      </c>
      <c r="BC26" s="274">
        <v>48300</v>
      </c>
      <c r="BD26" s="277">
        <v>72150</v>
      </c>
      <c r="BE26" s="278">
        <v>72150</v>
      </c>
      <c r="BF26" s="273">
        <v>0</v>
      </c>
      <c r="BG26" s="274">
        <v>0</v>
      </c>
      <c r="BH26" s="275">
        <v>0</v>
      </c>
      <c r="BI26" s="279"/>
      <c r="BJ26" s="274">
        <v>0</v>
      </c>
      <c r="BK26" s="274">
        <v>0</v>
      </c>
      <c r="BL26" s="274">
        <v>0</v>
      </c>
      <c r="BM26" s="274">
        <v>0</v>
      </c>
      <c r="BN26" s="274">
        <v>0</v>
      </c>
      <c r="BO26" s="277">
        <v>0</v>
      </c>
      <c r="BP26" s="278">
        <v>0</v>
      </c>
      <c r="BQ26" s="273">
        <v>0</v>
      </c>
      <c r="BR26" s="274">
        <v>0</v>
      </c>
      <c r="BS26" s="275">
        <v>0</v>
      </c>
      <c r="BT26" s="276">
        <v>0</v>
      </c>
      <c r="BU26" s="274">
        <v>21445</v>
      </c>
      <c r="BV26" s="274">
        <v>39645</v>
      </c>
      <c r="BW26" s="274">
        <v>30713</v>
      </c>
      <c r="BX26" s="274">
        <v>32195</v>
      </c>
      <c r="BY26" s="274">
        <v>7040</v>
      </c>
      <c r="BZ26" s="277">
        <v>131038</v>
      </c>
      <c r="CA26" s="278">
        <v>131038</v>
      </c>
      <c r="CB26" s="273">
        <v>0</v>
      </c>
      <c r="CC26" s="274">
        <v>0</v>
      </c>
      <c r="CD26" s="275">
        <v>0</v>
      </c>
      <c r="CE26" s="276">
        <v>0</v>
      </c>
      <c r="CF26" s="274">
        <v>0</v>
      </c>
      <c r="CG26" s="274">
        <v>0</v>
      </c>
      <c r="CH26" s="274">
        <v>0</v>
      </c>
      <c r="CI26" s="274">
        <v>0</v>
      </c>
      <c r="CJ26" s="274">
        <v>0</v>
      </c>
      <c r="CK26" s="277">
        <v>0</v>
      </c>
      <c r="CL26" s="278">
        <v>0</v>
      </c>
      <c r="CM26" s="273">
        <v>0</v>
      </c>
      <c r="CN26" s="274">
        <v>0</v>
      </c>
      <c r="CO26" s="275">
        <v>0</v>
      </c>
      <c r="CP26" s="276">
        <v>0</v>
      </c>
      <c r="CQ26" s="274">
        <v>0</v>
      </c>
      <c r="CR26" s="274">
        <v>0</v>
      </c>
      <c r="CS26" s="274">
        <v>0</v>
      </c>
      <c r="CT26" s="274">
        <v>0</v>
      </c>
      <c r="CU26" s="274">
        <v>0</v>
      </c>
      <c r="CV26" s="277">
        <v>0</v>
      </c>
      <c r="CW26" s="278">
        <v>0</v>
      </c>
      <c r="CX26" s="273">
        <v>0</v>
      </c>
      <c r="CY26" s="274">
        <v>0</v>
      </c>
      <c r="CZ26" s="275">
        <v>0</v>
      </c>
      <c r="DA26" s="279"/>
      <c r="DB26" s="274">
        <v>0</v>
      </c>
      <c r="DC26" s="274">
        <v>0</v>
      </c>
      <c r="DD26" s="274">
        <v>0</v>
      </c>
      <c r="DE26" s="274">
        <v>0</v>
      </c>
      <c r="DF26" s="274">
        <v>0</v>
      </c>
      <c r="DG26" s="277">
        <v>0</v>
      </c>
      <c r="DH26" s="278">
        <v>0</v>
      </c>
      <c r="DI26" s="273">
        <v>0</v>
      </c>
      <c r="DJ26" s="274">
        <v>0</v>
      </c>
      <c r="DK26" s="275">
        <v>0</v>
      </c>
      <c r="DL26" s="276">
        <v>0</v>
      </c>
      <c r="DM26" s="274">
        <v>100856</v>
      </c>
      <c r="DN26" s="274">
        <v>172239</v>
      </c>
      <c r="DO26" s="274">
        <v>887116</v>
      </c>
      <c r="DP26" s="274">
        <v>1105615</v>
      </c>
      <c r="DQ26" s="274">
        <v>673554</v>
      </c>
      <c r="DR26" s="277">
        <v>2939380</v>
      </c>
      <c r="DS26" s="280">
        <v>2939380</v>
      </c>
      <c r="DT26" s="273">
        <v>0</v>
      </c>
      <c r="DU26" s="274">
        <v>0</v>
      </c>
      <c r="DV26" s="275">
        <v>0</v>
      </c>
      <c r="DW26" s="279"/>
      <c r="DX26" s="274">
        <v>20880</v>
      </c>
      <c r="DY26" s="274">
        <v>101290</v>
      </c>
      <c r="DZ26" s="274">
        <v>812874</v>
      </c>
      <c r="EA26" s="274">
        <v>994374</v>
      </c>
      <c r="EB26" s="274">
        <v>598022</v>
      </c>
      <c r="EC26" s="277">
        <v>2527440</v>
      </c>
      <c r="ED26" s="278">
        <v>2527440</v>
      </c>
      <c r="EE26" s="273">
        <v>0</v>
      </c>
      <c r="EF26" s="274">
        <v>0</v>
      </c>
      <c r="EG26" s="275">
        <v>0</v>
      </c>
      <c r="EH26" s="279"/>
      <c r="EI26" s="274">
        <v>47520</v>
      </c>
      <c r="EJ26" s="274">
        <v>37349</v>
      </c>
      <c r="EK26" s="274">
        <v>13487</v>
      </c>
      <c r="EL26" s="274">
        <v>5250</v>
      </c>
      <c r="EM26" s="274">
        <v>38044</v>
      </c>
      <c r="EN26" s="277">
        <v>141650</v>
      </c>
      <c r="EO26" s="278">
        <v>141650</v>
      </c>
      <c r="EP26" s="273">
        <v>0</v>
      </c>
      <c r="EQ26" s="274">
        <v>0</v>
      </c>
      <c r="ER26" s="275">
        <v>0</v>
      </c>
      <c r="ES26" s="279"/>
      <c r="ET26" s="274">
        <v>0</v>
      </c>
      <c r="EU26" s="274">
        <v>0</v>
      </c>
      <c r="EV26" s="274">
        <v>0</v>
      </c>
      <c r="EW26" s="274">
        <v>0</v>
      </c>
      <c r="EX26" s="274">
        <v>11100</v>
      </c>
      <c r="EY26" s="277">
        <v>11100</v>
      </c>
      <c r="EZ26" s="278">
        <v>11100</v>
      </c>
      <c r="FA26" s="273">
        <v>0</v>
      </c>
      <c r="FB26" s="274">
        <v>0</v>
      </c>
      <c r="FC26" s="275">
        <v>0</v>
      </c>
      <c r="FD26" s="279"/>
      <c r="FE26" s="274">
        <v>0</v>
      </c>
      <c r="FF26" s="274">
        <v>0</v>
      </c>
      <c r="FG26" s="274">
        <v>0</v>
      </c>
      <c r="FH26" s="274">
        <v>210</v>
      </c>
      <c r="FI26" s="274">
        <v>10950</v>
      </c>
      <c r="FJ26" s="277">
        <v>11160</v>
      </c>
      <c r="FK26" s="278">
        <v>11160</v>
      </c>
      <c r="FL26" s="273">
        <v>0</v>
      </c>
      <c r="FM26" s="274">
        <v>0</v>
      </c>
      <c r="FN26" s="275">
        <v>0</v>
      </c>
      <c r="FO26" s="279"/>
      <c r="FP26" s="274">
        <v>0</v>
      </c>
      <c r="FQ26" s="274">
        <v>0</v>
      </c>
      <c r="FR26" s="274">
        <v>0</v>
      </c>
      <c r="FS26" s="274">
        <v>0</v>
      </c>
      <c r="FT26" s="274">
        <v>0</v>
      </c>
      <c r="FU26" s="277">
        <v>0</v>
      </c>
      <c r="FV26" s="278">
        <v>0</v>
      </c>
      <c r="FW26" s="273">
        <v>0</v>
      </c>
      <c r="FX26" s="274">
        <v>0</v>
      </c>
      <c r="FY26" s="275">
        <v>0</v>
      </c>
      <c r="FZ26" s="276">
        <v>0</v>
      </c>
      <c r="GA26" s="274">
        <v>32456</v>
      </c>
      <c r="GB26" s="274">
        <v>33600</v>
      </c>
      <c r="GC26" s="274">
        <v>60755</v>
      </c>
      <c r="GD26" s="274">
        <v>105781</v>
      </c>
      <c r="GE26" s="274">
        <v>15438</v>
      </c>
      <c r="GF26" s="277">
        <v>248030</v>
      </c>
      <c r="GG26" s="278">
        <v>248030</v>
      </c>
      <c r="GH26" s="273">
        <v>0</v>
      </c>
      <c r="GI26" s="274">
        <v>0</v>
      </c>
      <c r="GJ26" s="275">
        <v>0</v>
      </c>
      <c r="GK26" s="276">
        <v>0</v>
      </c>
      <c r="GL26" s="274">
        <v>0</v>
      </c>
      <c r="GM26" s="274">
        <v>0</v>
      </c>
      <c r="GN26" s="274">
        <v>0</v>
      </c>
      <c r="GO26" s="274">
        <v>0</v>
      </c>
      <c r="GP26" s="274">
        <v>0</v>
      </c>
      <c r="GQ26" s="277">
        <v>0</v>
      </c>
      <c r="GR26" s="278">
        <v>0</v>
      </c>
      <c r="GS26" s="273">
        <v>0</v>
      </c>
      <c r="GT26" s="274">
        <v>0</v>
      </c>
      <c r="GU26" s="275">
        <v>0</v>
      </c>
      <c r="GV26" s="276">
        <v>0</v>
      </c>
      <c r="GW26" s="274">
        <v>0</v>
      </c>
      <c r="GX26" s="274">
        <v>0</v>
      </c>
      <c r="GY26" s="274">
        <v>0</v>
      </c>
      <c r="GZ26" s="274">
        <v>0</v>
      </c>
      <c r="HA26" s="274">
        <v>0</v>
      </c>
      <c r="HB26" s="277">
        <v>0</v>
      </c>
      <c r="HC26" s="278">
        <v>0</v>
      </c>
      <c r="HD26" s="273">
        <v>0</v>
      </c>
      <c r="HE26" s="274">
        <v>0</v>
      </c>
      <c r="HF26" s="275">
        <v>0</v>
      </c>
      <c r="HG26" s="279"/>
      <c r="HH26" s="274">
        <v>0</v>
      </c>
      <c r="HI26" s="274">
        <v>0</v>
      </c>
      <c r="HJ26" s="274">
        <v>0</v>
      </c>
      <c r="HK26" s="274">
        <v>0</v>
      </c>
      <c r="HL26" s="274">
        <v>0</v>
      </c>
      <c r="HM26" s="277">
        <v>0</v>
      </c>
      <c r="HN26" s="278">
        <v>0</v>
      </c>
      <c r="HO26" s="273">
        <v>0</v>
      </c>
      <c r="HP26" s="274">
        <v>0</v>
      </c>
      <c r="HQ26" s="275">
        <v>0</v>
      </c>
      <c r="HR26" s="276">
        <v>0</v>
      </c>
      <c r="HS26" s="274">
        <v>301851</v>
      </c>
      <c r="HT26" s="274">
        <v>481104</v>
      </c>
      <c r="HU26" s="274">
        <v>1853409</v>
      </c>
      <c r="HV26" s="274">
        <v>2298485</v>
      </c>
      <c r="HW26" s="274">
        <v>1490889</v>
      </c>
      <c r="HX26" s="277">
        <v>6425738</v>
      </c>
      <c r="HY26" s="278">
        <v>6425738</v>
      </c>
    </row>
    <row r="27" spans="2:233" ht="21" customHeight="1" x14ac:dyDescent="0.2">
      <c r="B27" s="472" t="s">
        <v>24</v>
      </c>
      <c r="C27" s="273">
        <v>0</v>
      </c>
      <c r="D27" s="274">
        <v>0</v>
      </c>
      <c r="E27" s="275">
        <v>0</v>
      </c>
      <c r="F27" s="276">
        <v>0</v>
      </c>
      <c r="G27" s="274">
        <v>63360</v>
      </c>
      <c r="H27" s="274">
        <v>5785</v>
      </c>
      <c r="I27" s="274">
        <v>223420</v>
      </c>
      <c r="J27" s="274">
        <v>833940</v>
      </c>
      <c r="K27" s="274">
        <v>304455</v>
      </c>
      <c r="L27" s="277">
        <v>1430960</v>
      </c>
      <c r="M27" s="278">
        <v>1430960</v>
      </c>
      <c r="N27" s="273">
        <v>0</v>
      </c>
      <c r="O27" s="274">
        <v>0</v>
      </c>
      <c r="P27" s="275">
        <v>0</v>
      </c>
      <c r="Q27" s="279"/>
      <c r="R27" s="274">
        <v>0</v>
      </c>
      <c r="S27" s="274">
        <v>0</v>
      </c>
      <c r="T27" s="274">
        <v>183820</v>
      </c>
      <c r="U27" s="274">
        <v>653085</v>
      </c>
      <c r="V27" s="274">
        <v>201265</v>
      </c>
      <c r="W27" s="277">
        <v>1038170</v>
      </c>
      <c r="X27" s="278">
        <v>1038170</v>
      </c>
      <c r="Y27" s="273">
        <v>0</v>
      </c>
      <c r="Z27" s="274">
        <v>0</v>
      </c>
      <c r="AA27" s="275">
        <v>0</v>
      </c>
      <c r="AB27" s="279"/>
      <c r="AC27" s="274">
        <v>58050</v>
      </c>
      <c r="AD27" s="274">
        <v>2635</v>
      </c>
      <c r="AE27" s="274">
        <v>12750</v>
      </c>
      <c r="AF27" s="274">
        <v>131550</v>
      </c>
      <c r="AG27" s="274">
        <v>102900</v>
      </c>
      <c r="AH27" s="277">
        <v>307885</v>
      </c>
      <c r="AI27" s="278">
        <v>307885</v>
      </c>
      <c r="AJ27" s="273">
        <v>0</v>
      </c>
      <c r="AK27" s="274">
        <v>0</v>
      </c>
      <c r="AL27" s="275">
        <v>0</v>
      </c>
      <c r="AM27" s="279"/>
      <c r="AN27" s="274">
        <v>0</v>
      </c>
      <c r="AO27" s="274">
        <v>0</v>
      </c>
      <c r="AP27" s="274">
        <v>0</v>
      </c>
      <c r="AQ27" s="274">
        <v>0</v>
      </c>
      <c r="AR27" s="274">
        <v>0</v>
      </c>
      <c r="AS27" s="277">
        <v>0</v>
      </c>
      <c r="AT27" s="278">
        <v>0</v>
      </c>
      <c r="AU27" s="273">
        <v>0</v>
      </c>
      <c r="AV27" s="274">
        <v>0</v>
      </c>
      <c r="AW27" s="275">
        <v>0</v>
      </c>
      <c r="AX27" s="279"/>
      <c r="AY27" s="274">
        <v>0</v>
      </c>
      <c r="AZ27" s="274">
        <v>0</v>
      </c>
      <c r="BA27" s="274">
        <v>0</v>
      </c>
      <c r="BB27" s="274">
        <v>0</v>
      </c>
      <c r="BC27" s="274">
        <v>0</v>
      </c>
      <c r="BD27" s="277">
        <v>0</v>
      </c>
      <c r="BE27" s="278">
        <v>0</v>
      </c>
      <c r="BF27" s="273">
        <v>0</v>
      </c>
      <c r="BG27" s="274">
        <v>0</v>
      </c>
      <c r="BH27" s="275">
        <v>0</v>
      </c>
      <c r="BI27" s="279"/>
      <c r="BJ27" s="274">
        <v>0</v>
      </c>
      <c r="BK27" s="274">
        <v>0</v>
      </c>
      <c r="BL27" s="274">
        <v>0</v>
      </c>
      <c r="BM27" s="274">
        <v>0</v>
      </c>
      <c r="BN27" s="274">
        <v>0</v>
      </c>
      <c r="BO27" s="277">
        <v>0</v>
      </c>
      <c r="BP27" s="278">
        <v>0</v>
      </c>
      <c r="BQ27" s="273">
        <v>0</v>
      </c>
      <c r="BR27" s="274">
        <v>0</v>
      </c>
      <c r="BS27" s="275">
        <v>0</v>
      </c>
      <c r="BT27" s="276">
        <v>0</v>
      </c>
      <c r="BU27" s="274">
        <v>5310</v>
      </c>
      <c r="BV27" s="274">
        <v>3150</v>
      </c>
      <c r="BW27" s="274">
        <v>26850</v>
      </c>
      <c r="BX27" s="274">
        <v>49305</v>
      </c>
      <c r="BY27" s="274">
        <v>290</v>
      </c>
      <c r="BZ27" s="277">
        <v>84905</v>
      </c>
      <c r="CA27" s="278">
        <v>84905</v>
      </c>
      <c r="CB27" s="273">
        <v>0</v>
      </c>
      <c r="CC27" s="274">
        <v>0</v>
      </c>
      <c r="CD27" s="275">
        <v>0</v>
      </c>
      <c r="CE27" s="276">
        <v>0</v>
      </c>
      <c r="CF27" s="274">
        <v>0</v>
      </c>
      <c r="CG27" s="274">
        <v>0</v>
      </c>
      <c r="CH27" s="274">
        <v>0</v>
      </c>
      <c r="CI27" s="274">
        <v>0</v>
      </c>
      <c r="CJ27" s="274">
        <v>0</v>
      </c>
      <c r="CK27" s="277">
        <v>0</v>
      </c>
      <c r="CL27" s="278">
        <v>0</v>
      </c>
      <c r="CM27" s="273">
        <v>0</v>
      </c>
      <c r="CN27" s="274">
        <v>0</v>
      </c>
      <c r="CO27" s="275">
        <v>0</v>
      </c>
      <c r="CP27" s="276">
        <v>0</v>
      </c>
      <c r="CQ27" s="274">
        <v>0</v>
      </c>
      <c r="CR27" s="274">
        <v>0</v>
      </c>
      <c r="CS27" s="274">
        <v>0</v>
      </c>
      <c r="CT27" s="274">
        <v>0</v>
      </c>
      <c r="CU27" s="274">
        <v>0</v>
      </c>
      <c r="CV27" s="277">
        <v>0</v>
      </c>
      <c r="CW27" s="278">
        <v>0</v>
      </c>
      <c r="CX27" s="273">
        <v>0</v>
      </c>
      <c r="CY27" s="274">
        <v>0</v>
      </c>
      <c r="CZ27" s="275">
        <v>0</v>
      </c>
      <c r="DA27" s="279"/>
      <c r="DB27" s="274">
        <v>0</v>
      </c>
      <c r="DC27" s="274">
        <v>0</v>
      </c>
      <c r="DD27" s="274">
        <v>0</v>
      </c>
      <c r="DE27" s="274">
        <v>0</v>
      </c>
      <c r="DF27" s="274">
        <v>0</v>
      </c>
      <c r="DG27" s="277">
        <v>0</v>
      </c>
      <c r="DH27" s="278">
        <v>0</v>
      </c>
      <c r="DI27" s="273">
        <v>0</v>
      </c>
      <c r="DJ27" s="274">
        <v>0</v>
      </c>
      <c r="DK27" s="275">
        <v>0</v>
      </c>
      <c r="DL27" s="276">
        <v>0</v>
      </c>
      <c r="DM27" s="274">
        <v>8690</v>
      </c>
      <c r="DN27" s="274">
        <v>14778</v>
      </c>
      <c r="DO27" s="274">
        <v>280904</v>
      </c>
      <c r="DP27" s="274">
        <v>797612</v>
      </c>
      <c r="DQ27" s="274">
        <v>426096</v>
      </c>
      <c r="DR27" s="277">
        <v>1528080</v>
      </c>
      <c r="DS27" s="280">
        <v>1528080</v>
      </c>
      <c r="DT27" s="273">
        <v>0</v>
      </c>
      <c r="DU27" s="274">
        <v>0</v>
      </c>
      <c r="DV27" s="275">
        <v>0</v>
      </c>
      <c r="DW27" s="279"/>
      <c r="DX27" s="274">
        <v>0</v>
      </c>
      <c r="DY27" s="274">
        <v>0</v>
      </c>
      <c r="DZ27" s="274">
        <v>197277</v>
      </c>
      <c r="EA27" s="274">
        <v>715875</v>
      </c>
      <c r="EB27" s="274">
        <v>402354</v>
      </c>
      <c r="EC27" s="277">
        <v>1315506</v>
      </c>
      <c r="ED27" s="278">
        <v>1315506</v>
      </c>
      <c r="EE27" s="273">
        <v>0</v>
      </c>
      <c r="EF27" s="274">
        <v>0</v>
      </c>
      <c r="EG27" s="275">
        <v>0</v>
      </c>
      <c r="EH27" s="279"/>
      <c r="EI27" s="274">
        <v>630</v>
      </c>
      <c r="EJ27" s="274">
        <v>217</v>
      </c>
      <c r="EK27" s="274">
        <v>32250</v>
      </c>
      <c r="EL27" s="274">
        <v>22560</v>
      </c>
      <c r="EM27" s="274">
        <v>23040</v>
      </c>
      <c r="EN27" s="277">
        <v>78697</v>
      </c>
      <c r="EO27" s="278">
        <v>78697</v>
      </c>
      <c r="EP27" s="273">
        <v>0</v>
      </c>
      <c r="EQ27" s="274">
        <v>0</v>
      </c>
      <c r="ER27" s="275">
        <v>0</v>
      </c>
      <c r="ES27" s="279"/>
      <c r="ET27" s="274">
        <v>0</v>
      </c>
      <c r="EU27" s="274">
        <v>0</v>
      </c>
      <c r="EV27" s="274">
        <v>0</v>
      </c>
      <c r="EW27" s="274">
        <v>0</v>
      </c>
      <c r="EX27" s="274">
        <v>0</v>
      </c>
      <c r="EY27" s="277">
        <v>0</v>
      </c>
      <c r="EZ27" s="278">
        <v>0</v>
      </c>
      <c r="FA27" s="273">
        <v>0</v>
      </c>
      <c r="FB27" s="274">
        <v>0</v>
      </c>
      <c r="FC27" s="275">
        <v>0</v>
      </c>
      <c r="FD27" s="279"/>
      <c r="FE27" s="274">
        <v>0</v>
      </c>
      <c r="FF27" s="274">
        <v>0</v>
      </c>
      <c r="FG27" s="274">
        <v>0</v>
      </c>
      <c r="FH27" s="274">
        <v>0</v>
      </c>
      <c r="FI27" s="274">
        <v>0</v>
      </c>
      <c r="FJ27" s="277">
        <v>0</v>
      </c>
      <c r="FK27" s="278">
        <v>0</v>
      </c>
      <c r="FL27" s="273">
        <v>0</v>
      </c>
      <c r="FM27" s="274">
        <v>0</v>
      </c>
      <c r="FN27" s="275">
        <v>0</v>
      </c>
      <c r="FO27" s="279"/>
      <c r="FP27" s="274">
        <v>0</v>
      </c>
      <c r="FQ27" s="274">
        <v>0</v>
      </c>
      <c r="FR27" s="274">
        <v>0</v>
      </c>
      <c r="FS27" s="274">
        <v>0</v>
      </c>
      <c r="FT27" s="274">
        <v>0</v>
      </c>
      <c r="FU27" s="277">
        <v>0</v>
      </c>
      <c r="FV27" s="278">
        <v>0</v>
      </c>
      <c r="FW27" s="273">
        <v>0</v>
      </c>
      <c r="FX27" s="274">
        <v>0</v>
      </c>
      <c r="FY27" s="275">
        <v>0</v>
      </c>
      <c r="FZ27" s="276">
        <v>0</v>
      </c>
      <c r="GA27" s="274">
        <v>8060</v>
      </c>
      <c r="GB27" s="274">
        <v>14561</v>
      </c>
      <c r="GC27" s="274">
        <v>51377</v>
      </c>
      <c r="GD27" s="274">
        <v>59177</v>
      </c>
      <c r="GE27" s="274">
        <v>702</v>
      </c>
      <c r="GF27" s="277">
        <v>133877</v>
      </c>
      <c r="GG27" s="278">
        <v>133877</v>
      </c>
      <c r="GH27" s="273">
        <v>0</v>
      </c>
      <c r="GI27" s="274">
        <v>0</v>
      </c>
      <c r="GJ27" s="275">
        <v>0</v>
      </c>
      <c r="GK27" s="276">
        <v>0</v>
      </c>
      <c r="GL27" s="274">
        <v>0</v>
      </c>
      <c r="GM27" s="274">
        <v>0</v>
      </c>
      <c r="GN27" s="274">
        <v>0</v>
      </c>
      <c r="GO27" s="274">
        <v>0</v>
      </c>
      <c r="GP27" s="274">
        <v>0</v>
      </c>
      <c r="GQ27" s="277">
        <v>0</v>
      </c>
      <c r="GR27" s="278">
        <v>0</v>
      </c>
      <c r="GS27" s="273">
        <v>0</v>
      </c>
      <c r="GT27" s="274">
        <v>0</v>
      </c>
      <c r="GU27" s="275">
        <v>0</v>
      </c>
      <c r="GV27" s="276">
        <v>0</v>
      </c>
      <c r="GW27" s="274">
        <v>0</v>
      </c>
      <c r="GX27" s="274">
        <v>0</v>
      </c>
      <c r="GY27" s="274">
        <v>0</v>
      </c>
      <c r="GZ27" s="274">
        <v>0</v>
      </c>
      <c r="HA27" s="274">
        <v>0</v>
      </c>
      <c r="HB27" s="277">
        <v>0</v>
      </c>
      <c r="HC27" s="278">
        <v>0</v>
      </c>
      <c r="HD27" s="273">
        <v>0</v>
      </c>
      <c r="HE27" s="274">
        <v>0</v>
      </c>
      <c r="HF27" s="275">
        <v>0</v>
      </c>
      <c r="HG27" s="279"/>
      <c r="HH27" s="274">
        <v>0</v>
      </c>
      <c r="HI27" s="274">
        <v>0</v>
      </c>
      <c r="HJ27" s="274">
        <v>0</v>
      </c>
      <c r="HK27" s="274">
        <v>0</v>
      </c>
      <c r="HL27" s="274">
        <v>0</v>
      </c>
      <c r="HM27" s="277">
        <v>0</v>
      </c>
      <c r="HN27" s="278">
        <v>0</v>
      </c>
      <c r="HO27" s="273">
        <v>0</v>
      </c>
      <c r="HP27" s="274">
        <v>0</v>
      </c>
      <c r="HQ27" s="275">
        <v>0</v>
      </c>
      <c r="HR27" s="276">
        <v>0</v>
      </c>
      <c r="HS27" s="274">
        <v>72050</v>
      </c>
      <c r="HT27" s="274">
        <v>20563</v>
      </c>
      <c r="HU27" s="274">
        <v>504324</v>
      </c>
      <c r="HV27" s="274">
        <v>1631552</v>
      </c>
      <c r="HW27" s="274">
        <v>730551</v>
      </c>
      <c r="HX27" s="277">
        <v>2959040</v>
      </c>
      <c r="HY27" s="278">
        <v>2959040</v>
      </c>
    </row>
    <row r="28" spans="2:233" ht="21" customHeight="1" x14ac:dyDescent="0.2">
      <c r="B28" s="472" t="s">
        <v>25</v>
      </c>
      <c r="C28" s="273">
        <v>0</v>
      </c>
      <c r="D28" s="274">
        <v>0</v>
      </c>
      <c r="E28" s="275">
        <v>0</v>
      </c>
      <c r="F28" s="276">
        <v>0</v>
      </c>
      <c r="G28" s="274">
        <v>32434</v>
      </c>
      <c r="H28" s="274">
        <v>129003</v>
      </c>
      <c r="I28" s="274">
        <v>524190</v>
      </c>
      <c r="J28" s="274">
        <v>685186</v>
      </c>
      <c r="K28" s="274">
        <v>646230</v>
      </c>
      <c r="L28" s="277">
        <v>2017043</v>
      </c>
      <c r="M28" s="278">
        <v>2017043</v>
      </c>
      <c r="N28" s="273">
        <v>0</v>
      </c>
      <c r="O28" s="274">
        <v>0</v>
      </c>
      <c r="P28" s="275">
        <v>0</v>
      </c>
      <c r="Q28" s="279"/>
      <c r="R28" s="274">
        <v>2380</v>
      </c>
      <c r="S28" s="274">
        <v>5015</v>
      </c>
      <c r="T28" s="274">
        <v>403580</v>
      </c>
      <c r="U28" s="274">
        <v>419045</v>
      </c>
      <c r="V28" s="274">
        <v>522585</v>
      </c>
      <c r="W28" s="277">
        <v>1352605</v>
      </c>
      <c r="X28" s="278">
        <v>1352605</v>
      </c>
      <c r="Y28" s="273">
        <v>0</v>
      </c>
      <c r="Z28" s="274">
        <v>0</v>
      </c>
      <c r="AA28" s="275">
        <v>0</v>
      </c>
      <c r="AB28" s="279"/>
      <c r="AC28" s="274">
        <v>6525</v>
      </c>
      <c r="AD28" s="274">
        <v>105300</v>
      </c>
      <c r="AE28" s="274">
        <v>79200</v>
      </c>
      <c r="AF28" s="274">
        <v>238295</v>
      </c>
      <c r="AG28" s="274">
        <v>91995</v>
      </c>
      <c r="AH28" s="277">
        <v>521315</v>
      </c>
      <c r="AI28" s="278">
        <v>521315</v>
      </c>
      <c r="AJ28" s="273">
        <v>0</v>
      </c>
      <c r="AK28" s="274">
        <v>0</v>
      </c>
      <c r="AL28" s="275">
        <v>0</v>
      </c>
      <c r="AM28" s="279"/>
      <c r="AN28" s="274">
        <v>0</v>
      </c>
      <c r="AO28" s="274">
        <v>0</v>
      </c>
      <c r="AP28" s="274">
        <v>0</v>
      </c>
      <c r="AQ28" s="274">
        <v>0</v>
      </c>
      <c r="AR28" s="274">
        <v>0</v>
      </c>
      <c r="AS28" s="277">
        <v>0</v>
      </c>
      <c r="AT28" s="278">
        <v>0</v>
      </c>
      <c r="AU28" s="273">
        <v>0</v>
      </c>
      <c r="AV28" s="274">
        <v>0</v>
      </c>
      <c r="AW28" s="275">
        <v>0</v>
      </c>
      <c r="AX28" s="279"/>
      <c r="AY28" s="274">
        <v>0</v>
      </c>
      <c r="AZ28" s="274">
        <v>0</v>
      </c>
      <c r="BA28" s="274">
        <v>0</v>
      </c>
      <c r="BB28" s="274">
        <v>0</v>
      </c>
      <c r="BC28" s="274">
        <v>31650</v>
      </c>
      <c r="BD28" s="277">
        <v>31650</v>
      </c>
      <c r="BE28" s="278">
        <v>31650</v>
      </c>
      <c r="BF28" s="273">
        <v>0</v>
      </c>
      <c r="BG28" s="274">
        <v>0</v>
      </c>
      <c r="BH28" s="275">
        <v>0</v>
      </c>
      <c r="BI28" s="279"/>
      <c r="BJ28" s="274">
        <v>0</v>
      </c>
      <c r="BK28" s="274">
        <v>0</v>
      </c>
      <c r="BL28" s="274">
        <v>0</v>
      </c>
      <c r="BM28" s="274">
        <v>0</v>
      </c>
      <c r="BN28" s="274">
        <v>0</v>
      </c>
      <c r="BO28" s="277">
        <v>0</v>
      </c>
      <c r="BP28" s="278">
        <v>0</v>
      </c>
      <c r="BQ28" s="273">
        <v>0</v>
      </c>
      <c r="BR28" s="274">
        <v>0</v>
      </c>
      <c r="BS28" s="275">
        <v>0</v>
      </c>
      <c r="BT28" s="276">
        <v>0</v>
      </c>
      <c r="BU28" s="274">
        <v>23529</v>
      </c>
      <c r="BV28" s="274">
        <v>17383</v>
      </c>
      <c r="BW28" s="274">
        <v>40965</v>
      </c>
      <c r="BX28" s="274">
        <v>27846</v>
      </c>
      <c r="BY28" s="274">
        <v>0</v>
      </c>
      <c r="BZ28" s="277">
        <v>109723</v>
      </c>
      <c r="CA28" s="278">
        <v>109723</v>
      </c>
      <c r="CB28" s="273">
        <v>0</v>
      </c>
      <c r="CC28" s="274">
        <v>0</v>
      </c>
      <c r="CD28" s="275">
        <v>0</v>
      </c>
      <c r="CE28" s="276">
        <v>0</v>
      </c>
      <c r="CF28" s="274">
        <v>0</v>
      </c>
      <c r="CG28" s="274">
        <v>1305</v>
      </c>
      <c r="CH28" s="274">
        <v>445</v>
      </c>
      <c r="CI28" s="274">
        <v>0</v>
      </c>
      <c r="CJ28" s="274">
        <v>0</v>
      </c>
      <c r="CK28" s="277">
        <v>1750</v>
      </c>
      <c r="CL28" s="278">
        <v>1750</v>
      </c>
      <c r="CM28" s="273">
        <v>0</v>
      </c>
      <c r="CN28" s="274">
        <v>0</v>
      </c>
      <c r="CO28" s="275">
        <v>0</v>
      </c>
      <c r="CP28" s="276">
        <v>0</v>
      </c>
      <c r="CQ28" s="274">
        <v>0</v>
      </c>
      <c r="CR28" s="274">
        <v>0</v>
      </c>
      <c r="CS28" s="274">
        <v>0</v>
      </c>
      <c r="CT28" s="274">
        <v>0</v>
      </c>
      <c r="CU28" s="274">
        <v>0</v>
      </c>
      <c r="CV28" s="277">
        <v>0</v>
      </c>
      <c r="CW28" s="278">
        <v>0</v>
      </c>
      <c r="CX28" s="273">
        <v>0</v>
      </c>
      <c r="CY28" s="274">
        <v>0</v>
      </c>
      <c r="CZ28" s="275">
        <v>0</v>
      </c>
      <c r="DA28" s="279"/>
      <c r="DB28" s="274">
        <v>0</v>
      </c>
      <c r="DC28" s="274">
        <v>0</v>
      </c>
      <c r="DD28" s="274">
        <v>0</v>
      </c>
      <c r="DE28" s="274">
        <v>0</v>
      </c>
      <c r="DF28" s="274">
        <v>0</v>
      </c>
      <c r="DG28" s="277">
        <v>0</v>
      </c>
      <c r="DH28" s="278">
        <v>0</v>
      </c>
      <c r="DI28" s="273">
        <v>0</v>
      </c>
      <c r="DJ28" s="274">
        <v>0</v>
      </c>
      <c r="DK28" s="275">
        <v>0</v>
      </c>
      <c r="DL28" s="276">
        <v>0</v>
      </c>
      <c r="DM28" s="274">
        <v>40220</v>
      </c>
      <c r="DN28" s="274">
        <v>83611</v>
      </c>
      <c r="DO28" s="274">
        <v>648220</v>
      </c>
      <c r="DP28" s="274">
        <v>812676</v>
      </c>
      <c r="DQ28" s="274">
        <v>478318</v>
      </c>
      <c r="DR28" s="277">
        <v>2063045</v>
      </c>
      <c r="DS28" s="280">
        <v>2063045</v>
      </c>
      <c r="DT28" s="273">
        <v>0</v>
      </c>
      <c r="DU28" s="274">
        <v>0</v>
      </c>
      <c r="DV28" s="275">
        <v>0</v>
      </c>
      <c r="DW28" s="279"/>
      <c r="DX28" s="274">
        <v>14550</v>
      </c>
      <c r="DY28" s="274">
        <v>29585</v>
      </c>
      <c r="DZ28" s="274">
        <v>601490</v>
      </c>
      <c r="EA28" s="274">
        <v>737025</v>
      </c>
      <c r="EB28" s="274">
        <v>476960</v>
      </c>
      <c r="EC28" s="277">
        <v>1859610</v>
      </c>
      <c r="ED28" s="278">
        <v>1859610</v>
      </c>
      <c r="EE28" s="273">
        <v>0</v>
      </c>
      <c r="EF28" s="274">
        <v>0</v>
      </c>
      <c r="EG28" s="275">
        <v>0</v>
      </c>
      <c r="EH28" s="279"/>
      <c r="EI28" s="274">
        <v>245</v>
      </c>
      <c r="EJ28" s="274">
        <v>23670</v>
      </c>
      <c r="EK28" s="274">
        <v>1260</v>
      </c>
      <c r="EL28" s="274">
        <v>36407</v>
      </c>
      <c r="EM28" s="274">
        <v>1043</v>
      </c>
      <c r="EN28" s="277">
        <v>62625</v>
      </c>
      <c r="EO28" s="278">
        <v>62625</v>
      </c>
      <c r="EP28" s="273">
        <v>0</v>
      </c>
      <c r="EQ28" s="274">
        <v>0</v>
      </c>
      <c r="ER28" s="275">
        <v>0</v>
      </c>
      <c r="ES28" s="279"/>
      <c r="ET28" s="274">
        <v>0</v>
      </c>
      <c r="EU28" s="274">
        <v>0</v>
      </c>
      <c r="EV28" s="274">
        <v>0</v>
      </c>
      <c r="EW28" s="274">
        <v>0</v>
      </c>
      <c r="EX28" s="274">
        <v>0</v>
      </c>
      <c r="EY28" s="277">
        <v>0</v>
      </c>
      <c r="EZ28" s="278">
        <v>0</v>
      </c>
      <c r="FA28" s="273">
        <v>0</v>
      </c>
      <c r="FB28" s="274">
        <v>0</v>
      </c>
      <c r="FC28" s="275">
        <v>0</v>
      </c>
      <c r="FD28" s="279"/>
      <c r="FE28" s="274">
        <v>0</v>
      </c>
      <c r="FF28" s="274">
        <v>0</v>
      </c>
      <c r="FG28" s="274">
        <v>0</v>
      </c>
      <c r="FH28" s="274">
        <v>0</v>
      </c>
      <c r="FI28" s="274">
        <v>210</v>
      </c>
      <c r="FJ28" s="277">
        <v>210</v>
      </c>
      <c r="FK28" s="278">
        <v>210</v>
      </c>
      <c r="FL28" s="273">
        <v>0</v>
      </c>
      <c r="FM28" s="274">
        <v>0</v>
      </c>
      <c r="FN28" s="275">
        <v>0</v>
      </c>
      <c r="FO28" s="279"/>
      <c r="FP28" s="274">
        <v>0</v>
      </c>
      <c r="FQ28" s="274">
        <v>0</v>
      </c>
      <c r="FR28" s="274">
        <v>0</v>
      </c>
      <c r="FS28" s="274">
        <v>0</v>
      </c>
      <c r="FT28" s="274">
        <v>0</v>
      </c>
      <c r="FU28" s="277">
        <v>0</v>
      </c>
      <c r="FV28" s="278">
        <v>0</v>
      </c>
      <c r="FW28" s="273">
        <v>0</v>
      </c>
      <c r="FX28" s="274">
        <v>0</v>
      </c>
      <c r="FY28" s="275">
        <v>0</v>
      </c>
      <c r="FZ28" s="276">
        <v>0</v>
      </c>
      <c r="GA28" s="274">
        <v>25425</v>
      </c>
      <c r="GB28" s="274">
        <v>30356</v>
      </c>
      <c r="GC28" s="274">
        <v>45449</v>
      </c>
      <c r="GD28" s="274">
        <v>39244</v>
      </c>
      <c r="GE28" s="274">
        <v>0</v>
      </c>
      <c r="GF28" s="277">
        <v>140474</v>
      </c>
      <c r="GG28" s="278">
        <v>140474</v>
      </c>
      <c r="GH28" s="273">
        <v>0</v>
      </c>
      <c r="GI28" s="274">
        <v>0</v>
      </c>
      <c r="GJ28" s="275">
        <v>0</v>
      </c>
      <c r="GK28" s="276">
        <v>0</v>
      </c>
      <c r="GL28" s="274">
        <v>0</v>
      </c>
      <c r="GM28" s="274">
        <v>0</v>
      </c>
      <c r="GN28" s="274">
        <v>21</v>
      </c>
      <c r="GO28" s="274">
        <v>0</v>
      </c>
      <c r="GP28" s="274">
        <v>105</v>
      </c>
      <c r="GQ28" s="277">
        <v>126</v>
      </c>
      <c r="GR28" s="278">
        <v>126</v>
      </c>
      <c r="GS28" s="273">
        <v>0</v>
      </c>
      <c r="GT28" s="274">
        <v>0</v>
      </c>
      <c r="GU28" s="275">
        <v>0</v>
      </c>
      <c r="GV28" s="276">
        <v>0</v>
      </c>
      <c r="GW28" s="274">
        <v>0</v>
      </c>
      <c r="GX28" s="274">
        <v>0</v>
      </c>
      <c r="GY28" s="274">
        <v>0</v>
      </c>
      <c r="GZ28" s="274">
        <v>0</v>
      </c>
      <c r="HA28" s="274">
        <v>0</v>
      </c>
      <c r="HB28" s="277">
        <v>0</v>
      </c>
      <c r="HC28" s="278">
        <v>0</v>
      </c>
      <c r="HD28" s="273">
        <v>0</v>
      </c>
      <c r="HE28" s="274">
        <v>0</v>
      </c>
      <c r="HF28" s="275">
        <v>0</v>
      </c>
      <c r="HG28" s="279"/>
      <c r="HH28" s="274">
        <v>0</v>
      </c>
      <c r="HI28" s="274">
        <v>0</v>
      </c>
      <c r="HJ28" s="274">
        <v>0</v>
      </c>
      <c r="HK28" s="274">
        <v>0</v>
      </c>
      <c r="HL28" s="274">
        <v>0</v>
      </c>
      <c r="HM28" s="277">
        <v>0</v>
      </c>
      <c r="HN28" s="278">
        <v>0</v>
      </c>
      <c r="HO28" s="273">
        <v>0</v>
      </c>
      <c r="HP28" s="274">
        <v>0</v>
      </c>
      <c r="HQ28" s="275">
        <v>0</v>
      </c>
      <c r="HR28" s="276">
        <v>0</v>
      </c>
      <c r="HS28" s="274">
        <v>72654</v>
      </c>
      <c r="HT28" s="274">
        <v>212614</v>
      </c>
      <c r="HU28" s="274">
        <v>1172410</v>
      </c>
      <c r="HV28" s="274">
        <v>1497862</v>
      </c>
      <c r="HW28" s="274">
        <v>1124548</v>
      </c>
      <c r="HX28" s="277">
        <v>4080088</v>
      </c>
      <c r="HY28" s="278">
        <v>4080088</v>
      </c>
    </row>
    <row r="29" spans="2:233" ht="21" customHeight="1" x14ac:dyDescent="0.2">
      <c r="B29" s="472" t="s">
        <v>26</v>
      </c>
      <c r="C29" s="273">
        <v>0</v>
      </c>
      <c r="D29" s="274">
        <v>0</v>
      </c>
      <c r="E29" s="275">
        <v>0</v>
      </c>
      <c r="F29" s="276">
        <v>0</v>
      </c>
      <c r="G29" s="274">
        <v>47139</v>
      </c>
      <c r="H29" s="274">
        <v>142780</v>
      </c>
      <c r="I29" s="274">
        <v>390045</v>
      </c>
      <c r="J29" s="274">
        <v>730405</v>
      </c>
      <c r="K29" s="274">
        <v>376925</v>
      </c>
      <c r="L29" s="277">
        <v>1687294</v>
      </c>
      <c r="M29" s="278">
        <v>1687294</v>
      </c>
      <c r="N29" s="273">
        <v>0</v>
      </c>
      <c r="O29" s="274">
        <v>0</v>
      </c>
      <c r="P29" s="275">
        <v>0</v>
      </c>
      <c r="Q29" s="279"/>
      <c r="R29" s="274">
        <v>0</v>
      </c>
      <c r="S29" s="274">
        <v>32850</v>
      </c>
      <c r="T29" s="274">
        <v>254850</v>
      </c>
      <c r="U29" s="274">
        <v>440225</v>
      </c>
      <c r="V29" s="274">
        <v>292965</v>
      </c>
      <c r="W29" s="277">
        <v>1020890</v>
      </c>
      <c r="X29" s="278">
        <v>1020890</v>
      </c>
      <c r="Y29" s="273">
        <v>0</v>
      </c>
      <c r="Z29" s="274">
        <v>0</v>
      </c>
      <c r="AA29" s="275">
        <v>0</v>
      </c>
      <c r="AB29" s="279"/>
      <c r="AC29" s="274">
        <v>34200</v>
      </c>
      <c r="AD29" s="274">
        <v>96885</v>
      </c>
      <c r="AE29" s="274">
        <v>107850</v>
      </c>
      <c r="AF29" s="274">
        <v>205585</v>
      </c>
      <c r="AG29" s="274">
        <v>62685</v>
      </c>
      <c r="AH29" s="277">
        <v>507205</v>
      </c>
      <c r="AI29" s="278">
        <v>507205</v>
      </c>
      <c r="AJ29" s="273">
        <v>0</v>
      </c>
      <c r="AK29" s="274">
        <v>0</v>
      </c>
      <c r="AL29" s="275">
        <v>0</v>
      </c>
      <c r="AM29" s="279"/>
      <c r="AN29" s="274">
        <v>0</v>
      </c>
      <c r="AO29" s="274">
        <v>0</v>
      </c>
      <c r="AP29" s="274">
        <v>0</v>
      </c>
      <c r="AQ29" s="274">
        <v>0</v>
      </c>
      <c r="AR29" s="274">
        <v>0</v>
      </c>
      <c r="AS29" s="277">
        <v>0</v>
      </c>
      <c r="AT29" s="278">
        <v>0</v>
      </c>
      <c r="AU29" s="273">
        <v>0</v>
      </c>
      <c r="AV29" s="274">
        <v>0</v>
      </c>
      <c r="AW29" s="275">
        <v>0</v>
      </c>
      <c r="AX29" s="279"/>
      <c r="AY29" s="274">
        <v>0</v>
      </c>
      <c r="AZ29" s="274">
        <v>0</v>
      </c>
      <c r="BA29" s="274">
        <v>2550</v>
      </c>
      <c r="BB29" s="274">
        <v>0</v>
      </c>
      <c r="BC29" s="274">
        <v>5100</v>
      </c>
      <c r="BD29" s="277">
        <v>7650</v>
      </c>
      <c r="BE29" s="278">
        <v>7650</v>
      </c>
      <c r="BF29" s="273">
        <v>0</v>
      </c>
      <c r="BG29" s="274">
        <v>0</v>
      </c>
      <c r="BH29" s="275">
        <v>0</v>
      </c>
      <c r="BI29" s="279"/>
      <c r="BJ29" s="274">
        <v>0</v>
      </c>
      <c r="BK29" s="274">
        <v>0</v>
      </c>
      <c r="BL29" s="274">
        <v>0</v>
      </c>
      <c r="BM29" s="274">
        <v>0</v>
      </c>
      <c r="BN29" s="274">
        <v>0</v>
      </c>
      <c r="BO29" s="277">
        <v>0</v>
      </c>
      <c r="BP29" s="278">
        <v>0</v>
      </c>
      <c r="BQ29" s="273">
        <v>0</v>
      </c>
      <c r="BR29" s="274">
        <v>0</v>
      </c>
      <c r="BS29" s="275">
        <v>0</v>
      </c>
      <c r="BT29" s="276">
        <v>0</v>
      </c>
      <c r="BU29" s="274">
        <v>12939</v>
      </c>
      <c r="BV29" s="274">
        <v>13045</v>
      </c>
      <c r="BW29" s="274">
        <v>24795</v>
      </c>
      <c r="BX29" s="274">
        <v>83470</v>
      </c>
      <c r="BY29" s="274">
        <v>16175</v>
      </c>
      <c r="BZ29" s="277">
        <v>150424</v>
      </c>
      <c r="CA29" s="278">
        <v>150424</v>
      </c>
      <c r="CB29" s="273">
        <v>0</v>
      </c>
      <c r="CC29" s="274">
        <v>0</v>
      </c>
      <c r="CD29" s="275">
        <v>0</v>
      </c>
      <c r="CE29" s="276">
        <v>0</v>
      </c>
      <c r="CF29" s="274">
        <v>0</v>
      </c>
      <c r="CG29" s="274">
        <v>0</v>
      </c>
      <c r="CH29" s="274">
        <v>0</v>
      </c>
      <c r="CI29" s="274">
        <v>1125</v>
      </c>
      <c r="CJ29" s="274">
        <v>0</v>
      </c>
      <c r="CK29" s="277">
        <v>1125</v>
      </c>
      <c r="CL29" s="278">
        <v>1125</v>
      </c>
      <c r="CM29" s="273">
        <v>0</v>
      </c>
      <c r="CN29" s="274">
        <v>0</v>
      </c>
      <c r="CO29" s="275">
        <v>0</v>
      </c>
      <c r="CP29" s="276">
        <v>0</v>
      </c>
      <c r="CQ29" s="274">
        <v>0</v>
      </c>
      <c r="CR29" s="274">
        <v>0</v>
      </c>
      <c r="CS29" s="274">
        <v>0</v>
      </c>
      <c r="CT29" s="274">
        <v>0</v>
      </c>
      <c r="CU29" s="274">
        <v>0</v>
      </c>
      <c r="CV29" s="277">
        <v>0</v>
      </c>
      <c r="CW29" s="278">
        <v>0</v>
      </c>
      <c r="CX29" s="273">
        <v>0</v>
      </c>
      <c r="CY29" s="274">
        <v>0</v>
      </c>
      <c r="CZ29" s="275">
        <v>0</v>
      </c>
      <c r="DA29" s="279"/>
      <c r="DB29" s="274">
        <v>0</v>
      </c>
      <c r="DC29" s="274">
        <v>0</v>
      </c>
      <c r="DD29" s="274">
        <v>0</v>
      </c>
      <c r="DE29" s="274">
        <v>0</v>
      </c>
      <c r="DF29" s="274">
        <v>0</v>
      </c>
      <c r="DG29" s="277">
        <v>0</v>
      </c>
      <c r="DH29" s="278">
        <v>0</v>
      </c>
      <c r="DI29" s="273">
        <v>0</v>
      </c>
      <c r="DJ29" s="274">
        <v>0</v>
      </c>
      <c r="DK29" s="275">
        <v>0</v>
      </c>
      <c r="DL29" s="276">
        <v>0</v>
      </c>
      <c r="DM29" s="274">
        <v>38354</v>
      </c>
      <c r="DN29" s="274">
        <v>127110</v>
      </c>
      <c r="DO29" s="274">
        <v>403394</v>
      </c>
      <c r="DP29" s="274">
        <v>626766</v>
      </c>
      <c r="DQ29" s="274">
        <v>408415</v>
      </c>
      <c r="DR29" s="277">
        <v>1604039</v>
      </c>
      <c r="DS29" s="280">
        <v>1604039</v>
      </c>
      <c r="DT29" s="273">
        <v>0</v>
      </c>
      <c r="DU29" s="274">
        <v>0</v>
      </c>
      <c r="DV29" s="275">
        <v>0</v>
      </c>
      <c r="DW29" s="279"/>
      <c r="DX29" s="274">
        <v>0</v>
      </c>
      <c r="DY29" s="274">
        <v>75180</v>
      </c>
      <c r="DZ29" s="274">
        <v>355020</v>
      </c>
      <c r="EA29" s="274">
        <v>535050</v>
      </c>
      <c r="EB29" s="274">
        <v>369222</v>
      </c>
      <c r="EC29" s="277">
        <v>1334472</v>
      </c>
      <c r="ED29" s="278">
        <v>1334472</v>
      </c>
      <c r="EE29" s="273">
        <v>0</v>
      </c>
      <c r="EF29" s="274">
        <v>0</v>
      </c>
      <c r="EG29" s="275">
        <v>0</v>
      </c>
      <c r="EH29" s="279"/>
      <c r="EI29" s="274">
        <v>420</v>
      </c>
      <c r="EJ29" s="274">
        <v>33048</v>
      </c>
      <c r="EK29" s="274">
        <v>12570</v>
      </c>
      <c r="EL29" s="274">
        <v>26074</v>
      </c>
      <c r="EM29" s="274">
        <v>555</v>
      </c>
      <c r="EN29" s="277">
        <v>72667</v>
      </c>
      <c r="EO29" s="278">
        <v>72667</v>
      </c>
      <c r="EP29" s="273">
        <v>0</v>
      </c>
      <c r="EQ29" s="274">
        <v>0</v>
      </c>
      <c r="ER29" s="275">
        <v>0</v>
      </c>
      <c r="ES29" s="279"/>
      <c r="ET29" s="274">
        <v>0</v>
      </c>
      <c r="EU29" s="274">
        <v>0</v>
      </c>
      <c r="EV29" s="274">
        <v>0</v>
      </c>
      <c r="EW29" s="274">
        <v>0</v>
      </c>
      <c r="EX29" s="274">
        <v>0</v>
      </c>
      <c r="EY29" s="277">
        <v>0</v>
      </c>
      <c r="EZ29" s="278">
        <v>0</v>
      </c>
      <c r="FA29" s="273">
        <v>0</v>
      </c>
      <c r="FB29" s="274">
        <v>0</v>
      </c>
      <c r="FC29" s="275">
        <v>0</v>
      </c>
      <c r="FD29" s="279"/>
      <c r="FE29" s="274">
        <v>0</v>
      </c>
      <c r="FF29" s="274">
        <v>0</v>
      </c>
      <c r="FG29" s="274">
        <v>210</v>
      </c>
      <c r="FH29" s="274">
        <v>0</v>
      </c>
      <c r="FI29" s="274">
        <v>420</v>
      </c>
      <c r="FJ29" s="277">
        <v>630</v>
      </c>
      <c r="FK29" s="278">
        <v>630</v>
      </c>
      <c r="FL29" s="273">
        <v>0</v>
      </c>
      <c r="FM29" s="274">
        <v>0</v>
      </c>
      <c r="FN29" s="275">
        <v>0</v>
      </c>
      <c r="FO29" s="279"/>
      <c r="FP29" s="274">
        <v>0</v>
      </c>
      <c r="FQ29" s="274">
        <v>0</v>
      </c>
      <c r="FR29" s="274">
        <v>0</v>
      </c>
      <c r="FS29" s="274">
        <v>0</v>
      </c>
      <c r="FT29" s="274">
        <v>0</v>
      </c>
      <c r="FU29" s="277">
        <v>0</v>
      </c>
      <c r="FV29" s="278">
        <v>0</v>
      </c>
      <c r="FW29" s="273">
        <v>0</v>
      </c>
      <c r="FX29" s="274">
        <v>0</v>
      </c>
      <c r="FY29" s="275">
        <v>0</v>
      </c>
      <c r="FZ29" s="276">
        <v>0</v>
      </c>
      <c r="GA29" s="274">
        <v>37934</v>
      </c>
      <c r="GB29" s="274">
        <v>18882</v>
      </c>
      <c r="GC29" s="274">
        <v>35594</v>
      </c>
      <c r="GD29" s="274">
        <v>65551</v>
      </c>
      <c r="GE29" s="274">
        <v>38218</v>
      </c>
      <c r="GF29" s="277">
        <v>196179</v>
      </c>
      <c r="GG29" s="278">
        <v>196179</v>
      </c>
      <c r="GH29" s="273">
        <v>0</v>
      </c>
      <c r="GI29" s="274">
        <v>0</v>
      </c>
      <c r="GJ29" s="275">
        <v>0</v>
      </c>
      <c r="GK29" s="276">
        <v>0</v>
      </c>
      <c r="GL29" s="274">
        <v>0</v>
      </c>
      <c r="GM29" s="274">
        <v>0</v>
      </c>
      <c r="GN29" s="274">
        <v>0</v>
      </c>
      <c r="GO29" s="274">
        <v>91</v>
      </c>
      <c r="GP29" s="274">
        <v>0</v>
      </c>
      <c r="GQ29" s="277">
        <v>91</v>
      </c>
      <c r="GR29" s="278">
        <v>91</v>
      </c>
      <c r="GS29" s="273">
        <v>0</v>
      </c>
      <c r="GT29" s="274">
        <v>0</v>
      </c>
      <c r="GU29" s="275">
        <v>0</v>
      </c>
      <c r="GV29" s="276">
        <v>0</v>
      </c>
      <c r="GW29" s="274">
        <v>0</v>
      </c>
      <c r="GX29" s="274">
        <v>0</v>
      </c>
      <c r="GY29" s="274">
        <v>0</v>
      </c>
      <c r="GZ29" s="274">
        <v>0</v>
      </c>
      <c r="HA29" s="274">
        <v>0</v>
      </c>
      <c r="HB29" s="277">
        <v>0</v>
      </c>
      <c r="HC29" s="278">
        <v>0</v>
      </c>
      <c r="HD29" s="273">
        <v>0</v>
      </c>
      <c r="HE29" s="274">
        <v>0</v>
      </c>
      <c r="HF29" s="275">
        <v>0</v>
      </c>
      <c r="HG29" s="279"/>
      <c r="HH29" s="274">
        <v>0</v>
      </c>
      <c r="HI29" s="274">
        <v>0</v>
      </c>
      <c r="HJ29" s="274">
        <v>0</v>
      </c>
      <c r="HK29" s="274">
        <v>0</v>
      </c>
      <c r="HL29" s="274">
        <v>0</v>
      </c>
      <c r="HM29" s="277">
        <v>0</v>
      </c>
      <c r="HN29" s="278">
        <v>0</v>
      </c>
      <c r="HO29" s="273">
        <v>0</v>
      </c>
      <c r="HP29" s="274">
        <v>0</v>
      </c>
      <c r="HQ29" s="275">
        <v>0</v>
      </c>
      <c r="HR29" s="276">
        <v>0</v>
      </c>
      <c r="HS29" s="274">
        <v>85493</v>
      </c>
      <c r="HT29" s="274">
        <v>269890</v>
      </c>
      <c r="HU29" s="274">
        <v>793439</v>
      </c>
      <c r="HV29" s="274">
        <v>1357171</v>
      </c>
      <c r="HW29" s="274">
        <v>785340</v>
      </c>
      <c r="HX29" s="277">
        <v>3291333</v>
      </c>
      <c r="HY29" s="278">
        <v>3291333</v>
      </c>
    </row>
    <row r="30" spans="2:233" ht="21" customHeight="1" x14ac:dyDescent="0.2">
      <c r="B30" s="472" t="s">
        <v>27</v>
      </c>
      <c r="C30" s="273">
        <v>0</v>
      </c>
      <c r="D30" s="274">
        <v>0</v>
      </c>
      <c r="E30" s="275">
        <v>0</v>
      </c>
      <c r="F30" s="276">
        <v>0</v>
      </c>
      <c r="G30" s="274">
        <v>54197</v>
      </c>
      <c r="H30" s="274">
        <v>118372</v>
      </c>
      <c r="I30" s="274">
        <v>424200</v>
      </c>
      <c r="J30" s="274">
        <v>752065</v>
      </c>
      <c r="K30" s="274">
        <v>392080</v>
      </c>
      <c r="L30" s="277">
        <v>1740914</v>
      </c>
      <c r="M30" s="278">
        <v>1740914</v>
      </c>
      <c r="N30" s="273">
        <v>0</v>
      </c>
      <c r="O30" s="274">
        <v>0</v>
      </c>
      <c r="P30" s="275">
        <v>0</v>
      </c>
      <c r="Q30" s="279"/>
      <c r="R30" s="274">
        <v>34200</v>
      </c>
      <c r="S30" s="274">
        <v>31650</v>
      </c>
      <c r="T30" s="274">
        <v>277500</v>
      </c>
      <c r="U30" s="274">
        <v>539720</v>
      </c>
      <c r="V30" s="274">
        <v>379015</v>
      </c>
      <c r="W30" s="277">
        <v>1262085</v>
      </c>
      <c r="X30" s="278">
        <v>1262085</v>
      </c>
      <c r="Y30" s="273">
        <v>0</v>
      </c>
      <c r="Z30" s="274">
        <v>0</v>
      </c>
      <c r="AA30" s="275">
        <v>0</v>
      </c>
      <c r="AB30" s="279"/>
      <c r="AC30" s="274">
        <v>9775</v>
      </c>
      <c r="AD30" s="274">
        <v>81900</v>
      </c>
      <c r="AE30" s="274">
        <v>63105</v>
      </c>
      <c r="AF30" s="274">
        <v>189240</v>
      </c>
      <c r="AG30" s="274">
        <v>5100</v>
      </c>
      <c r="AH30" s="277">
        <v>349120</v>
      </c>
      <c r="AI30" s="278">
        <v>349120</v>
      </c>
      <c r="AJ30" s="273">
        <v>0</v>
      </c>
      <c r="AK30" s="274">
        <v>0</v>
      </c>
      <c r="AL30" s="275">
        <v>0</v>
      </c>
      <c r="AM30" s="279"/>
      <c r="AN30" s="274">
        <v>0</v>
      </c>
      <c r="AO30" s="274">
        <v>0</v>
      </c>
      <c r="AP30" s="274">
        <v>0</v>
      </c>
      <c r="AQ30" s="274">
        <v>0</v>
      </c>
      <c r="AR30" s="274">
        <v>0</v>
      </c>
      <c r="AS30" s="277">
        <v>0</v>
      </c>
      <c r="AT30" s="278">
        <v>0</v>
      </c>
      <c r="AU30" s="273">
        <v>0</v>
      </c>
      <c r="AV30" s="274">
        <v>0</v>
      </c>
      <c r="AW30" s="275">
        <v>0</v>
      </c>
      <c r="AX30" s="279"/>
      <c r="AY30" s="274">
        <v>0</v>
      </c>
      <c r="AZ30" s="274">
        <v>0</v>
      </c>
      <c r="BA30" s="274">
        <v>0</v>
      </c>
      <c r="BB30" s="274">
        <v>0</v>
      </c>
      <c r="BC30" s="274">
        <v>0</v>
      </c>
      <c r="BD30" s="277">
        <v>0</v>
      </c>
      <c r="BE30" s="278">
        <v>0</v>
      </c>
      <c r="BF30" s="273">
        <v>0</v>
      </c>
      <c r="BG30" s="274">
        <v>0</v>
      </c>
      <c r="BH30" s="275">
        <v>0</v>
      </c>
      <c r="BI30" s="279"/>
      <c r="BJ30" s="274">
        <v>0</v>
      </c>
      <c r="BK30" s="274">
        <v>0</v>
      </c>
      <c r="BL30" s="274">
        <v>58050</v>
      </c>
      <c r="BM30" s="274">
        <v>10200</v>
      </c>
      <c r="BN30" s="274">
        <v>2550</v>
      </c>
      <c r="BO30" s="277">
        <v>70800</v>
      </c>
      <c r="BP30" s="278">
        <v>70800</v>
      </c>
      <c r="BQ30" s="273">
        <v>0</v>
      </c>
      <c r="BR30" s="274">
        <v>0</v>
      </c>
      <c r="BS30" s="275">
        <v>0</v>
      </c>
      <c r="BT30" s="276">
        <v>0</v>
      </c>
      <c r="BU30" s="274">
        <v>10222</v>
      </c>
      <c r="BV30" s="274">
        <v>4822</v>
      </c>
      <c r="BW30" s="274">
        <v>18870</v>
      </c>
      <c r="BX30" s="274">
        <v>12905</v>
      </c>
      <c r="BY30" s="274">
        <v>5415</v>
      </c>
      <c r="BZ30" s="277">
        <v>52234</v>
      </c>
      <c r="CA30" s="278">
        <v>52234</v>
      </c>
      <c r="CB30" s="273">
        <v>0</v>
      </c>
      <c r="CC30" s="274">
        <v>0</v>
      </c>
      <c r="CD30" s="275">
        <v>0</v>
      </c>
      <c r="CE30" s="276">
        <v>0</v>
      </c>
      <c r="CF30" s="274">
        <v>0</v>
      </c>
      <c r="CG30" s="274">
        <v>0</v>
      </c>
      <c r="CH30" s="274">
        <v>6675</v>
      </c>
      <c r="CI30" s="274">
        <v>0</v>
      </c>
      <c r="CJ30" s="274">
        <v>0</v>
      </c>
      <c r="CK30" s="277">
        <v>6675</v>
      </c>
      <c r="CL30" s="278">
        <v>6675</v>
      </c>
      <c r="CM30" s="273">
        <v>0</v>
      </c>
      <c r="CN30" s="274">
        <v>0</v>
      </c>
      <c r="CO30" s="275">
        <v>0</v>
      </c>
      <c r="CP30" s="276">
        <v>0</v>
      </c>
      <c r="CQ30" s="274">
        <v>0</v>
      </c>
      <c r="CR30" s="274">
        <v>0</v>
      </c>
      <c r="CS30" s="274">
        <v>0</v>
      </c>
      <c r="CT30" s="274">
        <v>0</v>
      </c>
      <c r="CU30" s="274">
        <v>0</v>
      </c>
      <c r="CV30" s="277">
        <v>0</v>
      </c>
      <c r="CW30" s="278">
        <v>0</v>
      </c>
      <c r="CX30" s="273">
        <v>0</v>
      </c>
      <c r="CY30" s="274">
        <v>0</v>
      </c>
      <c r="CZ30" s="275">
        <v>0</v>
      </c>
      <c r="DA30" s="279"/>
      <c r="DB30" s="274">
        <v>0</v>
      </c>
      <c r="DC30" s="274">
        <v>0</v>
      </c>
      <c r="DD30" s="274">
        <v>0</v>
      </c>
      <c r="DE30" s="274">
        <v>0</v>
      </c>
      <c r="DF30" s="274">
        <v>0</v>
      </c>
      <c r="DG30" s="277">
        <v>0</v>
      </c>
      <c r="DH30" s="278">
        <v>0</v>
      </c>
      <c r="DI30" s="273">
        <v>0</v>
      </c>
      <c r="DJ30" s="274">
        <v>1053</v>
      </c>
      <c r="DK30" s="275">
        <v>1053</v>
      </c>
      <c r="DL30" s="276">
        <v>0</v>
      </c>
      <c r="DM30" s="274">
        <v>62180</v>
      </c>
      <c r="DN30" s="274">
        <v>19760</v>
      </c>
      <c r="DO30" s="274">
        <v>387706</v>
      </c>
      <c r="DP30" s="274">
        <v>695766</v>
      </c>
      <c r="DQ30" s="274">
        <v>442563</v>
      </c>
      <c r="DR30" s="277">
        <v>1607975</v>
      </c>
      <c r="DS30" s="280">
        <v>1609028</v>
      </c>
      <c r="DT30" s="273">
        <v>0</v>
      </c>
      <c r="DU30" s="274">
        <v>0</v>
      </c>
      <c r="DV30" s="275">
        <v>0</v>
      </c>
      <c r="DW30" s="279"/>
      <c r="DX30" s="274">
        <v>28200</v>
      </c>
      <c r="DY30" s="274">
        <v>14100</v>
      </c>
      <c r="DZ30" s="274">
        <v>259890</v>
      </c>
      <c r="EA30" s="274">
        <v>519341</v>
      </c>
      <c r="EB30" s="274">
        <v>403583</v>
      </c>
      <c r="EC30" s="277">
        <v>1225114</v>
      </c>
      <c r="ED30" s="278">
        <v>1225114</v>
      </c>
      <c r="EE30" s="273">
        <v>0</v>
      </c>
      <c r="EF30" s="274">
        <v>0</v>
      </c>
      <c r="EG30" s="275">
        <v>0</v>
      </c>
      <c r="EH30" s="279"/>
      <c r="EI30" s="274">
        <v>21482</v>
      </c>
      <c r="EJ30" s="274">
        <v>840</v>
      </c>
      <c r="EK30" s="274">
        <v>27996</v>
      </c>
      <c r="EL30" s="274">
        <v>78840</v>
      </c>
      <c r="EM30" s="274">
        <v>10110</v>
      </c>
      <c r="EN30" s="277">
        <v>139268</v>
      </c>
      <c r="EO30" s="278">
        <v>139268</v>
      </c>
      <c r="EP30" s="273">
        <v>0</v>
      </c>
      <c r="EQ30" s="274">
        <v>0</v>
      </c>
      <c r="ER30" s="275">
        <v>0</v>
      </c>
      <c r="ES30" s="279"/>
      <c r="ET30" s="274">
        <v>0</v>
      </c>
      <c r="EU30" s="274">
        <v>0</v>
      </c>
      <c r="EV30" s="274">
        <v>0</v>
      </c>
      <c r="EW30" s="274">
        <v>0</v>
      </c>
      <c r="EX30" s="274">
        <v>0</v>
      </c>
      <c r="EY30" s="277">
        <v>0</v>
      </c>
      <c r="EZ30" s="278">
        <v>0</v>
      </c>
      <c r="FA30" s="273">
        <v>0</v>
      </c>
      <c r="FB30" s="274">
        <v>0</v>
      </c>
      <c r="FC30" s="275">
        <v>0</v>
      </c>
      <c r="FD30" s="279"/>
      <c r="FE30" s="274">
        <v>0</v>
      </c>
      <c r="FF30" s="274">
        <v>0</v>
      </c>
      <c r="FG30" s="274">
        <v>0</v>
      </c>
      <c r="FH30" s="274">
        <v>0</v>
      </c>
      <c r="FI30" s="274">
        <v>0</v>
      </c>
      <c r="FJ30" s="277">
        <v>0</v>
      </c>
      <c r="FK30" s="278">
        <v>0</v>
      </c>
      <c r="FL30" s="273">
        <v>0</v>
      </c>
      <c r="FM30" s="274">
        <v>0</v>
      </c>
      <c r="FN30" s="275">
        <v>0</v>
      </c>
      <c r="FO30" s="279"/>
      <c r="FP30" s="274">
        <v>0</v>
      </c>
      <c r="FQ30" s="274">
        <v>0</v>
      </c>
      <c r="FR30" s="274">
        <v>77340</v>
      </c>
      <c r="FS30" s="274">
        <v>83520</v>
      </c>
      <c r="FT30" s="274">
        <v>20880</v>
      </c>
      <c r="FU30" s="277">
        <v>181740</v>
      </c>
      <c r="FV30" s="278">
        <v>181740</v>
      </c>
      <c r="FW30" s="273">
        <v>0</v>
      </c>
      <c r="FX30" s="274">
        <v>1053</v>
      </c>
      <c r="FY30" s="275">
        <v>1053</v>
      </c>
      <c r="FZ30" s="276">
        <v>0</v>
      </c>
      <c r="GA30" s="274">
        <v>12498</v>
      </c>
      <c r="GB30" s="274">
        <v>4820</v>
      </c>
      <c r="GC30" s="274">
        <v>17200</v>
      </c>
      <c r="GD30" s="274">
        <v>14065</v>
      </c>
      <c r="GE30" s="274">
        <v>7990</v>
      </c>
      <c r="GF30" s="277">
        <v>56573</v>
      </c>
      <c r="GG30" s="278">
        <v>57626</v>
      </c>
      <c r="GH30" s="273">
        <v>0</v>
      </c>
      <c r="GI30" s="274">
        <v>0</v>
      </c>
      <c r="GJ30" s="275">
        <v>0</v>
      </c>
      <c r="GK30" s="276">
        <v>0</v>
      </c>
      <c r="GL30" s="274">
        <v>0</v>
      </c>
      <c r="GM30" s="274">
        <v>0</v>
      </c>
      <c r="GN30" s="274">
        <v>5280</v>
      </c>
      <c r="GO30" s="274">
        <v>0</v>
      </c>
      <c r="GP30" s="274">
        <v>0</v>
      </c>
      <c r="GQ30" s="277">
        <v>5280</v>
      </c>
      <c r="GR30" s="278">
        <v>5280</v>
      </c>
      <c r="GS30" s="273">
        <v>0</v>
      </c>
      <c r="GT30" s="274">
        <v>0</v>
      </c>
      <c r="GU30" s="275">
        <v>0</v>
      </c>
      <c r="GV30" s="276">
        <v>0</v>
      </c>
      <c r="GW30" s="274">
        <v>0</v>
      </c>
      <c r="GX30" s="274">
        <v>0</v>
      </c>
      <c r="GY30" s="274">
        <v>0</v>
      </c>
      <c r="GZ30" s="274">
        <v>0</v>
      </c>
      <c r="HA30" s="274">
        <v>0</v>
      </c>
      <c r="HB30" s="277">
        <v>0</v>
      </c>
      <c r="HC30" s="278">
        <v>0</v>
      </c>
      <c r="HD30" s="273">
        <v>0</v>
      </c>
      <c r="HE30" s="274">
        <v>0</v>
      </c>
      <c r="HF30" s="275">
        <v>0</v>
      </c>
      <c r="HG30" s="279"/>
      <c r="HH30" s="274">
        <v>0</v>
      </c>
      <c r="HI30" s="274">
        <v>0</v>
      </c>
      <c r="HJ30" s="274">
        <v>0</v>
      </c>
      <c r="HK30" s="274">
        <v>0</v>
      </c>
      <c r="HL30" s="274">
        <v>0</v>
      </c>
      <c r="HM30" s="277">
        <v>0</v>
      </c>
      <c r="HN30" s="278">
        <v>0</v>
      </c>
      <c r="HO30" s="273">
        <v>0</v>
      </c>
      <c r="HP30" s="274">
        <v>1053</v>
      </c>
      <c r="HQ30" s="275">
        <v>1053</v>
      </c>
      <c r="HR30" s="276">
        <v>0</v>
      </c>
      <c r="HS30" s="274">
        <v>116377</v>
      </c>
      <c r="HT30" s="274">
        <v>138132</v>
      </c>
      <c r="HU30" s="274">
        <v>811906</v>
      </c>
      <c r="HV30" s="274">
        <v>1447831</v>
      </c>
      <c r="HW30" s="274">
        <v>834643</v>
      </c>
      <c r="HX30" s="277">
        <v>3348889</v>
      </c>
      <c r="HY30" s="278">
        <v>3349942</v>
      </c>
    </row>
    <row r="31" spans="2:233" ht="21" customHeight="1" x14ac:dyDescent="0.2">
      <c r="B31" s="472" t="s">
        <v>28</v>
      </c>
      <c r="C31" s="273">
        <v>0</v>
      </c>
      <c r="D31" s="274">
        <v>0</v>
      </c>
      <c r="E31" s="275">
        <v>0</v>
      </c>
      <c r="F31" s="276">
        <v>0</v>
      </c>
      <c r="G31" s="274">
        <v>0</v>
      </c>
      <c r="H31" s="274">
        <v>61155</v>
      </c>
      <c r="I31" s="274">
        <v>295620</v>
      </c>
      <c r="J31" s="274">
        <v>162450</v>
      </c>
      <c r="K31" s="274">
        <v>55200</v>
      </c>
      <c r="L31" s="277">
        <v>574425</v>
      </c>
      <c r="M31" s="278">
        <v>574425</v>
      </c>
      <c r="N31" s="273">
        <v>0</v>
      </c>
      <c r="O31" s="274">
        <v>0</v>
      </c>
      <c r="P31" s="275">
        <v>0</v>
      </c>
      <c r="Q31" s="279"/>
      <c r="R31" s="274">
        <v>0</v>
      </c>
      <c r="S31" s="274">
        <v>29700</v>
      </c>
      <c r="T31" s="274">
        <v>233340</v>
      </c>
      <c r="U31" s="274">
        <v>157350</v>
      </c>
      <c r="V31" s="274">
        <v>55200</v>
      </c>
      <c r="W31" s="277">
        <v>475590</v>
      </c>
      <c r="X31" s="278">
        <v>475590</v>
      </c>
      <c r="Y31" s="273">
        <v>0</v>
      </c>
      <c r="Z31" s="274">
        <v>0</v>
      </c>
      <c r="AA31" s="275">
        <v>0</v>
      </c>
      <c r="AB31" s="279"/>
      <c r="AC31" s="274">
        <v>0</v>
      </c>
      <c r="AD31" s="274">
        <v>31455</v>
      </c>
      <c r="AE31" s="274">
        <v>57625</v>
      </c>
      <c r="AF31" s="274">
        <v>5100</v>
      </c>
      <c r="AG31" s="274">
        <v>0</v>
      </c>
      <c r="AH31" s="277">
        <v>94180</v>
      </c>
      <c r="AI31" s="278">
        <v>94180</v>
      </c>
      <c r="AJ31" s="273">
        <v>0</v>
      </c>
      <c r="AK31" s="274">
        <v>0</v>
      </c>
      <c r="AL31" s="275">
        <v>0</v>
      </c>
      <c r="AM31" s="279"/>
      <c r="AN31" s="274">
        <v>0</v>
      </c>
      <c r="AO31" s="274">
        <v>0</v>
      </c>
      <c r="AP31" s="274">
        <v>0</v>
      </c>
      <c r="AQ31" s="274">
        <v>0</v>
      </c>
      <c r="AR31" s="274">
        <v>0</v>
      </c>
      <c r="AS31" s="277">
        <v>0</v>
      </c>
      <c r="AT31" s="278">
        <v>0</v>
      </c>
      <c r="AU31" s="273">
        <v>0</v>
      </c>
      <c r="AV31" s="274">
        <v>0</v>
      </c>
      <c r="AW31" s="275">
        <v>0</v>
      </c>
      <c r="AX31" s="279"/>
      <c r="AY31" s="274">
        <v>0</v>
      </c>
      <c r="AZ31" s="274">
        <v>0</v>
      </c>
      <c r="BA31" s="274">
        <v>0</v>
      </c>
      <c r="BB31" s="274">
        <v>0</v>
      </c>
      <c r="BC31" s="274">
        <v>0</v>
      </c>
      <c r="BD31" s="277">
        <v>0</v>
      </c>
      <c r="BE31" s="278">
        <v>0</v>
      </c>
      <c r="BF31" s="273">
        <v>0</v>
      </c>
      <c r="BG31" s="274">
        <v>0</v>
      </c>
      <c r="BH31" s="275">
        <v>0</v>
      </c>
      <c r="BI31" s="279"/>
      <c r="BJ31" s="274">
        <v>0</v>
      </c>
      <c r="BK31" s="274">
        <v>0</v>
      </c>
      <c r="BL31" s="274">
        <v>2550</v>
      </c>
      <c r="BM31" s="274">
        <v>0</v>
      </c>
      <c r="BN31" s="274">
        <v>0</v>
      </c>
      <c r="BO31" s="277">
        <v>2550</v>
      </c>
      <c r="BP31" s="278">
        <v>2550</v>
      </c>
      <c r="BQ31" s="273">
        <v>0</v>
      </c>
      <c r="BR31" s="274">
        <v>0</v>
      </c>
      <c r="BS31" s="275">
        <v>0</v>
      </c>
      <c r="BT31" s="276">
        <v>0</v>
      </c>
      <c r="BU31" s="274">
        <v>0</v>
      </c>
      <c r="BV31" s="274">
        <v>0</v>
      </c>
      <c r="BW31" s="274">
        <v>1450</v>
      </c>
      <c r="BX31" s="274">
        <v>0</v>
      </c>
      <c r="BY31" s="274">
        <v>0</v>
      </c>
      <c r="BZ31" s="277">
        <v>1450</v>
      </c>
      <c r="CA31" s="278">
        <v>1450</v>
      </c>
      <c r="CB31" s="273">
        <v>0</v>
      </c>
      <c r="CC31" s="274">
        <v>0</v>
      </c>
      <c r="CD31" s="275">
        <v>0</v>
      </c>
      <c r="CE31" s="276">
        <v>0</v>
      </c>
      <c r="CF31" s="274">
        <v>0</v>
      </c>
      <c r="CG31" s="274">
        <v>0</v>
      </c>
      <c r="CH31" s="274">
        <v>655</v>
      </c>
      <c r="CI31" s="274">
        <v>0</v>
      </c>
      <c r="CJ31" s="274">
        <v>0</v>
      </c>
      <c r="CK31" s="277">
        <v>655</v>
      </c>
      <c r="CL31" s="278">
        <v>655</v>
      </c>
      <c r="CM31" s="273">
        <v>0</v>
      </c>
      <c r="CN31" s="274">
        <v>0</v>
      </c>
      <c r="CO31" s="275">
        <v>0</v>
      </c>
      <c r="CP31" s="276">
        <v>0</v>
      </c>
      <c r="CQ31" s="274">
        <v>0</v>
      </c>
      <c r="CR31" s="274">
        <v>0</v>
      </c>
      <c r="CS31" s="274">
        <v>0</v>
      </c>
      <c r="CT31" s="274">
        <v>0</v>
      </c>
      <c r="CU31" s="274">
        <v>0</v>
      </c>
      <c r="CV31" s="277">
        <v>0</v>
      </c>
      <c r="CW31" s="278">
        <v>0</v>
      </c>
      <c r="CX31" s="273">
        <v>0</v>
      </c>
      <c r="CY31" s="274">
        <v>0</v>
      </c>
      <c r="CZ31" s="275">
        <v>0</v>
      </c>
      <c r="DA31" s="279"/>
      <c r="DB31" s="274">
        <v>0</v>
      </c>
      <c r="DC31" s="274">
        <v>0</v>
      </c>
      <c r="DD31" s="274">
        <v>0</v>
      </c>
      <c r="DE31" s="274">
        <v>0</v>
      </c>
      <c r="DF31" s="274">
        <v>0</v>
      </c>
      <c r="DG31" s="277">
        <v>0</v>
      </c>
      <c r="DH31" s="278">
        <v>0</v>
      </c>
      <c r="DI31" s="273">
        <v>0</v>
      </c>
      <c r="DJ31" s="274">
        <v>0</v>
      </c>
      <c r="DK31" s="275">
        <v>0</v>
      </c>
      <c r="DL31" s="276">
        <v>0</v>
      </c>
      <c r="DM31" s="274">
        <v>0</v>
      </c>
      <c r="DN31" s="274">
        <v>14310</v>
      </c>
      <c r="DO31" s="274">
        <v>270641</v>
      </c>
      <c r="DP31" s="274">
        <v>127890</v>
      </c>
      <c r="DQ31" s="274">
        <v>126810</v>
      </c>
      <c r="DR31" s="277">
        <v>539651</v>
      </c>
      <c r="DS31" s="280">
        <v>539651</v>
      </c>
      <c r="DT31" s="273">
        <v>0</v>
      </c>
      <c r="DU31" s="274">
        <v>0</v>
      </c>
      <c r="DV31" s="275">
        <v>0</v>
      </c>
      <c r="DW31" s="279"/>
      <c r="DX31" s="274">
        <v>0</v>
      </c>
      <c r="DY31" s="274">
        <v>14100</v>
      </c>
      <c r="DZ31" s="274">
        <v>220490</v>
      </c>
      <c r="EA31" s="274">
        <v>106830</v>
      </c>
      <c r="EB31" s="274">
        <v>126810</v>
      </c>
      <c r="EC31" s="277">
        <v>468230</v>
      </c>
      <c r="ED31" s="278">
        <v>468230</v>
      </c>
      <c r="EE31" s="273">
        <v>0</v>
      </c>
      <c r="EF31" s="274">
        <v>0</v>
      </c>
      <c r="EG31" s="275">
        <v>0</v>
      </c>
      <c r="EH31" s="279"/>
      <c r="EI31" s="274">
        <v>0</v>
      </c>
      <c r="EJ31" s="274">
        <v>210</v>
      </c>
      <c r="EK31" s="274">
        <v>17820</v>
      </c>
      <c r="EL31" s="274">
        <v>21060</v>
      </c>
      <c r="EM31" s="274">
        <v>0</v>
      </c>
      <c r="EN31" s="277">
        <v>39090</v>
      </c>
      <c r="EO31" s="278">
        <v>39090</v>
      </c>
      <c r="EP31" s="273">
        <v>0</v>
      </c>
      <c r="EQ31" s="274">
        <v>0</v>
      </c>
      <c r="ER31" s="275">
        <v>0</v>
      </c>
      <c r="ES31" s="279"/>
      <c r="ET31" s="274">
        <v>0</v>
      </c>
      <c r="EU31" s="274">
        <v>0</v>
      </c>
      <c r="EV31" s="274">
        <v>0</v>
      </c>
      <c r="EW31" s="274">
        <v>0</v>
      </c>
      <c r="EX31" s="274">
        <v>0</v>
      </c>
      <c r="EY31" s="277">
        <v>0</v>
      </c>
      <c r="EZ31" s="278">
        <v>0</v>
      </c>
      <c r="FA31" s="273">
        <v>0</v>
      </c>
      <c r="FB31" s="274">
        <v>0</v>
      </c>
      <c r="FC31" s="275">
        <v>0</v>
      </c>
      <c r="FD31" s="279"/>
      <c r="FE31" s="274">
        <v>0</v>
      </c>
      <c r="FF31" s="274">
        <v>0</v>
      </c>
      <c r="FG31" s="274">
        <v>0</v>
      </c>
      <c r="FH31" s="274">
        <v>0</v>
      </c>
      <c r="FI31" s="274">
        <v>0</v>
      </c>
      <c r="FJ31" s="277">
        <v>0</v>
      </c>
      <c r="FK31" s="278">
        <v>0</v>
      </c>
      <c r="FL31" s="273">
        <v>0</v>
      </c>
      <c r="FM31" s="274">
        <v>0</v>
      </c>
      <c r="FN31" s="275">
        <v>0</v>
      </c>
      <c r="FO31" s="279"/>
      <c r="FP31" s="274">
        <v>0</v>
      </c>
      <c r="FQ31" s="274">
        <v>0</v>
      </c>
      <c r="FR31" s="274">
        <v>20880</v>
      </c>
      <c r="FS31" s="274">
        <v>0</v>
      </c>
      <c r="FT31" s="274">
        <v>0</v>
      </c>
      <c r="FU31" s="277">
        <v>20880</v>
      </c>
      <c r="FV31" s="278">
        <v>20880</v>
      </c>
      <c r="FW31" s="273">
        <v>0</v>
      </c>
      <c r="FX31" s="274">
        <v>0</v>
      </c>
      <c r="FY31" s="275">
        <v>0</v>
      </c>
      <c r="FZ31" s="276">
        <v>0</v>
      </c>
      <c r="GA31" s="274">
        <v>0</v>
      </c>
      <c r="GB31" s="274">
        <v>0</v>
      </c>
      <c r="GC31" s="274">
        <v>7275</v>
      </c>
      <c r="GD31" s="274">
        <v>0</v>
      </c>
      <c r="GE31" s="274">
        <v>0</v>
      </c>
      <c r="GF31" s="277">
        <v>7275</v>
      </c>
      <c r="GG31" s="278">
        <v>7275</v>
      </c>
      <c r="GH31" s="273">
        <v>0</v>
      </c>
      <c r="GI31" s="274">
        <v>0</v>
      </c>
      <c r="GJ31" s="275">
        <v>0</v>
      </c>
      <c r="GK31" s="276">
        <v>0</v>
      </c>
      <c r="GL31" s="274">
        <v>0</v>
      </c>
      <c r="GM31" s="274">
        <v>0</v>
      </c>
      <c r="GN31" s="274">
        <v>4176</v>
      </c>
      <c r="GO31" s="274">
        <v>0</v>
      </c>
      <c r="GP31" s="274">
        <v>0</v>
      </c>
      <c r="GQ31" s="277">
        <v>4176</v>
      </c>
      <c r="GR31" s="278">
        <v>4176</v>
      </c>
      <c r="GS31" s="273">
        <v>0</v>
      </c>
      <c r="GT31" s="274">
        <v>0</v>
      </c>
      <c r="GU31" s="275">
        <v>0</v>
      </c>
      <c r="GV31" s="276">
        <v>0</v>
      </c>
      <c r="GW31" s="274">
        <v>0</v>
      </c>
      <c r="GX31" s="274">
        <v>0</v>
      </c>
      <c r="GY31" s="274">
        <v>0</v>
      </c>
      <c r="GZ31" s="274">
        <v>0</v>
      </c>
      <c r="HA31" s="274">
        <v>0</v>
      </c>
      <c r="HB31" s="277">
        <v>0</v>
      </c>
      <c r="HC31" s="278">
        <v>0</v>
      </c>
      <c r="HD31" s="273">
        <v>0</v>
      </c>
      <c r="HE31" s="274">
        <v>0</v>
      </c>
      <c r="HF31" s="275">
        <v>0</v>
      </c>
      <c r="HG31" s="279"/>
      <c r="HH31" s="274">
        <v>0</v>
      </c>
      <c r="HI31" s="274">
        <v>0</v>
      </c>
      <c r="HJ31" s="274">
        <v>0</v>
      </c>
      <c r="HK31" s="274">
        <v>0</v>
      </c>
      <c r="HL31" s="274">
        <v>0</v>
      </c>
      <c r="HM31" s="277">
        <v>0</v>
      </c>
      <c r="HN31" s="278">
        <v>0</v>
      </c>
      <c r="HO31" s="273">
        <v>0</v>
      </c>
      <c r="HP31" s="274">
        <v>0</v>
      </c>
      <c r="HQ31" s="275">
        <v>0</v>
      </c>
      <c r="HR31" s="276">
        <v>0</v>
      </c>
      <c r="HS31" s="274">
        <v>0</v>
      </c>
      <c r="HT31" s="274">
        <v>75465</v>
      </c>
      <c r="HU31" s="274">
        <v>566261</v>
      </c>
      <c r="HV31" s="274">
        <v>290340</v>
      </c>
      <c r="HW31" s="274">
        <v>182010</v>
      </c>
      <c r="HX31" s="277">
        <v>1114076</v>
      </c>
      <c r="HY31" s="278">
        <v>1114076</v>
      </c>
    </row>
    <row r="32" spans="2:233" ht="21" customHeight="1" x14ac:dyDescent="0.2">
      <c r="B32" s="472" t="s">
        <v>29</v>
      </c>
      <c r="C32" s="273">
        <v>0</v>
      </c>
      <c r="D32" s="274">
        <v>0</v>
      </c>
      <c r="E32" s="275">
        <v>0</v>
      </c>
      <c r="F32" s="276">
        <v>0</v>
      </c>
      <c r="G32" s="274">
        <v>3735</v>
      </c>
      <c r="H32" s="274">
        <v>133740</v>
      </c>
      <c r="I32" s="274">
        <v>214265</v>
      </c>
      <c r="J32" s="274">
        <v>410485</v>
      </c>
      <c r="K32" s="274">
        <v>275765</v>
      </c>
      <c r="L32" s="277">
        <v>1037990</v>
      </c>
      <c r="M32" s="278">
        <v>1037990</v>
      </c>
      <c r="N32" s="273">
        <v>0</v>
      </c>
      <c r="O32" s="274">
        <v>0</v>
      </c>
      <c r="P32" s="275">
        <v>0</v>
      </c>
      <c r="Q32" s="279"/>
      <c r="R32" s="274">
        <v>0</v>
      </c>
      <c r="S32" s="274">
        <v>34350</v>
      </c>
      <c r="T32" s="274">
        <v>65020</v>
      </c>
      <c r="U32" s="274">
        <v>315535</v>
      </c>
      <c r="V32" s="274">
        <v>229025</v>
      </c>
      <c r="W32" s="277">
        <v>643930</v>
      </c>
      <c r="X32" s="278">
        <v>643930</v>
      </c>
      <c r="Y32" s="273">
        <v>0</v>
      </c>
      <c r="Z32" s="274">
        <v>0</v>
      </c>
      <c r="AA32" s="275">
        <v>0</v>
      </c>
      <c r="AB32" s="279"/>
      <c r="AC32" s="274">
        <v>0</v>
      </c>
      <c r="AD32" s="274">
        <v>91835</v>
      </c>
      <c r="AE32" s="274">
        <v>60600</v>
      </c>
      <c r="AF32" s="274">
        <v>39450</v>
      </c>
      <c r="AG32" s="274">
        <v>2550</v>
      </c>
      <c r="AH32" s="277">
        <v>194435</v>
      </c>
      <c r="AI32" s="278">
        <v>194435</v>
      </c>
      <c r="AJ32" s="273">
        <v>0</v>
      </c>
      <c r="AK32" s="274">
        <v>0</v>
      </c>
      <c r="AL32" s="275">
        <v>0</v>
      </c>
      <c r="AM32" s="279"/>
      <c r="AN32" s="274">
        <v>0</v>
      </c>
      <c r="AO32" s="274">
        <v>0</v>
      </c>
      <c r="AP32" s="274">
        <v>0</v>
      </c>
      <c r="AQ32" s="274">
        <v>0</v>
      </c>
      <c r="AR32" s="274">
        <v>0</v>
      </c>
      <c r="AS32" s="277">
        <v>0</v>
      </c>
      <c r="AT32" s="278">
        <v>0</v>
      </c>
      <c r="AU32" s="273">
        <v>0</v>
      </c>
      <c r="AV32" s="274">
        <v>0</v>
      </c>
      <c r="AW32" s="275">
        <v>0</v>
      </c>
      <c r="AX32" s="279"/>
      <c r="AY32" s="274">
        <v>0</v>
      </c>
      <c r="AZ32" s="274">
        <v>0</v>
      </c>
      <c r="BA32" s="274">
        <v>0</v>
      </c>
      <c r="BB32" s="274">
        <v>0</v>
      </c>
      <c r="BC32" s="274">
        <v>0</v>
      </c>
      <c r="BD32" s="277">
        <v>0</v>
      </c>
      <c r="BE32" s="278">
        <v>0</v>
      </c>
      <c r="BF32" s="273">
        <v>0</v>
      </c>
      <c r="BG32" s="274">
        <v>0</v>
      </c>
      <c r="BH32" s="275">
        <v>0</v>
      </c>
      <c r="BI32" s="279"/>
      <c r="BJ32" s="274">
        <v>0</v>
      </c>
      <c r="BK32" s="274">
        <v>0</v>
      </c>
      <c r="BL32" s="274">
        <v>73500</v>
      </c>
      <c r="BM32" s="274">
        <v>55500</v>
      </c>
      <c r="BN32" s="274">
        <v>26400</v>
      </c>
      <c r="BO32" s="277">
        <v>155400</v>
      </c>
      <c r="BP32" s="278">
        <v>155400</v>
      </c>
      <c r="BQ32" s="273">
        <v>0</v>
      </c>
      <c r="BR32" s="274">
        <v>0</v>
      </c>
      <c r="BS32" s="275">
        <v>0</v>
      </c>
      <c r="BT32" s="276">
        <v>0</v>
      </c>
      <c r="BU32" s="274">
        <v>3735</v>
      </c>
      <c r="BV32" s="274">
        <v>7555</v>
      </c>
      <c r="BW32" s="274">
        <v>14805</v>
      </c>
      <c r="BX32" s="274">
        <v>0</v>
      </c>
      <c r="BY32" s="274">
        <v>2030</v>
      </c>
      <c r="BZ32" s="277">
        <v>28125</v>
      </c>
      <c r="CA32" s="278">
        <v>28125</v>
      </c>
      <c r="CB32" s="273">
        <v>0</v>
      </c>
      <c r="CC32" s="274">
        <v>0</v>
      </c>
      <c r="CD32" s="275">
        <v>0</v>
      </c>
      <c r="CE32" s="276">
        <v>0</v>
      </c>
      <c r="CF32" s="274">
        <v>0</v>
      </c>
      <c r="CG32" s="274">
        <v>0</v>
      </c>
      <c r="CH32" s="274">
        <v>340</v>
      </c>
      <c r="CI32" s="274">
        <v>0</v>
      </c>
      <c r="CJ32" s="274">
        <v>15760</v>
      </c>
      <c r="CK32" s="277">
        <v>16100</v>
      </c>
      <c r="CL32" s="278">
        <v>16100</v>
      </c>
      <c r="CM32" s="273">
        <v>0</v>
      </c>
      <c r="CN32" s="274">
        <v>0</v>
      </c>
      <c r="CO32" s="275">
        <v>0</v>
      </c>
      <c r="CP32" s="276">
        <v>0</v>
      </c>
      <c r="CQ32" s="274">
        <v>0</v>
      </c>
      <c r="CR32" s="274">
        <v>0</v>
      </c>
      <c r="CS32" s="274">
        <v>0</v>
      </c>
      <c r="CT32" s="274">
        <v>0</v>
      </c>
      <c r="CU32" s="274">
        <v>0</v>
      </c>
      <c r="CV32" s="277">
        <v>0</v>
      </c>
      <c r="CW32" s="278">
        <v>0</v>
      </c>
      <c r="CX32" s="273">
        <v>0</v>
      </c>
      <c r="CY32" s="274">
        <v>0</v>
      </c>
      <c r="CZ32" s="275">
        <v>0</v>
      </c>
      <c r="DA32" s="279"/>
      <c r="DB32" s="274">
        <v>0</v>
      </c>
      <c r="DC32" s="274">
        <v>0</v>
      </c>
      <c r="DD32" s="274">
        <v>0</v>
      </c>
      <c r="DE32" s="274">
        <v>0</v>
      </c>
      <c r="DF32" s="274">
        <v>0</v>
      </c>
      <c r="DG32" s="277">
        <v>0</v>
      </c>
      <c r="DH32" s="278">
        <v>0</v>
      </c>
      <c r="DI32" s="273">
        <v>0</v>
      </c>
      <c r="DJ32" s="274">
        <v>0</v>
      </c>
      <c r="DK32" s="275">
        <v>0</v>
      </c>
      <c r="DL32" s="276">
        <v>0</v>
      </c>
      <c r="DM32" s="274">
        <v>4808</v>
      </c>
      <c r="DN32" s="274">
        <v>36148</v>
      </c>
      <c r="DO32" s="274">
        <v>234563</v>
      </c>
      <c r="DP32" s="274">
        <v>324455</v>
      </c>
      <c r="DQ32" s="274">
        <v>288731</v>
      </c>
      <c r="DR32" s="277">
        <v>888705</v>
      </c>
      <c r="DS32" s="280">
        <v>888705</v>
      </c>
      <c r="DT32" s="273">
        <v>0</v>
      </c>
      <c r="DU32" s="274">
        <v>0</v>
      </c>
      <c r="DV32" s="275">
        <v>0</v>
      </c>
      <c r="DW32" s="279"/>
      <c r="DX32" s="274">
        <v>0</v>
      </c>
      <c r="DY32" s="274">
        <v>25650</v>
      </c>
      <c r="DZ32" s="274">
        <v>56770</v>
      </c>
      <c r="EA32" s="274">
        <v>256265</v>
      </c>
      <c r="EB32" s="274">
        <v>240970</v>
      </c>
      <c r="EC32" s="277">
        <v>579655</v>
      </c>
      <c r="ED32" s="278">
        <v>579655</v>
      </c>
      <c r="EE32" s="273">
        <v>0</v>
      </c>
      <c r="EF32" s="274">
        <v>0</v>
      </c>
      <c r="EG32" s="275">
        <v>0</v>
      </c>
      <c r="EH32" s="279"/>
      <c r="EI32" s="274">
        <v>0</v>
      </c>
      <c r="EJ32" s="274">
        <v>1099</v>
      </c>
      <c r="EK32" s="274">
        <v>11370</v>
      </c>
      <c r="EL32" s="274">
        <v>11730</v>
      </c>
      <c r="EM32" s="274">
        <v>9900</v>
      </c>
      <c r="EN32" s="277">
        <v>34099</v>
      </c>
      <c r="EO32" s="278">
        <v>34099</v>
      </c>
      <c r="EP32" s="273">
        <v>0</v>
      </c>
      <c r="EQ32" s="274">
        <v>0</v>
      </c>
      <c r="ER32" s="275">
        <v>0</v>
      </c>
      <c r="ES32" s="279"/>
      <c r="ET32" s="274">
        <v>0</v>
      </c>
      <c r="EU32" s="274">
        <v>0</v>
      </c>
      <c r="EV32" s="274">
        <v>0</v>
      </c>
      <c r="EW32" s="274">
        <v>0</v>
      </c>
      <c r="EX32" s="274">
        <v>0</v>
      </c>
      <c r="EY32" s="277">
        <v>0</v>
      </c>
      <c r="EZ32" s="278">
        <v>0</v>
      </c>
      <c r="FA32" s="273">
        <v>0</v>
      </c>
      <c r="FB32" s="274">
        <v>0</v>
      </c>
      <c r="FC32" s="275">
        <v>0</v>
      </c>
      <c r="FD32" s="279"/>
      <c r="FE32" s="274">
        <v>0</v>
      </c>
      <c r="FF32" s="274">
        <v>0</v>
      </c>
      <c r="FG32" s="274">
        <v>0</v>
      </c>
      <c r="FH32" s="274">
        <v>0</v>
      </c>
      <c r="FI32" s="274">
        <v>0</v>
      </c>
      <c r="FJ32" s="277">
        <v>0</v>
      </c>
      <c r="FK32" s="278">
        <v>0</v>
      </c>
      <c r="FL32" s="273">
        <v>0</v>
      </c>
      <c r="FM32" s="274">
        <v>0</v>
      </c>
      <c r="FN32" s="275">
        <v>0</v>
      </c>
      <c r="FO32" s="279"/>
      <c r="FP32" s="274">
        <v>0</v>
      </c>
      <c r="FQ32" s="274">
        <v>0</v>
      </c>
      <c r="FR32" s="274">
        <v>154680</v>
      </c>
      <c r="FS32" s="274">
        <v>56460</v>
      </c>
      <c r="FT32" s="274">
        <v>31410</v>
      </c>
      <c r="FU32" s="277">
        <v>242550</v>
      </c>
      <c r="FV32" s="278">
        <v>242550</v>
      </c>
      <c r="FW32" s="273">
        <v>0</v>
      </c>
      <c r="FX32" s="274">
        <v>0</v>
      </c>
      <c r="FY32" s="275">
        <v>0</v>
      </c>
      <c r="FZ32" s="276">
        <v>0</v>
      </c>
      <c r="GA32" s="274">
        <v>4808</v>
      </c>
      <c r="GB32" s="274">
        <v>9399</v>
      </c>
      <c r="GC32" s="274">
        <v>10753</v>
      </c>
      <c r="GD32" s="274">
        <v>0</v>
      </c>
      <c r="GE32" s="274">
        <v>6318</v>
      </c>
      <c r="GF32" s="277">
        <v>31278</v>
      </c>
      <c r="GG32" s="278">
        <v>31278</v>
      </c>
      <c r="GH32" s="273">
        <v>0</v>
      </c>
      <c r="GI32" s="274">
        <v>0</v>
      </c>
      <c r="GJ32" s="275">
        <v>0</v>
      </c>
      <c r="GK32" s="276">
        <v>0</v>
      </c>
      <c r="GL32" s="274">
        <v>0</v>
      </c>
      <c r="GM32" s="274">
        <v>0</v>
      </c>
      <c r="GN32" s="274">
        <v>990</v>
      </c>
      <c r="GO32" s="274">
        <v>0</v>
      </c>
      <c r="GP32" s="274">
        <v>133</v>
      </c>
      <c r="GQ32" s="277">
        <v>1123</v>
      </c>
      <c r="GR32" s="278">
        <v>1123</v>
      </c>
      <c r="GS32" s="273">
        <v>0</v>
      </c>
      <c r="GT32" s="274">
        <v>0</v>
      </c>
      <c r="GU32" s="275">
        <v>0</v>
      </c>
      <c r="GV32" s="276">
        <v>0</v>
      </c>
      <c r="GW32" s="274">
        <v>0</v>
      </c>
      <c r="GX32" s="274">
        <v>0</v>
      </c>
      <c r="GY32" s="274">
        <v>0</v>
      </c>
      <c r="GZ32" s="274">
        <v>0</v>
      </c>
      <c r="HA32" s="274">
        <v>0</v>
      </c>
      <c r="HB32" s="277">
        <v>0</v>
      </c>
      <c r="HC32" s="278">
        <v>0</v>
      </c>
      <c r="HD32" s="273">
        <v>0</v>
      </c>
      <c r="HE32" s="274">
        <v>0</v>
      </c>
      <c r="HF32" s="275">
        <v>0</v>
      </c>
      <c r="HG32" s="279"/>
      <c r="HH32" s="274">
        <v>0</v>
      </c>
      <c r="HI32" s="274">
        <v>0</v>
      </c>
      <c r="HJ32" s="274">
        <v>0</v>
      </c>
      <c r="HK32" s="274">
        <v>0</v>
      </c>
      <c r="HL32" s="274">
        <v>0</v>
      </c>
      <c r="HM32" s="277">
        <v>0</v>
      </c>
      <c r="HN32" s="278">
        <v>0</v>
      </c>
      <c r="HO32" s="273">
        <v>0</v>
      </c>
      <c r="HP32" s="274">
        <v>0</v>
      </c>
      <c r="HQ32" s="275">
        <v>0</v>
      </c>
      <c r="HR32" s="276">
        <v>0</v>
      </c>
      <c r="HS32" s="274">
        <v>8543</v>
      </c>
      <c r="HT32" s="274">
        <v>169888</v>
      </c>
      <c r="HU32" s="274">
        <v>448828</v>
      </c>
      <c r="HV32" s="274">
        <v>734940</v>
      </c>
      <c r="HW32" s="274">
        <v>564496</v>
      </c>
      <c r="HX32" s="277">
        <v>1926695</v>
      </c>
      <c r="HY32" s="278">
        <v>1926695</v>
      </c>
    </row>
    <row r="33" spans="2:233" ht="21" customHeight="1" x14ac:dyDescent="0.2">
      <c r="B33" s="472" t="s">
        <v>30</v>
      </c>
      <c r="C33" s="273">
        <v>0</v>
      </c>
      <c r="D33" s="274">
        <v>0</v>
      </c>
      <c r="E33" s="275">
        <v>0</v>
      </c>
      <c r="F33" s="276">
        <v>0</v>
      </c>
      <c r="G33" s="274">
        <v>116820</v>
      </c>
      <c r="H33" s="274">
        <v>24225</v>
      </c>
      <c r="I33" s="274">
        <v>172015</v>
      </c>
      <c r="J33" s="274">
        <v>323180</v>
      </c>
      <c r="K33" s="274">
        <v>253485</v>
      </c>
      <c r="L33" s="277">
        <v>889725</v>
      </c>
      <c r="M33" s="278">
        <v>889725</v>
      </c>
      <c r="N33" s="273">
        <v>0</v>
      </c>
      <c r="O33" s="274">
        <v>0</v>
      </c>
      <c r="P33" s="275">
        <v>0</v>
      </c>
      <c r="Q33" s="279"/>
      <c r="R33" s="274">
        <v>0</v>
      </c>
      <c r="S33" s="274">
        <v>0</v>
      </c>
      <c r="T33" s="274">
        <v>136800</v>
      </c>
      <c r="U33" s="274">
        <v>272930</v>
      </c>
      <c r="V33" s="274">
        <v>148495</v>
      </c>
      <c r="W33" s="277">
        <v>558225</v>
      </c>
      <c r="X33" s="278">
        <v>558225</v>
      </c>
      <c r="Y33" s="273">
        <v>0</v>
      </c>
      <c r="Z33" s="274">
        <v>0</v>
      </c>
      <c r="AA33" s="275">
        <v>0</v>
      </c>
      <c r="AB33" s="279"/>
      <c r="AC33" s="274">
        <v>115080</v>
      </c>
      <c r="AD33" s="274">
        <v>2550</v>
      </c>
      <c r="AE33" s="274">
        <v>34200</v>
      </c>
      <c r="AF33" s="274">
        <v>50250</v>
      </c>
      <c r="AG33" s="274">
        <v>5100</v>
      </c>
      <c r="AH33" s="277">
        <v>207180</v>
      </c>
      <c r="AI33" s="278">
        <v>207180</v>
      </c>
      <c r="AJ33" s="273">
        <v>0</v>
      </c>
      <c r="AK33" s="274">
        <v>0</v>
      </c>
      <c r="AL33" s="275">
        <v>0</v>
      </c>
      <c r="AM33" s="279"/>
      <c r="AN33" s="274">
        <v>0</v>
      </c>
      <c r="AO33" s="274">
        <v>0</v>
      </c>
      <c r="AP33" s="274">
        <v>0</v>
      </c>
      <c r="AQ33" s="274">
        <v>0</v>
      </c>
      <c r="AR33" s="274">
        <v>0</v>
      </c>
      <c r="AS33" s="277">
        <v>0</v>
      </c>
      <c r="AT33" s="278">
        <v>0</v>
      </c>
      <c r="AU33" s="273">
        <v>0</v>
      </c>
      <c r="AV33" s="274">
        <v>0</v>
      </c>
      <c r="AW33" s="275">
        <v>0</v>
      </c>
      <c r="AX33" s="279"/>
      <c r="AY33" s="274">
        <v>0</v>
      </c>
      <c r="AZ33" s="274">
        <v>0</v>
      </c>
      <c r="BA33" s="274">
        <v>0</v>
      </c>
      <c r="BB33" s="274">
        <v>0</v>
      </c>
      <c r="BC33" s="274">
        <v>98305</v>
      </c>
      <c r="BD33" s="277">
        <v>98305</v>
      </c>
      <c r="BE33" s="278">
        <v>98305</v>
      </c>
      <c r="BF33" s="273">
        <v>0</v>
      </c>
      <c r="BG33" s="274">
        <v>0</v>
      </c>
      <c r="BH33" s="275">
        <v>0</v>
      </c>
      <c r="BI33" s="279"/>
      <c r="BJ33" s="274">
        <v>0</v>
      </c>
      <c r="BK33" s="274">
        <v>0</v>
      </c>
      <c r="BL33" s="274">
        <v>0</v>
      </c>
      <c r="BM33" s="274">
        <v>0</v>
      </c>
      <c r="BN33" s="274">
        <v>0</v>
      </c>
      <c r="BO33" s="277">
        <v>0</v>
      </c>
      <c r="BP33" s="278">
        <v>0</v>
      </c>
      <c r="BQ33" s="273">
        <v>0</v>
      </c>
      <c r="BR33" s="274">
        <v>0</v>
      </c>
      <c r="BS33" s="275">
        <v>0</v>
      </c>
      <c r="BT33" s="276">
        <v>0</v>
      </c>
      <c r="BU33" s="274">
        <v>145</v>
      </c>
      <c r="BV33" s="274">
        <v>21675</v>
      </c>
      <c r="BW33" s="274">
        <v>1015</v>
      </c>
      <c r="BX33" s="274">
        <v>0</v>
      </c>
      <c r="BY33" s="274">
        <v>1585</v>
      </c>
      <c r="BZ33" s="277">
        <v>24420</v>
      </c>
      <c r="CA33" s="278">
        <v>24420</v>
      </c>
      <c r="CB33" s="273">
        <v>0</v>
      </c>
      <c r="CC33" s="274">
        <v>0</v>
      </c>
      <c r="CD33" s="275">
        <v>0</v>
      </c>
      <c r="CE33" s="276">
        <v>0</v>
      </c>
      <c r="CF33" s="274">
        <v>1595</v>
      </c>
      <c r="CG33" s="274">
        <v>0</v>
      </c>
      <c r="CH33" s="274">
        <v>0</v>
      </c>
      <c r="CI33" s="274">
        <v>0</v>
      </c>
      <c r="CJ33" s="274">
        <v>0</v>
      </c>
      <c r="CK33" s="277">
        <v>1595</v>
      </c>
      <c r="CL33" s="278">
        <v>1595</v>
      </c>
      <c r="CM33" s="273">
        <v>0</v>
      </c>
      <c r="CN33" s="274">
        <v>0</v>
      </c>
      <c r="CO33" s="275">
        <v>0</v>
      </c>
      <c r="CP33" s="276">
        <v>0</v>
      </c>
      <c r="CQ33" s="274">
        <v>0</v>
      </c>
      <c r="CR33" s="274">
        <v>0</v>
      </c>
      <c r="CS33" s="274">
        <v>0</v>
      </c>
      <c r="CT33" s="274">
        <v>0</v>
      </c>
      <c r="CU33" s="274">
        <v>0</v>
      </c>
      <c r="CV33" s="277">
        <v>0</v>
      </c>
      <c r="CW33" s="278">
        <v>0</v>
      </c>
      <c r="CX33" s="273">
        <v>0</v>
      </c>
      <c r="CY33" s="274">
        <v>0</v>
      </c>
      <c r="CZ33" s="275">
        <v>0</v>
      </c>
      <c r="DA33" s="279"/>
      <c r="DB33" s="274">
        <v>0</v>
      </c>
      <c r="DC33" s="274">
        <v>0</v>
      </c>
      <c r="DD33" s="274">
        <v>0</v>
      </c>
      <c r="DE33" s="274">
        <v>0</v>
      </c>
      <c r="DF33" s="274">
        <v>0</v>
      </c>
      <c r="DG33" s="277">
        <v>0</v>
      </c>
      <c r="DH33" s="278">
        <v>0</v>
      </c>
      <c r="DI33" s="273">
        <v>0</v>
      </c>
      <c r="DJ33" s="274">
        <v>0</v>
      </c>
      <c r="DK33" s="275">
        <v>0</v>
      </c>
      <c r="DL33" s="276">
        <v>0</v>
      </c>
      <c r="DM33" s="274">
        <v>35834</v>
      </c>
      <c r="DN33" s="274">
        <v>36777</v>
      </c>
      <c r="DO33" s="274">
        <v>259295</v>
      </c>
      <c r="DP33" s="274">
        <v>344583</v>
      </c>
      <c r="DQ33" s="274">
        <v>186878</v>
      </c>
      <c r="DR33" s="277">
        <v>863367</v>
      </c>
      <c r="DS33" s="280">
        <v>863367</v>
      </c>
      <c r="DT33" s="273">
        <v>0</v>
      </c>
      <c r="DU33" s="274">
        <v>0</v>
      </c>
      <c r="DV33" s="275">
        <v>0</v>
      </c>
      <c r="DW33" s="279"/>
      <c r="DX33" s="274">
        <v>0</v>
      </c>
      <c r="DY33" s="274">
        <v>0</v>
      </c>
      <c r="DZ33" s="274">
        <v>252570</v>
      </c>
      <c r="EA33" s="274">
        <v>343953</v>
      </c>
      <c r="EB33" s="274">
        <v>151157</v>
      </c>
      <c r="EC33" s="277">
        <v>747680</v>
      </c>
      <c r="ED33" s="278">
        <v>747680</v>
      </c>
      <c r="EE33" s="273">
        <v>0</v>
      </c>
      <c r="EF33" s="274">
        <v>0</v>
      </c>
      <c r="EG33" s="275">
        <v>0</v>
      </c>
      <c r="EH33" s="279"/>
      <c r="EI33" s="274">
        <v>35406</v>
      </c>
      <c r="EJ33" s="274">
        <v>10740</v>
      </c>
      <c r="EK33" s="274">
        <v>420</v>
      </c>
      <c r="EL33" s="274">
        <v>630</v>
      </c>
      <c r="EM33" s="274">
        <v>10110</v>
      </c>
      <c r="EN33" s="277">
        <v>57306</v>
      </c>
      <c r="EO33" s="278">
        <v>57306</v>
      </c>
      <c r="EP33" s="273">
        <v>0</v>
      </c>
      <c r="EQ33" s="274">
        <v>0</v>
      </c>
      <c r="ER33" s="275">
        <v>0</v>
      </c>
      <c r="ES33" s="279"/>
      <c r="ET33" s="274">
        <v>0</v>
      </c>
      <c r="EU33" s="274">
        <v>0</v>
      </c>
      <c r="EV33" s="274">
        <v>0</v>
      </c>
      <c r="EW33" s="274">
        <v>0</v>
      </c>
      <c r="EX33" s="274">
        <v>0</v>
      </c>
      <c r="EY33" s="277">
        <v>0</v>
      </c>
      <c r="EZ33" s="278">
        <v>0</v>
      </c>
      <c r="FA33" s="273">
        <v>0</v>
      </c>
      <c r="FB33" s="274">
        <v>0</v>
      </c>
      <c r="FC33" s="275">
        <v>0</v>
      </c>
      <c r="FD33" s="279"/>
      <c r="FE33" s="274">
        <v>0</v>
      </c>
      <c r="FF33" s="274">
        <v>0</v>
      </c>
      <c r="FG33" s="274">
        <v>0</v>
      </c>
      <c r="FH33" s="274">
        <v>0</v>
      </c>
      <c r="FI33" s="274">
        <v>23186</v>
      </c>
      <c r="FJ33" s="277">
        <v>23186</v>
      </c>
      <c r="FK33" s="278">
        <v>23186</v>
      </c>
      <c r="FL33" s="273">
        <v>0</v>
      </c>
      <c r="FM33" s="274">
        <v>0</v>
      </c>
      <c r="FN33" s="275">
        <v>0</v>
      </c>
      <c r="FO33" s="279"/>
      <c r="FP33" s="274">
        <v>0</v>
      </c>
      <c r="FQ33" s="274">
        <v>0</v>
      </c>
      <c r="FR33" s="274">
        <v>0</v>
      </c>
      <c r="FS33" s="274">
        <v>0</v>
      </c>
      <c r="FT33" s="274">
        <v>0</v>
      </c>
      <c r="FU33" s="277">
        <v>0</v>
      </c>
      <c r="FV33" s="278">
        <v>0</v>
      </c>
      <c r="FW33" s="273">
        <v>0</v>
      </c>
      <c r="FX33" s="274">
        <v>0</v>
      </c>
      <c r="FY33" s="275">
        <v>0</v>
      </c>
      <c r="FZ33" s="276">
        <v>0</v>
      </c>
      <c r="GA33" s="274">
        <v>351</v>
      </c>
      <c r="GB33" s="274">
        <v>26037</v>
      </c>
      <c r="GC33" s="274">
        <v>6305</v>
      </c>
      <c r="GD33" s="274">
        <v>0</v>
      </c>
      <c r="GE33" s="274">
        <v>2425</v>
      </c>
      <c r="GF33" s="277">
        <v>35118</v>
      </c>
      <c r="GG33" s="278">
        <v>35118</v>
      </c>
      <c r="GH33" s="273">
        <v>0</v>
      </c>
      <c r="GI33" s="274">
        <v>0</v>
      </c>
      <c r="GJ33" s="275">
        <v>0</v>
      </c>
      <c r="GK33" s="276">
        <v>0</v>
      </c>
      <c r="GL33" s="274">
        <v>77</v>
      </c>
      <c r="GM33" s="274">
        <v>0</v>
      </c>
      <c r="GN33" s="274">
        <v>0</v>
      </c>
      <c r="GO33" s="274">
        <v>0</v>
      </c>
      <c r="GP33" s="274">
        <v>0</v>
      </c>
      <c r="GQ33" s="277">
        <v>77</v>
      </c>
      <c r="GR33" s="278">
        <v>77</v>
      </c>
      <c r="GS33" s="273">
        <v>0</v>
      </c>
      <c r="GT33" s="274">
        <v>0</v>
      </c>
      <c r="GU33" s="275">
        <v>0</v>
      </c>
      <c r="GV33" s="276">
        <v>0</v>
      </c>
      <c r="GW33" s="274">
        <v>0</v>
      </c>
      <c r="GX33" s="274">
        <v>0</v>
      </c>
      <c r="GY33" s="274">
        <v>0</v>
      </c>
      <c r="GZ33" s="274">
        <v>0</v>
      </c>
      <c r="HA33" s="274">
        <v>0</v>
      </c>
      <c r="HB33" s="277">
        <v>0</v>
      </c>
      <c r="HC33" s="278">
        <v>0</v>
      </c>
      <c r="HD33" s="273">
        <v>0</v>
      </c>
      <c r="HE33" s="274">
        <v>0</v>
      </c>
      <c r="HF33" s="275">
        <v>0</v>
      </c>
      <c r="HG33" s="279"/>
      <c r="HH33" s="274">
        <v>0</v>
      </c>
      <c r="HI33" s="274">
        <v>0</v>
      </c>
      <c r="HJ33" s="274">
        <v>0</v>
      </c>
      <c r="HK33" s="274">
        <v>0</v>
      </c>
      <c r="HL33" s="274">
        <v>0</v>
      </c>
      <c r="HM33" s="277">
        <v>0</v>
      </c>
      <c r="HN33" s="278">
        <v>0</v>
      </c>
      <c r="HO33" s="273">
        <v>0</v>
      </c>
      <c r="HP33" s="274">
        <v>0</v>
      </c>
      <c r="HQ33" s="275">
        <v>0</v>
      </c>
      <c r="HR33" s="276">
        <v>0</v>
      </c>
      <c r="HS33" s="274">
        <v>152654</v>
      </c>
      <c r="HT33" s="274">
        <v>61002</v>
      </c>
      <c r="HU33" s="274">
        <v>431310</v>
      </c>
      <c r="HV33" s="274">
        <v>667763</v>
      </c>
      <c r="HW33" s="274">
        <v>440363</v>
      </c>
      <c r="HX33" s="277">
        <v>1753092</v>
      </c>
      <c r="HY33" s="278">
        <v>1753092</v>
      </c>
    </row>
    <row r="34" spans="2:233" ht="21" customHeight="1" x14ac:dyDescent="0.2">
      <c r="B34" s="472" t="s">
        <v>31</v>
      </c>
      <c r="C34" s="273">
        <v>0</v>
      </c>
      <c r="D34" s="274">
        <v>0</v>
      </c>
      <c r="E34" s="275">
        <v>0</v>
      </c>
      <c r="F34" s="276">
        <v>0</v>
      </c>
      <c r="G34" s="274">
        <v>89800</v>
      </c>
      <c r="H34" s="274">
        <v>113972</v>
      </c>
      <c r="I34" s="274">
        <v>270460</v>
      </c>
      <c r="J34" s="274">
        <v>227610</v>
      </c>
      <c r="K34" s="274">
        <v>139350</v>
      </c>
      <c r="L34" s="277">
        <v>841192</v>
      </c>
      <c r="M34" s="278">
        <v>841192</v>
      </c>
      <c r="N34" s="273">
        <v>0</v>
      </c>
      <c r="O34" s="274">
        <v>0</v>
      </c>
      <c r="P34" s="275">
        <v>0</v>
      </c>
      <c r="Q34" s="279"/>
      <c r="R34" s="274">
        <v>23850</v>
      </c>
      <c r="S34" s="274">
        <v>55500</v>
      </c>
      <c r="T34" s="274">
        <v>253460</v>
      </c>
      <c r="U34" s="274">
        <v>109950</v>
      </c>
      <c r="V34" s="274">
        <v>107700</v>
      </c>
      <c r="W34" s="277">
        <v>550460</v>
      </c>
      <c r="X34" s="278">
        <v>550460</v>
      </c>
      <c r="Y34" s="273">
        <v>0</v>
      </c>
      <c r="Z34" s="274">
        <v>0</v>
      </c>
      <c r="AA34" s="275">
        <v>0</v>
      </c>
      <c r="AB34" s="279"/>
      <c r="AC34" s="274">
        <v>0</v>
      </c>
      <c r="AD34" s="274">
        <v>51662</v>
      </c>
      <c r="AE34" s="274">
        <v>12750</v>
      </c>
      <c r="AF34" s="274">
        <v>101105</v>
      </c>
      <c r="AG34" s="274">
        <v>0</v>
      </c>
      <c r="AH34" s="277">
        <v>165517</v>
      </c>
      <c r="AI34" s="278">
        <v>165517</v>
      </c>
      <c r="AJ34" s="273">
        <v>0</v>
      </c>
      <c r="AK34" s="274">
        <v>0</v>
      </c>
      <c r="AL34" s="275">
        <v>0</v>
      </c>
      <c r="AM34" s="279"/>
      <c r="AN34" s="274">
        <v>0</v>
      </c>
      <c r="AO34" s="274">
        <v>0</v>
      </c>
      <c r="AP34" s="274">
        <v>0</v>
      </c>
      <c r="AQ34" s="274">
        <v>0</v>
      </c>
      <c r="AR34" s="274">
        <v>0</v>
      </c>
      <c r="AS34" s="277">
        <v>0</v>
      </c>
      <c r="AT34" s="278">
        <v>0</v>
      </c>
      <c r="AU34" s="273">
        <v>0</v>
      </c>
      <c r="AV34" s="274">
        <v>0</v>
      </c>
      <c r="AW34" s="275">
        <v>0</v>
      </c>
      <c r="AX34" s="279"/>
      <c r="AY34" s="274">
        <v>64355</v>
      </c>
      <c r="AZ34" s="274">
        <v>0</v>
      </c>
      <c r="BA34" s="274">
        <v>0</v>
      </c>
      <c r="BB34" s="274">
        <v>0</v>
      </c>
      <c r="BC34" s="274">
        <v>31650</v>
      </c>
      <c r="BD34" s="277">
        <v>96005</v>
      </c>
      <c r="BE34" s="278">
        <v>96005</v>
      </c>
      <c r="BF34" s="273">
        <v>0</v>
      </c>
      <c r="BG34" s="274">
        <v>0</v>
      </c>
      <c r="BH34" s="275">
        <v>0</v>
      </c>
      <c r="BI34" s="279"/>
      <c r="BJ34" s="274">
        <v>0</v>
      </c>
      <c r="BK34" s="274">
        <v>0</v>
      </c>
      <c r="BL34" s="274">
        <v>0</v>
      </c>
      <c r="BM34" s="274">
        <v>0</v>
      </c>
      <c r="BN34" s="274">
        <v>0</v>
      </c>
      <c r="BO34" s="277">
        <v>0</v>
      </c>
      <c r="BP34" s="278">
        <v>0</v>
      </c>
      <c r="BQ34" s="273">
        <v>0</v>
      </c>
      <c r="BR34" s="274">
        <v>0</v>
      </c>
      <c r="BS34" s="275">
        <v>0</v>
      </c>
      <c r="BT34" s="276">
        <v>0</v>
      </c>
      <c r="BU34" s="274">
        <v>1595</v>
      </c>
      <c r="BV34" s="274">
        <v>6810</v>
      </c>
      <c r="BW34" s="274">
        <v>4250</v>
      </c>
      <c r="BX34" s="274">
        <v>16555</v>
      </c>
      <c r="BY34" s="274">
        <v>0</v>
      </c>
      <c r="BZ34" s="277">
        <v>29210</v>
      </c>
      <c r="CA34" s="278">
        <v>29210</v>
      </c>
      <c r="CB34" s="273">
        <v>0</v>
      </c>
      <c r="CC34" s="274">
        <v>0</v>
      </c>
      <c r="CD34" s="275">
        <v>0</v>
      </c>
      <c r="CE34" s="276">
        <v>0</v>
      </c>
      <c r="CF34" s="274">
        <v>0</v>
      </c>
      <c r="CG34" s="274">
        <v>0</v>
      </c>
      <c r="CH34" s="274">
        <v>0</v>
      </c>
      <c r="CI34" s="274">
        <v>0</v>
      </c>
      <c r="CJ34" s="274">
        <v>0</v>
      </c>
      <c r="CK34" s="277">
        <v>0</v>
      </c>
      <c r="CL34" s="278">
        <v>0</v>
      </c>
      <c r="CM34" s="273">
        <v>0</v>
      </c>
      <c r="CN34" s="274">
        <v>0</v>
      </c>
      <c r="CO34" s="275">
        <v>0</v>
      </c>
      <c r="CP34" s="276">
        <v>0</v>
      </c>
      <c r="CQ34" s="274">
        <v>0</v>
      </c>
      <c r="CR34" s="274">
        <v>0</v>
      </c>
      <c r="CS34" s="274">
        <v>0</v>
      </c>
      <c r="CT34" s="274">
        <v>0</v>
      </c>
      <c r="CU34" s="274">
        <v>0</v>
      </c>
      <c r="CV34" s="277">
        <v>0</v>
      </c>
      <c r="CW34" s="278">
        <v>0</v>
      </c>
      <c r="CX34" s="273">
        <v>0</v>
      </c>
      <c r="CY34" s="274">
        <v>0</v>
      </c>
      <c r="CZ34" s="275">
        <v>0</v>
      </c>
      <c r="DA34" s="279"/>
      <c r="DB34" s="274">
        <v>0</v>
      </c>
      <c r="DC34" s="274">
        <v>0</v>
      </c>
      <c r="DD34" s="274">
        <v>0</v>
      </c>
      <c r="DE34" s="274">
        <v>0</v>
      </c>
      <c r="DF34" s="274">
        <v>0</v>
      </c>
      <c r="DG34" s="277">
        <v>0</v>
      </c>
      <c r="DH34" s="278">
        <v>0</v>
      </c>
      <c r="DI34" s="273">
        <v>0</v>
      </c>
      <c r="DJ34" s="274">
        <v>0</v>
      </c>
      <c r="DK34" s="275">
        <v>0</v>
      </c>
      <c r="DL34" s="276">
        <v>0</v>
      </c>
      <c r="DM34" s="274">
        <v>25870</v>
      </c>
      <c r="DN34" s="274">
        <v>62715</v>
      </c>
      <c r="DO34" s="274">
        <v>297675</v>
      </c>
      <c r="DP34" s="274">
        <v>270895</v>
      </c>
      <c r="DQ34" s="274">
        <v>171690</v>
      </c>
      <c r="DR34" s="277">
        <v>828845</v>
      </c>
      <c r="DS34" s="280">
        <v>828845</v>
      </c>
      <c r="DT34" s="273">
        <v>0</v>
      </c>
      <c r="DU34" s="274">
        <v>0</v>
      </c>
      <c r="DV34" s="275">
        <v>0</v>
      </c>
      <c r="DW34" s="279"/>
      <c r="DX34" s="274">
        <v>20880</v>
      </c>
      <c r="DY34" s="274">
        <v>50130</v>
      </c>
      <c r="DZ34" s="274">
        <v>288450</v>
      </c>
      <c r="EA34" s="274">
        <v>247740</v>
      </c>
      <c r="EB34" s="274">
        <v>171480</v>
      </c>
      <c r="EC34" s="277">
        <v>778680</v>
      </c>
      <c r="ED34" s="278">
        <v>778680</v>
      </c>
      <c r="EE34" s="273">
        <v>0</v>
      </c>
      <c r="EF34" s="274">
        <v>0</v>
      </c>
      <c r="EG34" s="275">
        <v>0</v>
      </c>
      <c r="EH34" s="279"/>
      <c r="EI34" s="274">
        <v>0</v>
      </c>
      <c r="EJ34" s="274">
        <v>774</v>
      </c>
      <c r="EK34" s="274">
        <v>1050</v>
      </c>
      <c r="EL34" s="274">
        <v>1057</v>
      </c>
      <c r="EM34" s="274">
        <v>0</v>
      </c>
      <c r="EN34" s="277">
        <v>2881</v>
      </c>
      <c r="EO34" s="278">
        <v>2881</v>
      </c>
      <c r="EP34" s="273">
        <v>0</v>
      </c>
      <c r="EQ34" s="274">
        <v>0</v>
      </c>
      <c r="ER34" s="275">
        <v>0</v>
      </c>
      <c r="ES34" s="279"/>
      <c r="ET34" s="274">
        <v>0</v>
      </c>
      <c r="EU34" s="274">
        <v>0</v>
      </c>
      <c r="EV34" s="274">
        <v>0</v>
      </c>
      <c r="EW34" s="274">
        <v>0</v>
      </c>
      <c r="EX34" s="274">
        <v>0</v>
      </c>
      <c r="EY34" s="277">
        <v>0</v>
      </c>
      <c r="EZ34" s="278">
        <v>0</v>
      </c>
      <c r="FA34" s="273">
        <v>0</v>
      </c>
      <c r="FB34" s="274">
        <v>0</v>
      </c>
      <c r="FC34" s="275">
        <v>0</v>
      </c>
      <c r="FD34" s="279"/>
      <c r="FE34" s="274">
        <v>427</v>
      </c>
      <c r="FF34" s="274">
        <v>0</v>
      </c>
      <c r="FG34" s="274">
        <v>0</v>
      </c>
      <c r="FH34" s="274">
        <v>0</v>
      </c>
      <c r="FI34" s="274">
        <v>210</v>
      </c>
      <c r="FJ34" s="277">
        <v>637</v>
      </c>
      <c r="FK34" s="278">
        <v>637</v>
      </c>
      <c r="FL34" s="273">
        <v>0</v>
      </c>
      <c r="FM34" s="274">
        <v>0</v>
      </c>
      <c r="FN34" s="275">
        <v>0</v>
      </c>
      <c r="FO34" s="279"/>
      <c r="FP34" s="274">
        <v>0</v>
      </c>
      <c r="FQ34" s="274">
        <v>0</v>
      </c>
      <c r="FR34" s="274">
        <v>0</v>
      </c>
      <c r="FS34" s="274">
        <v>0</v>
      </c>
      <c r="FT34" s="274">
        <v>0</v>
      </c>
      <c r="FU34" s="277">
        <v>0</v>
      </c>
      <c r="FV34" s="278">
        <v>0</v>
      </c>
      <c r="FW34" s="273">
        <v>0</v>
      </c>
      <c r="FX34" s="274">
        <v>0</v>
      </c>
      <c r="FY34" s="275">
        <v>0</v>
      </c>
      <c r="FZ34" s="276">
        <v>0</v>
      </c>
      <c r="GA34" s="274">
        <v>4563</v>
      </c>
      <c r="GB34" s="274">
        <v>11811</v>
      </c>
      <c r="GC34" s="274">
        <v>8175</v>
      </c>
      <c r="GD34" s="274">
        <v>22098</v>
      </c>
      <c r="GE34" s="274">
        <v>0</v>
      </c>
      <c r="GF34" s="277">
        <v>46647</v>
      </c>
      <c r="GG34" s="278">
        <v>46647</v>
      </c>
      <c r="GH34" s="273">
        <v>0</v>
      </c>
      <c r="GI34" s="274">
        <v>0</v>
      </c>
      <c r="GJ34" s="275">
        <v>0</v>
      </c>
      <c r="GK34" s="276">
        <v>0</v>
      </c>
      <c r="GL34" s="274">
        <v>0</v>
      </c>
      <c r="GM34" s="274">
        <v>0</v>
      </c>
      <c r="GN34" s="274">
        <v>0</v>
      </c>
      <c r="GO34" s="274">
        <v>0</v>
      </c>
      <c r="GP34" s="274">
        <v>0</v>
      </c>
      <c r="GQ34" s="277">
        <v>0</v>
      </c>
      <c r="GR34" s="278">
        <v>0</v>
      </c>
      <c r="GS34" s="273">
        <v>0</v>
      </c>
      <c r="GT34" s="274">
        <v>0</v>
      </c>
      <c r="GU34" s="275">
        <v>0</v>
      </c>
      <c r="GV34" s="276">
        <v>0</v>
      </c>
      <c r="GW34" s="274">
        <v>0</v>
      </c>
      <c r="GX34" s="274">
        <v>0</v>
      </c>
      <c r="GY34" s="274">
        <v>0</v>
      </c>
      <c r="GZ34" s="274">
        <v>0</v>
      </c>
      <c r="HA34" s="274">
        <v>0</v>
      </c>
      <c r="HB34" s="277">
        <v>0</v>
      </c>
      <c r="HC34" s="278">
        <v>0</v>
      </c>
      <c r="HD34" s="273">
        <v>0</v>
      </c>
      <c r="HE34" s="274">
        <v>0</v>
      </c>
      <c r="HF34" s="275">
        <v>0</v>
      </c>
      <c r="HG34" s="279"/>
      <c r="HH34" s="274">
        <v>0</v>
      </c>
      <c r="HI34" s="274">
        <v>0</v>
      </c>
      <c r="HJ34" s="274">
        <v>0</v>
      </c>
      <c r="HK34" s="274">
        <v>0</v>
      </c>
      <c r="HL34" s="274">
        <v>0</v>
      </c>
      <c r="HM34" s="277">
        <v>0</v>
      </c>
      <c r="HN34" s="278">
        <v>0</v>
      </c>
      <c r="HO34" s="273">
        <v>0</v>
      </c>
      <c r="HP34" s="274">
        <v>0</v>
      </c>
      <c r="HQ34" s="275">
        <v>0</v>
      </c>
      <c r="HR34" s="276">
        <v>0</v>
      </c>
      <c r="HS34" s="274">
        <v>115670</v>
      </c>
      <c r="HT34" s="274">
        <v>176687</v>
      </c>
      <c r="HU34" s="274">
        <v>568135</v>
      </c>
      <c r="HV34" s="274">
        <v>498505</v>
      </c>
      <c r="HW34" s="274">
        <v>311040</v>
      </c>
      <c r="HX34" s="277">
        <v>1670037</v>
      </c>
      <c r="HY34" s="278">
        <v>1670037</v>
      </c>
    </row>
    <row r="35" spans="2:233" ht="21" customHeight="1" x14ac:dyDescent="0.2">
      <c r="B35" s="472" t="s">
        <v>32</v>
      </c>
      <c r="C35" s="273">
        <v>0</v>
      </c>
      <c r="D35" s="274">
        <v>0</v>
      </c>
      <c r="E35" s="275">
        <v>0</v>
      </c>
      <c r="F35" s="276">
        <v>0</v>
      </c>
      <c r="G35" s="274">
        <v>68550</v>
      </c>
      <c r="H35" s="274">
        <v>67685</v>
      </c>
      <c r="I35" s="274">
        <v>365720</v>
      </c>
      <c r="J35" s="274">
        <v>394855</v>
      </c>
      <c r="K35" s="274">
        <v>160035</v>
      </c>
      <c r="L35" s="277">
        <v>1056845</v>
      </c>
      <c r="M35" s="278">
        <v>1056845</v>
      </c>
      <c r="N35" s="273">
        <v>0</v>
      </c>
      <c r="O35" s="274">
        <v>0</v>
      </c>
      <c r="P35" s="275">
        <v>0</v>
      </c>
      <c r="Q35" s="279"/>
      <c r="R35" s="274">
        <v>34350</v>
      </c>
      <c r="S35" s="274">
        <v>0</v>
      </c>
      <c r="T35" s="274">
        <v>131615</v>
      </c>
      <c r="U35" s="274">
        <v>225225</v>
      </c>
      <c r="V35" s="274">
        <v>94200</v>
      </c>
      <c r="W35" s="277">
        <v>485390</v>
      </c>
      <c r="X35" s="278">
        <v>485390</v>
      </c>
      <c r="Y35" s="273">
        <v>0</v>
      </c>
      <c r="Z35" s="274">
        <v>0</v>
      </c>
      <c r="AA35" s="275">
        <v>0</v>
      </c>
      <c r="AB35" s="279"/>
      <c r="AC35" s="274">
        <v>34200</v>
      </c>
      <c r="AD35" s="274">
        <v>61400</v>
      </c>
      <c r="AE35" s="274">
        <v>60600</v>
      </c>
      <c r="AF35" s="274">
        <v>131550</v>
      </c>
      <c r="AG35" s="274">
        <v>3145</v>
      </c>
      <c r="AH35" s="277">
        <v>290895</v>
      </c>
      <c r="AI35" s="278">
        <v>290895</v>
      </c>
      <c r="AJ35" s="273">
        <v>0</v>
      </c>
      <c r="AK35" s="274">
        <v>0</v>
      </c>
      <c r="AL35" s="275">
        <v>0</v>
      </c>
      <c r="AM35" s="279"/>
      <c r="AN35" s="274">
        <v>0</v>
      </c>
      <c r="AO35" s="274">
        <v>0</v>
      </c>
      <c r="AP35" s="274">
        <v>0</v>
      </c>
      <c r="AQ35" s="274">
        <v>0</v>
      </c>
      <c r="AR35" s="274">
        <v>0</v>
      </c>
      <c r="AS35" s="277">
        <v>0</v>
      </c>
      <c r="AT35" s="278">
        <v>0</v>
      </c>
      <c r="AU35" s="273">
        <v>0</v>
      </c>
      <c r="AV35" s="274">
        <v>0</v>
      </c>
      <c r="AW35" s="275">
        <v>0</v>
      </c>
      <c r="AX35" s="279"/>
      <c r="AY35" s="274">
        <v>0</v>
      </c>
      <c r="AZ35" s="274">
        <v>0</v>
      </c>
      <c r="BA35" s="274">
        <v>0</v>
      </c>
      <c r="BB35" s="274">
        <v>0</v>
      </c>
      <c r="BC35" s="274">
        <v>31650</v>
      </c>
      <c r="BD35" s="277">
        <v>31650</v>
      </c>
      <c r="BE35" s="278">
        <v>31650</v>
      </c>
      <c r="BF35" s="273">
        <v>0</v>
      </c>
      <c r="BG35" s="274">
        <v>0</v>
      </c>
      <c r="BH35" s="275">
        <v>0</v>
      </c>
      <c r="BI35" s="279"/>
      <c r="BJ35" s="274">
        <v>0</v>
      </c>
      <c r="BK35" s="274">
        <v>0</v>
      </c>
      <c r="BL35" s="274">
        <v>169530</v>
      </c>
      <c r="BM35" s="274">
        <v>34455</v>
      </c>
      <c r="BN35" s="274">
        <v>26400</v>
      </c>
      <c r="BO35" s="277">
        <v>230385</v>
      </c>
      <c r="BP35" s="278">
        <v>230385</v>
      </c>
      <c r="BQ35" s="273">
        <v>0</v>
      </c>
      <c r="BR35" s="274">
        <v>0</v>
      </c>
      <c r="BS35" s="275">
        <v>0</v>
      </c>
      <c r="BT35" s="276">
        <v>0</v>
      </c>
      <c r="BU35" s="274">
        <v>0</v>
      </c>
      <c r="BV35" s="274">
        <v>6285</v>
      </c>
      <c r="BW35" s="274">
        <v>3685</v>
      </c>
      <c r="BX35" s="274">
        <v>3625</v>
      </c>
      <c r="BY35" s="274">
        <v>4060</v>
      </c>
      <c r="BZ35" s="277">
        <v>17655</v>
      </c>
      <c r="CA35" s="278">
        <v>17655</v>
      </c>
      <c r="CB35" s="273">
        <v>0</v>
      </c>
      <c r="CC35" s="274">
        <v>0</v>
      </c>
      <c r="CD35" s="275">
        <v>0</v>
      </c>
      <c r="CE35" s="276">
        <v>0</v>
      </c>
      <c r="CF35" s="274">
        <v>0</v>
      </c>
      <c r="CG35" s="274">
        <v>0</v>
      </c>
      <c r="CH35" s="274">
        <v>290</v>
      </c>
      <c r="CI35" s="274">
        <v>0</v>
      </c>
      <c r="CJ35" s="274">
        <v>580</v>
      </c>
      <c r="CK35" s="277">
        <v>870</v>
      </c>
      <c r="CL35" s="278">
        <v>870</v>
      </c>
      <c r="CM35" s="273">
        <v>0</v>
      </c>
      <c r="CN35" s="274">
        <v>0</v>
      </c>
      <c r="CO35" s="275">
        <v>0</v>
      </c>
      <c r="CP35" s="276">
        <v>0</v>
      </c>
      <c r="CQ35" s="274">
        <v>0</v>
      </c>
      <c r="CR35" s="274">
        <v>0</v>
      </c>
      <c r="CS35" s="274">
        <v>0</v>
      </c>
      <c r="CT35" s="274">
        <v>0</v>
      </c>
      <c r="CU35" s="274">
        <v>0</v>
      </c>
      <c r="CV35" s="277">
        <v>0</v>
      </c>
      <c r="CW35" s="278">
        <v>0</v>
      </c>
      <c r="CX35" s="273">
        <v>0</v>
      </c>
      <c r="CY35" s="274">
        <v>0</v>
      </c>
      <c r="CZ35" s="275">
        <v>0</v>
      </c>
      <c r="DA35" s="279"/>
      <c r="DB35" s="274">
        <v>0</v>
      </c>
      <c r="DC35" s="274">
        <v>0</v>
      </c>
      <c r="DD35" s="274">
        <v>0</v>
      </c>
      <c r="DE35" s="274">
        <v>0</v>
      </c>
      <c r="DF35" s="274">
        <v>0</v>
      </c>
      <c r="DG35" s="277">
        <v>0</v>
      </c>
      <c r="DH35" s="278">
        <v>0</v>
      </c>
      <c r="DI35" s="273">
        <v>0</v>
      </c>
      <c r="DJ35" s="274">
        <v>0</v>
      </c>
      <c r="DK35" s="275">
        <v>0</v>
      </c>
      <c r="DL35" s="276">
        <v>0</v>
      </c>
      <c r="DM35" s="274">
        <v>26070</v>
      </c>
      <c r="DN35" s="274">
        <v>5233</v>
      </c>
      <c r="DO35" s="274">
        <v>325041</v>
      </c>
      <c r="DP35" s="274">
        <v>402010</v>
      </c>
      <c r="DQ35" s="274">
        <v>177709</v>
      </c>
      <c r="DR35" s="277">
        <v>936063</v>
      </c>
      <c r="DS35" s="280">
        <v>936063</v>
      </c>
      <c r="DT35" s="273">
        <v>0</v>
      </c>
      <c r="DU35" s="274">
        <v>0</v>
      </c>
      <c r="DV35" s="275">
        <v>0</v>
      </c>
      <c r="DW35" s="279"/>
      <c r="DX35" s="274">
        <v>25650</v>
      </c>
      <c r="DY35" s="274">
        <v>0</v>
      </c>
      <c r="DZ35" s="274">
        <v>163620</v>
      </c>
      <c r="EA35" s="274">
        <v>310120</v>
      </c>
      <c r="EB35" s="274">
        <v>142080</v>
      </c>
      <c r="EC35" s="277">
        <v>641470</v>
      </c>
      <c r="ED35" s="278">
        <v>641470</v>
      </c>
      <c r="EE35" s="273">
        <v>0</v>
      </c>
      <c r="EF35" s="274">
        <v>0</v>
      </c>
      <c r="EG35" s="275">
        <v>0</v>
      </c>
      <c r="EH35" s="279"/>
      <c r="EI35" s="274">
        <v>420</v>
      </c>
      <c r="EJ35" s="274">
        <v>383</v>
      </c>
      <c r="EK35" s="274">
        <v>11340</v>
      </c>
      <c r="EL35" s="274">
        <v>36180</v>
      </c>
      <c r="EM35" s="274">
        <v>259</v>
      </c>
      <c r="EN35" s="277">
        <v>48582</v>
      </c>
      <c r="EO35" s="278">
        <v>48582</v>
      </c>
      <c r="EP35" s="273">
        <v>0</v>
      </c>
      <c r="EQ35" s="274">
        <v>0</v>
      </c>
      <c r="ER35" s="275">
        <v>0</v>
      </c>
      <c r="ES35" s="279"/>
      <c r="ET35" s="274">
        <v>0</v>
      </c>
      <c r="EU35" s="274">
        <v>0</v>
      </c>
      <c r="EV35" s="274">
        <v>0</v>
      </c>
      <c r="EW35" s="274">
        <v>0</v>
      </c>
      <c r="EX35" s="274">
        <v>0</v>
      </c>
      <c r="EY35" s="277">
        <v>0</v>
      </c>
      <c r="EZ35" s="278">
        <v>0</v>
      </c>
      <c r="FA35" s="273">
        <v>0</v>
      </c>
      <c r="FB35" s="274">
        <v>0</v>
      </c>
      <c r="FC35" s="275">
        <v>0</v>
      </c>
      <c r="FD35" s="279"/>
      <c r="FE35" s="274">
        <v>0</v>
      </c>
      <c r="FF35" s="274">
        <v>0</v>
      </c>
      <c r="FG35" s="274">
        <v>0</v>
      </c>
      <c r="FH35" s="274">
        <v>0</v>
      </c>
      <c r="FI35" s="274">
        <v>210</v>
      </c>
      <c r="FJ35" s="277">
        <v>210</v>
      </c>
      <c r="FK35" s="278">
        <v>210</v>
      </c>
      <c r="FL35" s="273">
        <v>0</v>
      </c>
      <c r="FM35" s="274">
        <v>0</v>
      </c>
      <c r="FN35" s="275">
        <v>0</v>
      </c>
      <c r="FO35" s="279"/>
      <c r="FP35" s="274">
        <v>0</v>
      </c>
      <c r="FQ35" s="274">
        <v>0</v>
      </c>
      <c r="FR35" s="274">
        <v>143544</v>
      </c>
      <c r="FS35" s="274">
        <v>36570</v>
      </c>
      <c r="FT35" s="274">
        <v>21060</v>
      </c>
      <c r="FU35" s="277">
        <v>201174</v>
      </c>
      <c r="FV35" s="278">
        <v>201174</v>
      </c>
      <c r="FW35" s="273">
        <v>0</v>
      </c>
      <c r="FX35" s="274">
        <v>0</v>
      </c>
      <c r="FY35" s="275">
        <v>0</v>
      </c>
      <c r="FZ35" s="276">
        <v>0</v>
      </c>
      <c r="GA35" s="274">
        <v>0</v>
      </c>
      <c r="GB35" s="274">
        <v>4850</v>
      </c>
      <c r="GC35" s="274">
        <v>5105</v>
      </c>
      <c r="GD35" s="274">
        <v>19140</v>
      </c>
      <c r="GE35" s="274">
        <v>14065</v>
      </c>
      <c r="GF35" s="277">
        <v>43160</v>
      </c>
      <c r="GG35" s="278">
        <v>43160</v>
      </c>
      <c r="GH35" s="273">
        <v>0</v>
      </c>
      <c r="GI35" s="274">
        <v>0</v>
      </c>
      <c r="GJ35" s="275">
        <v>0</v>
      </c>
      <c r="GK35" s="276">
        <v>0</v>
      </c>
      <c r="GL35" s="274">
        <v>0</v>
      </c>
      <c r="GM35" s="274">
        <v>0</v>
      </c>
      <c r="GN35" s="274">
        <v>1432</v>
      </c>
      <c r="GO35" s="274">
        <v>0</v>
      </c>
      <c r="GP35" s="274">
        <v>35</v>
      </c>
      <c r="GQ35" s="277">
        <v>1467</v>
      </c>
      <c r="GR35" s="278">
        <v>1467</v>
      </c>
      <c r="GS35" s="273">
        <v>0</v>
      </c>
      <c r="GT35" s="274">
        <v>0</v>
      </c>
      <c r="GU35" s="275">
        <v>0</v>
      </c>
      <c r="GV35" s="276">
        <v>0</v>
      </c>
      <c r="GW35" s="274">
        <v>0</v>
      </c>
      <c r="GX35" s="274">
        <v>0</v>
      </c>
      <c r="GY35" s="274">
        <v>0</v>
      </c>
      <c r="GZ35" s="274">
        <v>0</v>
      </c>
      <c r="HA35" s="274">
        <v>0</v>
      </c>
      <c r="HB35" s="277">
        <v>0</v>
      </c>
      <c r="HC35" s="278">
        <v>0</v>
      </c>
      <c r="HD35" s="273">
        <v>0</v>
      </c>
      <c r="HE35" s="274">
        <v>0</v>
      </c>
      <c r="HF35" s="275">
        <v>0</v>
      </c>
      <c r="HG35" s="279"/>
      <c r="HH35" s="274">
        <v>0</v>
      </c>
      <c r="HI35" s="274">
        <v>0</v>
      </c>
      <c r="HJ35" s="274">
        <v>0</v>
      </c>
      <c r="HK35" s="274">
        <v>0</v>
      </c>
      <c r="HL35" s="274">
        <v>0</v>
      </c>
      <c r="HM35" s="277">
        <v>0</v>
      </c>
      <c r="HN35" s="278">
        <v>0</v>
      </c>
      <c r="HO35" s="273">
        <v>0</v>
      </c>
      <c r="HP35" s="274">
        <v>0</v>
      </c>
      <c r="HQ35" s="275">
        <v>0</v>
      </c>
      <c r="HR35" s="276">
        <v>0</v>
      </c>
      <c r="HS35" s="274">
        <v>94620</v>
      </c>
      <c r="HT35" s="274">
        <v>72918</v>
      </c>
      <c r="HU35" s="274">
        <v>690761</v>
      </c>
      <c r="HV35" s="274">
        <v>796865</v>
      </c>
      <c r="HW35" s="274">
        <v>337744</v>
      </c>
      <c r="HX35" s="277">
        <v>1992908</v>
      </c>
      <c r="HY35" s="278">
        <v>1992908</v>
      </c>
    </row>
    <row r="36" spans="2:233" ht="21" customHeight="1" x14ac:dyDescent="0.2">
      <c r="B36" s="472" t="s">
        <v>33</v>
      </c>
      <c r="C36" s="273">
        <v>0</v>
      </c>
      <c r="D36" s="274">
        <v>0</v>
      </c>
      <c r="E36" s="275">
        <v>0</v>
      </c>
      <c r="F36" s="276">
        <v>0</v>
      </c>
      <c r="G36" s="274">
        <v>64135</v>
      </c>
      <c r="H36" s="274">
        <v>155135</v>
      </c>
      <c r="I36" s="274">
        <v>291005</v>
      </c>
      <c r="J36" s="274">
        <v>567225</v>
      </c>
      <c r="K36" s="274">
        <v>273895</v>
      </c>
      <c r="L36" s="277">
        <v>1351395</v>
      </c>
      <c r="M36" s="278">
        <v>1351395</v>
      </c>
      <c r="N36" s="273">
        <v>0</v>
      </c>
      <c r="O36" s="274">
        <v>0</v>
      </c>
      <c r="P36" s="275">
        <v>0</v>
      </c>
      <c r="Q36" s="279"/>
      <c r="R36" s="274">
        <v>0</v>
      </c>
      <c r="S36" s="274">
        <v>28950</v>
      </c>
      <c r="T36" s="274">
        <v>170355</v>
      </c>
      <c r="U36" s="274">
        <v>331370</v>
      </c>
      <c r="V36" s="274">
        <v>218275</v>
      </c>
      <c r="W36" s="277">
        <v>748950</v>
      </c>
      <c r="X36" s="278">
        <v>748950</v>
      </c>
      <c r="Y36" s="273">
        <v>0</v>
      </c>
      <c r="Z36" s="274">
        <v>0</v>
      </c>
      <c r="AA36" s="275">
        <v>0</v>
      </c>
      <c r="AB36" s="279"/>
      <c r="AC36" s="274">
        <v>60515</v>
      </c>
      <c r="AD36" s="274">
        <v>60750</v>
      </c>
      <c r="AE36" s="274">
        <v>48845</v>
      </c>
      <c r="AF36" s="274">
        <v>201505</v>
      </c>
      <c r="AG36" s="274">
        <v>36750</v>
      </c>
      <c r="AH36" s="277">
        <v>408365</v>
      </c>
      <c r="AI36" s="278">
        <v>408365</v>
      </c>
      <c r="AJ36" s="273">
        <v>0</v>
      </c>
      <c r="AK36" s="274">
        <v>0</v>
      </c>
      <c r="AL36" s="275">
        <v>0</v>
      </c>
      <c r="AM36" s="279"/>
      <c r="AN36" s="274">
        <v>0</v>
      </c>
      <c r="AO36" s="274">
        <v>0</v>
      </c>
      <c r="AP36" s="274">
        <v>0</v>
      </c>
      <c r="AQ36" s="274">
        <v>0</v>
      </c>
      <c r="AR36" s="274">
        <v>0</v>
      </c>
      <c r="AS36" s="277">
        <v>0</v>
      </c>
      <c r="AT36" s="278">
        <v>0</v>
      </c>
      <c r="AU36" s="273">
        <v>0</v>
      </c>
      <c r="AV36" s="274">
        <v>0</v>
      </c>
      <c r="AW36" s="275">
        <v>0</v>
      </c>
      <c r="AX36" s="279"/>
      <c r="AY36" s="274">
        <v>2550</v>
      </c>
      <c r="AZ36" s="274">
        <v>58200</v>
      </c>
      <c r="BA36" s="274">
        <v>60410</v>
      </c>
      <c r="BB36" s="274">
        <v>34350</v>
      </c>
      <c r="BC36" s="274">
        <v>4505</v>
      </c>
      <c r="BD36" s="277">
        <v>160015</v>
      </c>
      <c r="BE36" s="278">
        <v>160015</v>
      </c>
      <c r="BF36" s="273">
        <v>0</v>
      </c>
      <c r="BG36" s="274">
        <v>0</v>
      </c>
      <c r="BH36" s="275">
        <v>0</v>
      </c>
      <c r="BI36" s="279"/>
      <c r="BJ36" s="274">
        <v>0</v>
      </c>
      <c r="BK36" s="274">
        <v>0</v>
      </c>
      <c r="BL36" s="274">
        <v>0</v>
      </c>
      <c r="BM36" s="274">
        <v>0</v>
      </c>
      <c r="BN36" s="274">
        <v>0</v>
      </c>
      <c r="BO36" s="277">
        <v>0</v>
      </c>
      <c r="BP36" s="278">
        <v>0</v>
      </c>
      <c r="BQ36" s="273">
        <v>0</v>
      </c>
      <c r="BR36" s="274">
        <v>0</v>
      </c>
      <c r="BS36" s="275">
        <v>0</v>
      </c>
      <c r="BT36" s="276">
        <v>0</v>
      </c>
      <c r="BU36" s="274">
        <v>1070</v>
      </c>
      <c r="BV36" s="274">
        <v>7235</v>
      </c>
      <c r="BW36" s="274">
        <v>11395</v>
      </c>
      <c r="BX36" s="274">
        <v>0</v>
      </c>
      <c r="BY36" s="274">
        <v>14365</v>
      </c>
      <c r="BZ36" s="277">
        <v>34065</v>
      </c>
      <c r="CA36" s="278">
        <v>34065</v>
      </c>
      <c r="CB36" s="273">
        <v>0</v>
      </c>
      <c r="CC36" s="274">
        <v>0</v>
      </c>
      <c r="CD36" s="275">
        <v>0</v>
      </c>
      <c r="CE36" s="276">
        <v>0</v>
      </c>
      <c r="CF36" s="274">
        <v>0</v>
      </c>
      <c r="CG36" s="274">
        <v>0</v>
      </c>
      <c r="CH36" s="274">
        <v>0</v>
      </c>
      <c r="CI36" s="274">
        <v>0</v>
      </c>
      <c r="CJ36" s="274">
        <v>0</v>
      </c>
      <c r="CK36" s="277">
        <v>0</v>
      </c>
      <c r="CL36" s="278">
        <v>0</v>
      </c>
      <c r="CM36" s="273">
        <v>0</v>
      </c>
      <c r="CN36" s="274">
        <v>0</v>
      </c>
      <c r="CO36" s="275">
        <v>0</v>
      </c>
      <c r="CP36" s="276">
        <v>0</v>
      </c>
      <c r="CQ36" s="274">
        <v>0</v>
      </c>
      <c r="CR36" s="274">
        <v>0</v>
      </c>
      <c r="CS36" s="274">
        <v>0</v>
      </c>
      <c r="CT36" s="274">
        <v>0</v>
      </c>
      <c r="CU36" s="274">
        <v>0</v>
      </c>
      <c r="CV36" s="277">
        <v>0</v>
      </c>
      <c r="CW36" s="278">
        <v>0</v>
      </c>
      <c r="CX36" s="273">
        <v>0</v>
      </c>
      <c r="CY36" s="274">
        <v>0</v>
      </c>
      <c r="CZ36" s="275">
        <v>0</v>
      </c>
      <c r="DA36" s="279"/>
      <c r="DB36" s="274">
        <v>0</v>
      </c>
      <c r="DC36" s="274">
        <v>0</v>
      </c>
      <c r="DD36" s="274">
        <v>0</v>
      </c>
      <c r="DE36" s="274">
        <v>0</v>
      </c>
      <c r="DF36" s="274">
        <v>0</v>
      </c>
      <c r="DG36" s="277">
        <v>0</v>
      </c>
      <c r="DH36" s="278">
        <v>0</v>
      </c>
      <c r="DI36" s="273">
        <v>0</v>
      </c>
      <c r="DJ36" s="274">
        <v>0</v>
      </c>
      <c r="DK36" s="275">
        <v>0</v>
      </c>
      <c r="DL36" s="276">
        <v>0</v>
      </c>
      <c r="DM36" s="274">
        <v>15090</v>
      </c>
      <c r="DN36" s="274">
        <v>79873</v>
      </c>
      <c r="DO36" s="274">
        <v>295567</v>
      </c>
      <c r="DP36" s="274">
        <v>362571</v>
      </c>
      <c r="DQ36" s="274">
        <v>256506</v>
      </c>
      <c r="DR36" s="277">
        <v>1009607</v>
      </c>
      <c r="DS36" s="280">
        <v>1009607</v>
      </c>
      <c r="DT36" s="273">
        <v>0</v>
      </c>
      <c r="DU36" s="274">
        <v>0</v>
      </c>
      <c r="DV36" s="275">
        <v>0</v>
      </c>
      <c r="DW36" s="279"/>
      <c r="DX36" s="274">
        <v>0</v>
      </c>
      <c r="DY36" s="274">
        <v>49980</v>
      </c>
      <c r="DZ36" s="274">
        <v>256265</v>
      </c>
      <c r="EA36" s="274">
        <v>338404</v>
      </c>
      <c r="EB36" s="274">
        <v>232964</v>
      </c>
      <c r="EC36" s="277">
        <v>877613</v>
      </c>
      <c r="ED36" s="278">
        <v>877613</v>
      </c>
      <c r="EE36" s="273">
        <v>0</v>
      </c>
      <c r="EF36" s="274">
        <v>0</v>
      </c>
      <c r="EG36" s="275">
        <v>0</v>
      </c>
      <c r="EH36" s="279"/>
      <c r="EI36" s="274">
        <v>11370</v>
      </c>
      <c r="EJ36" s="274">
        <v>11730</v>
      </c>
      <c r="EK36" s="274">
        <v>11758</v>
      </c>
      <c r="EL36" s="274">
        <v>12857</v>
      </c>
      <c r="EM36" s="274">
        <v>630</v>
      </c>
      <c r="EN36" s="277">
        <v>48345</v>
      </c>
      <c r="EO36" s="278">
        <v>48345</v>
      </c>
      <c r="EP36" s="273">
        <v>0</v>
      </c>
      <c r="EQ36" s="274">
        <v>0</v>
      </c>
      <c r="ER36" s="275">
        <v>0</v>
      </c>
      <c r="ES36" s="279"/>
      <c r="ET36" s="274">
        <v>0</v>
      </c>
      <c r="EU36" s="274">
        <v>0</v>
      </c>
      <c r="EV36" s="274">
        <v>0</v>
      </c>
      <c r="EW36" s="274">
        <v>0</v>
      </c>
      <c r="EX36" s="274">
        <v>0</v>
      </c>
      <c r="EY36" s="277">
        <v>0</v>
      </c>
      <c r="EZ36" s="278">
        <v>0</v>
      </c>
      <c r="FA36" s="273">
        <v>0</v>
      </c>
      <c r="FB36" s="274">
        <v>0</v>
      </c>
      <c r="FC36" s="275">
        <v>0</v>
      </c>
      <c r="FD36" s="279"/>
      <c r="FE36" s="274">
        <v>210</v>
      </c>
      <c r="FF36" s="274">
        <v>11520</v>
      </c>
      <c r="FG36" s="274">
        <v>12317</v>
      </c>
      <c r="FH36" s="274">
        <v>11310</v>
      </c>
      <c r="FI36" s="274">
        <v>378</v>
      </c>
      <c r="FJ36" s="277">
        <v>35735</v>
      </c>
      <c r="FK36" s="278">
        <v>35735</v>
      </c>
      <c r="FL36" s="273">
        <v>0</v>
      </c>
      <c r="FM36" s="274">
        <v>0</v>
      </c>
      <c r="FN36" s="275">
        <v>0</v>
      </c>
      <c r="FO36" s="279"/>
      <c r="FP36" s="274">
        <v>0</v>
      </c>
      <c r="FQ36" s="274">
        <v>0</v>
      </c>
      <c r="FR36" s="274">
        <v>0</v>
      </c>
      <c r="FS36" s="274">
        <v>0</v>
      </c>
      <c r="FT36" s="274">
        <v>0</v>
      </c>
      <c r="FU36" s="277">
        <v>0</v>
      </c>
      <c r="FV36" s="278">
        <v>0</v>
      </c>
      <c r="FW36" s="273">
        <v>0</v>
      </c>
      <c r="FX36" s="274">
        <v>0</v>
      </c>
      <c r="FY36" s="275">
        <v>0</v>
      </c>
      <c r="FZ36" s="276">
        <v>0</v>
      </c>
      <c r="GA36" s="274">
        <v>3510</v>
      </c>
      <c r="GB36" s="274">
        <v>6643</v>
      </c>
      <c r="GC36" s="274">
        <v>15227</v>
      </c>
      <c r="GD36" s="274">
        <v>0</v>
      </c>
      <c r="GE36" s="274">
        <v>22534</v>
      </c>
      <c r="GF36" s="277">
        <v>47914</v>
      </c>
      <c r="GG36" s="278">
        <v>47914</v>
      </c>
      <c r="GH36" s="273">
        <v>0</v>
      </c>
      <c r="GI36" s="274">
        <v>0</v>
      </c>
      <c r="GJ36" s="275">
        <v>0</v>
      </c>
      <c r="GK36" s="276">
        <v>0</v>
      </c>
      <c r="GL36" s="274">
        <v>0</v>
      </c>
      <c r="GM36" s="274">
        <v>0</v>
      </c>
      <c r="GN36" s="274">
        <v>0</v>
      </c>
      <c r="GO36" s="274">
        <v>0</v>
      </c>
      <c r="GP36" s="274">
        <v>0</v>
      </c>
      <c r="GQ36" s="277">
        <v>0</v>
      </c>
      <c r="GR36" s="278">
        <v>0</v>
      </c>
      <c r="GS36" s="273">
        <v>0</v>
      </c>
      <c r="GT36" s="274">
        <v>0</v>
      </c>
      <c r="GU36" s="275">
        <v>0</v>
      </c>
      <c r="GV36" s="276">
        <v>0</v>
      </c>
      <c r="GW36" s="274">
        <v>0</v>
      </c>
      <c r="GX36" s="274">
        <v>0</v>
      </c>
      <c r="GY36" s="274">
        <v>0</v>
      </c>
      <c r="GZ36" s="274">
        <v>0</v>
      </c>
      <c r="HA36" s="274">
        <v>0</v>
      </c>
      <c r="HB36" s="277">
        <v>0</v>
      </c>
      <c r="HC36" s="278">
        <v>0</v>
      </c>
      <c r="HD36" s="273">
        <v>0</v>
      </c>
      <c r="HE36" s="274">
        <v>0</v>
      </c>
      <c r="HF36" s="275">
        <v>0</v>
      </c>
      <c r="HG36" s="279"/>
      <c r="HH36" s="274">
        <v>0</v>
      </c>
      <c r="HI36" s="274">
        <v>0</v>
      </c>
      <c r="HJ36" s="274">
        <v>0</v>
      </c>
      <c r="HK36" s="274">
        <v>0</v>
      </c>
      <c r="HL36" s="274">
        <v>0</v>
      </c>
      <c r="HM36" s="277">
        <v>0</v>
      </c>
      <c r="HN36" s="278">
        <v>0</v>
      </c>
      <c r="HO36" s="273">
        <v>0</v>
      </c>
      <c r="HP36" s="274">
        <v>0</v>
      </c>
      <c r="HQ36" s="275">
        <v>0</v>
      </c>
      <c r="HR36" s="276">
        <v>0</v>
      </c>
      <c r="HS36" s="274">
        <v>79225</v>
      </c>
      <c r="HT36" s="274">
        <v>235008</v>
      </c>
      <c r="HU36" s="274">
        <v>586572</v>
      </c>
      <c r="HV36" s="274">
        <v>929796</v>
      </c>
      <c r="HW36" s="274">
        <v>530401</v>
      </c>
      <c r="HX36" s="277">
        <v>2361002</v>
      </c>
      <c r="HY36" s="278">
        <v>2361002</v>
      </c>
    </row>
    <row r="37" spans="2:233" ht="21" customHeight="1" x14ac:dyDescent="0.2">
      <c r="B37" s="472" t="s">
        <v>34</v>
      </c>
      <c r="C37" s="273">
        <v>0</v>
      </c>
      <c r="D37" s="274">
        <v>0</v>
      </c>
      <c r="E37" s="275">
        <v>0</v>
      </c>
      <c r="F37" s="276">
        <v>0</v>
      </c>
      <c r="G37" s="274">
        <v>26400</v>
      </c>
      <c r="H37" s="274">
        <v>151130</v>
      </c>
      <c r="I37" s="274">
        <v>81650</v>
      </c>
      <c r="J37" s="274">
        <v>265315</v>
      </c>
      <c r="K37" s="274">
        <v>225805</v>
      </c>
      <c r="L37" s="277">
        <v>750300</v>
      </c>
      <c r="M37" s="278">
        <v>750300</v>
      </c>
      <c r="N37" s="273">
        <v>0</v>
      </c>
      <c r="O37" s="274">
        <v>0</v>
      </c>
      <c r="P37" s="275">
        <v>0</v>
      </c>
      <c r="Q37" s="279"/>
      <c r="R37" s="274">
        <v>0</v>
      </c>
      <c r="S37" s="274">
        <v>0</v>
      </c>
      <c r="T37" s="274">
        <v>55200</v>
      </c>
      <c r="U37" s="274">
        <v>222865</v>
      </c>
      <c r="V37" s="274">
        <v>140980</v>
      </c>
      <c r="W37" s="277">
        <v>419045</v>
      </c>
      <c r="X37" s="278">
        <v>419045</v>
      </c>
      <c r="Y37" s="273">
        <v>0</v>
      </c>
      <c r="Z37" s="274">
        <v>0</v>
      </c>
      <c r="AA37" s="275">
        <v>0</v>
      </c>
      <c r="AB37" s="279"/>
      <c r="AC37" s="274">
        <v>26400</v>
      </c>
      <c r="AD37" s="274">
        <v>151130</v>
      </c>
      <c r="AE37" s="274">
        <v>24510</v>
      </c>
      <c r="AF37" s="274">
        <v>36750</v>
      </c>
      <c r="AG37" s="274">
        <v>34200</v>
      </c>
      <c r="AH37" s="277">
        <v>272990</v>
      </c>
      <c r="AI37" s="278">
        <v>272990</v>
      </c>
      <c r="AJ37" s="273">
        <v>0</v>
      </c>
      <c r="AK37" s="274">
        <v>0</v>
      </c>
      <c r="AL37" s="275">
        <v>0</v>
      </c>
      <c r="AM37" s="279"/>
      <c r="AN37" s="274">
        <v>0</v>
      </c>
      <c r="AO37" s="274">
        <v>0</v>
      </c>
      <c r="AP37" s="274">
        <v>0</v>
      </c>
      <c r="AQ37" s="274">
        <v>0</v>
      </c>
      <c r="AR37" s="274">
        <v>0</v>
      </c>
      <c r="AS37" s="277">
        <v>0</v>
      </c>
      <c r="AT37" s="278">
        <v>0</v>
      </c>
      <c r="AU37" s="273">
        <v>0</v>
      </c>
      <c r="AV37" s="274">
        <v>0</v>
      </c>
      <c r="AW37" s="275">
        <v>0</v>
      </c>
      <c r="AX37" s="279"/>
      <c r="AY37" s="274">
        <v>0</v>
      </c>
      <c r="AZ37" s="274">
        <v>0</v>
      </c>
      <c r="BA37" s="274">
        <v>0</v>
      </c>
      <c r="BB37" s="274">
        <v>0</v>
      </c>
      <c r="BC37" s="274">
        <v>25275</v>
      </c>
      <c r="BD37" s="277">
        <v>25275</v>
      </c>
      <c r="BE37" s="278">
        <v>25275</v>
      </c>
      <c r="BF37" s="273">
        <v>0</v>
      </c>
      <c r="BG37" s="274">
        <v>0</v>
      </c>
      <c r="BH37" s="275">
        <v>0</v>
      </c>
      <c r="BI37" s="279"/>
      <c r="BJ37" s="274">
        <v>0</v>
      </c>
      <c r="BK37" s="274">
        <v>0</v>
      </c>
      <c r="BL37" s="274">
        <v>0</v>
      </c>
      <c r="BM37" s="274">
        <v>0</v>
      </c>
      <c r="BN37" s="274">
        <v>0</v>
      </c>
      <c r="BO37" s="277">
        <v>0</v>
      </c>
      <c r="BP37" s="278">
        <v>0</v>
      </c>
      <c r="BQ37" s="273">
        <v>0</v>
      </c>
      <c r="BR37" s="274">
        <v>0</v>
      </c>
      <c r="BS37" s="275">
        <v>0</v>
      </c>
      <c r="BT37" s="276">
        <v>0</v>
      </c>
      <c r="BU37" s="274">
        <v>0</v>
      </c>
      <c r="BV37" s="274">
        <v>0</v>
      </c>
      <c r="BW37" s="274">
        <v>1940</v>
      </c>
      <c r="BX37" s="274">
        <v>0</v>
      </c>
      <c r="BY37" s="274">
        <v>25350</v>
      </c>
      <c r="BZ37" s="277">
        <v>27290</v>
      </c>
      <c r="CA37" s="278">
        <v>27290</v>
      </c>
      <c r="CB37" s="273">
        <v>0</v>
      </c>
      <c r="CC37" s="274">
        <v>0</v>
      </c>
      <c r="CD37" s="275">
        <v>0</v>
      </c>
      <c r="CE37" s="276">
        <v>0</v>
      </c>
      <c r="CF37" s="274">
        <v>0</v>
      </c>
      <c r="CG37" s="274">
        <v>0</v>
      </c>
      <c r="CH37" s="274">
        <v>0</v>
      </c>
      <c r="CI37" s="274">
        <v>5700</v>
      </c>
      <c r="CJ37" s="274">
        <v>0</v>
      </c>
      <c r="CK37" s="277">
        <v>5700</v>
      </c>
      <c r="CL37" s="278">
        <v>5700</v>
      </c>
      <c r="CM37" s="273">
        <v>0</v>
      </c>
      <c r="CN37" s="274">
        <v>0</v>
      </c>
      <c r="CO37" s="275">
        <v>0</v>
      </c>
      <c r="CP37" s="276">
        <v>0</v>
      </c>
      <c r="CQ37" s="274">
        <v>0</v>
      </c>
      <c r="CR37" s="274">
        <v>0</v>
      </c>
      <c r="CS37" s="274">
        <v>0</v>
      </c>
      <c r="CT37" s="274">
        <v>0</v>
      </c>
      <c r="CU37" s="274">
        <v>0</v>
      </c>
      <c r="CV37" s="277">
        <v>0</v>
      </c>
      <c r="CW37" s="278">
        <v>0</v>
      </c>
      <c r="CX37" s="273">
        <v>0</v>
      </c>
      <c r="CY37" s="274">
        <v>0</v>
      </c>
      <c r="CZ37" s="275">
        <v>0</v>
      </c>
      <c r="DA37" s="279"/>
      <c r="DB37" s="274">
        <v>0</v>
      </c>
      <c r="DC37" s="274">
        <v>0</v>
      </c>
      <c r="DD37" s="274">
        <v>0</v>
      </c>
      <c r="DE37" s="274">
        <v>0</v>
      </c>
      <c r="DF37" s="274">
        <v>0</v>
      </c>
      <c r="DG37" s="277">
        <v>0</v>
      </c>
      <c r="DH37" s="278">
        <v>0</v>
      </c>
      <c r="DI37" s="273">
        <v>0</v>
      </c>
      <c r="DJ37" s="274">
        <v>0</v>
      </c>
      <c r="DK37" s="275">
        <v>0</v>
      </c>
      <c r="DL37" s="276">
        <v>0</v>
      </c>
      <c r="DM37" s="274">
        <v>390</v>
      </c>
      <c r="DN37" s="274">
        <v>24026</v>
      </c>
      <c r="DO37" s="274">
        <v>116953</v>
      </c>
      <c r="DP37" s="274">
        <v>246683</v>
      </c>
      <c r="DQ37" s="274">
        <v>174522</v>
      </c>
      <c r="DR37" s="277">
        <v>562574</v>
      </c>
      <c r="DS37" s="280">
        <v>562574</v>
      </c>
      <c r="DT37" s="273">
        <v>0</v>
      </c>
      <c r="DU37" s="274">
        <v>0</v>
      </c>
      <c r="DV37" s="275">
        <v>0</v>
      </c>
      <c r="DW37" s="279"/>
      <c r="DX37" s="274">
        <v>0</v>
      </c>
      <c r="DY37" s="274">
        <v>0</v>
      </c>
      <c r="DZ37" s="274">
        <v>112140</v>
      </c>
      <c r="EA37" s="274">
        <v>244605</v>
      </c>
      <c r="EB37" s="274">
        <v>138312</v>
      </c>
      <c r="EC37" s="277">
        <v>495057</v>
      </c>
      <c r="ED37" s="278">
        <v>495057</v>
      </c>
      <c r="EE37" s="273">
        <v>0</v>
      </c>
      <c r="EF37" s="274">
        <v>0</v>
      </c>
      <c r="EG37" s="275">
        <v>0</v>
      </c>
      <c r="EH37" s="279"/>
      <c r="EI37" s="274">
        <v>390</v>
      </c>
      <c r="EJ37" s="274">
        <v>24026</v>
      </c>
      <c r="EK37" s="274">
        <v>574</v>
      </c>
      <c r="EL37" s="274">
        <v>630</v>
      </c>
      <c r="EM37" s="274">
        <v>420</v>
      </c>
      <c r="EN37" s="277">
        <v>26040</v>
      </c>
      <c r="EO37" s="278">
        <v>26040</v>
      </c>
      <c r="EP37" s="273">
        <v>0</v>
      </c>
      <c r="EQ37" s="274">
        <v>0</v>
      </c>
      <c r="ER37" s="275">
        <v>0</v>
      </c>
      <c r="ES37" s="279"/>
      <c r="ET37" s="274">
        <v>0</v>
      </c>
      <c r="EU37" s="274">
        <v>0</v>
      </c>
      <c r="EV37" s="274">
        <v>0</v>
      </c>
      <c r="EW37" s="274">
        <v>0</v>
      </c>
      <c r="EX37" s="274">
        <v>0</v>
      </c>
      <c r="EY37" s="277">
        <v>0</v>
      </c>
      <c r="EZ37" s="278">
        <v>0</v>
      </c>
      <c r="FA37" s="273">
        <v>0</v>
      </c>
      <c r="FB37" s="274">
        <v>0</v>
      </c>
      <c r="FC37" s="275">
        <v>0</v>
      </c>
      <c r="FD37" s="279"/>
      <c r="FE37" s="274">
        <v>0</v>
      </c>
      <c r="FF37" s="274">
        <v>0</v>
      </c>
      <c r="FG37" s="274">
        <v>0</v>
      </c>
      <c r="FH37" s="274">
        <v>0</v>
      </c>
      <c r="FI37" s="274">
        <v>210</v>
      </c>
      <c r="FJ37" s="277">
        <v>210</v>
      </c>
      <c r="FK37" s="278">
        <v>210</v>
      </c>
      <c r="FL37" s="273">
        <v>0</v>
      </c>
      <c r="FM37" s="274">
        <v>0</v>
      </c>
      <c r="FN37" s="275">
        <v>0</v>
      </c>
      <c r="FO37" s="279"/>
      <c r="FP37" s="274">
        <v>0</v>
      </c>
      <c r="FQ37" s="274">
        <v>0</v>
      </c>
      <c r="FR37" s="274">
        <v>0</v>
      </c>
      <c r="FS37" s="274">
        <v>0</v>
      </c>
      <c r="FT37" s="274">
        <v>0</v>
      </c>
      <c r="FU37" s="277">
        <v>0</v>
      </c>
      <c r="FV37" s="278">
        <v>0</v>
      </c>
      <c r="FW37" s="273">
        <v>0</v>
      </c>
      <c r="FX37" s="274">
        <v>0</v>
      </c>
      <c r="FY37" s="275">
        <v>0</v>
      </c>
      <c r="FZ37" s="276">
        <v>0</v>
      </c>
      <c r="GA37" s="274">
        <v>0</v>
      </c>
      <c r="GB37" s="274">
        <v>0</v>
      </c>
      <c r="GC37" s="274">
        <v>4239</v>
      </c>
      <c r="GD37" s="274">
        <v>1392</v>
      </c>
      <c r="GE37" s="274">
        <v>35580</v>
      </c>
      <c r="GF37" s="277">
        <v>41211</v>
      </c>
      <c r="GG37" s="278">
        <v>41211</v>
      </c>
      <c r="GH37" s="273">
        <v>0</v>
      </c>
      <c r="GI37" s="274">
        <v>0</v>
      </c>
      <c r="GJ37" s="275">
        <v>0</v>
      </c>
      <c r="GK37" s="276">
        <v>0</v>
      </c>
      <c r="GL37" s="274">
        <v>0</v>
      </c>
      <c r="GM37" s="274">
        <v>0</v>
      </c>
      <c r="GN37" s="274">
        <v>0</v>
      </c>
      <c r="GO37" s="274">
        <v>56</v>
      </c>
      <c r="GP37" s="274">
        <v>0</v>
      </c>
      <c r="GQ37" s="277">
        <v>56</v>
      </c>
      <c r="GR37" s="278">
        <v>56</v>
      </c>
      <c r="GS37" s="273">
        <v>0</v>
      </c>
      <c r="GT37" s="274">
        <v>0</v>
      </c>
      <c r="GU37" s="275">
        <v>0</v>
      </c>
      <c r="GV37" s="276">
        <v>0</v>
      </c>
      <c r="GW37" s="274">
        <v>0</v>
      </c>
      <c r="GX37" s="274">
        <v>0</v>
      </c>
      <c r="GY37" s="274">
        <v>0</v>
      </c>
      <c r="GZ37" s="274">
        <v>0</v>
      </c>
      <c r="HA37" s="274">
        <v>0</v>
      </c>
      <c r="HB37" s="277">
        <v>0</v>
      </c>
      <c r="HC37" s="278">
        <v>0</v>
      </c>
      <c r="HD37" s="273">
        <v>0</v>
      </c>
      <c r="HE37" s="274">
        <v>0</v>
      </c>
      <c r="HF37" s="275">
        <v>0</v>
      </c>
      <c r="HG37" s="279"/>
      <c r="HH37" s="274">
        <v>0</v>
      </c>
      <c r="HI37" s="274">
        <v>0</v>
      </c>
      <c r="HJ37" s="274">
        <v>0</v>
      </c>
      <c r="HK37" s="274">
        <v>0</v>
      </c>
      <c r="HL37" s="274">
        <v>0</v>
      </c>
      <c r="HM37" s="277">
        <v>0</v>
      </c>
      <c r="HN37" s="278">
        <v>0</v>
      </c>
      <c r="HO37" s="273">
        <v>0</v>
      </c>
      <c r="HP37" s="274">
        <v>0</v>
      </c>
      <c r="HQ37" s="275">
        <v>0</v>
      </c>
      <c r="HR37" s="276">
        <v>0</v>
      </c>
      <c r="HS37" s="274">
        <v>26790</v>
      </c>
      <c r="HT37" s="274">
        <v>175156</v>
      </c>
      <c r="HU37" s="274">
        <v>198603</v>
      </c>
      <c r="HV37" s="274">
        <v>511998</v>
      </c>
      <c r="HW37" s="274">
        <v>400327</v>
      </c>
      <c r="HX37" s="277">
        <v>1312874</v>
      </c>
      <c r="HY37" s="278">
        <v>1312874</v>
      </c>
    </row>
    <row r="38" spans="2:233" ht="21" customHeight="1" x14ac:dyDescent="0.2">
      <c r="B38" s="472" t="s">
        <v>35</v>
      </c>
      <c r="C38" s="273">
        <v>1885</v>
      </c>
      <c r="D38" s="274">
        <v>0</v>
      </c>
      <c r="E38" s="275">
        <v>1885</v>
      </c>
      <c r="F38" s="276">
        <v>0</v>
      </c>
      <c r="G38" s="274">
        <v>252815</v>
      </c>
      <c r="H38" s="274">
        <v>212300</v>
      </c>
      <c r="I38" s="274">
        <v>677240</v>
      </c>
      <c r="J38" s="274">
        <v>514105</v>
      </c>
      <c r="K38" s="274">
        <v>379350</v>
      </c>
      <c r="L38" s="277">
        <v>2035810</v>
      </c>
      <c r="M38" s="278">
        <v>2037695</v>
      </c>
      <c r="N38" s="273">
        <v>0</v>
      </c>
      <c r="O38" s="274">
        <v>0</v>
      </c>
      <c r="P38" s="275">
        <v>0</v>
      </c>
      <c r="Q38" s="279"/>
      <c r="R38" s="274">
        <v>2550</v>
      </c>
      <c r="S38" s="274">
        <v>37565</v>
      </c>
      <c r="T38" s="274">
        <v>250350</v>
      </c>
      <c r="U38" s="274">
        <v>351865</v>
      </c>
      <c r="V38" s="274">
        <v>281700</v>
      </c>
      <c r="W38" s="277">
        <v>924030</v>
      </c>
      <c r="X38" s="278">
        <v>924030</v>
      </c>
      <c r="Y38" s="273">
        <v>0</v>
      </c>
      <c r="Z38" s="274">
        <v>0</v>
      </c>
      <c r="AA38" s="275">
        <v>0</v>
      </c>
      <c r="AB38" s="279"/>
      <c r="AC38" s="274">
        <v>195900</v>
      </c>
      <c r="AD38" s="274">
        <v>174735</v>
      </c>
      <c r="AE38" s="274">
        <v>294800</v>
      </c>
      <c r="AF38" s="274">
        <v>65850</v>
      </c>
      <c r="AG38" s="274">
        <v>26400</v>
      </c>
      <c r="AH38" s="277">
        <v>757685</v>
      </c>
      <c r="AI38" s="278">
        <v>757685</v>
      </c>
      <c r="AJ38" s="273">
        <v>0</v>
      </c>
      <c r="AK38" s="274">
        <v>0</v>
      </c>
      <c r="AL38" s="275">
        <v>0</v>
      </c>
      <c r="AM38" s="279"/>
      <c r="AN38" s="274">
        <v>0</v>
      </c>
      <c r="AO38" s="274">
        <v>0</v>
      </c>
      <c r="AP38" s="274">
        <v>0</v>
      </c>
      <c r="AQ38" s="274">
        <v>0</v>
      </c>
      <c r="AR38" s="274">
        <v>0</v>
      </c>
      <c r="AS38" s="277">
        <v>0</v>
      </c>
      <c r="AT38" s="278">
        <v>0</v>
      </c>
      <c r="AU38" s="273">
        <v>0</v>
      </c>
      <c r="AV38" s="274">
        <v>0</v>
      </c>
      <c r="AW38" s="275">
        <v>0</v>
      </c>
      <c r="AX38" s="279"/>
      <c r="AY38" s="274">
        <v>34200</v>
      </c>
      <c r="AZ38" s="274">
        <v>0</v>
      </c>
      <c r="BA38" s="274">
        <v>103050</v>
      </c>
      <c r="BB38" s="274">
        <v>83805</v>
      </c>
      <c r="BC38" s="274">
        <v>71250</v>
      </c>
      <c r="BD38" s="277">
        <v>292305</v>
      </c>
      <c r="BE38" s="278">
        <v>292305</v>
      </c>
      <c r="BF38" s="273">
        <v>0</v>
      </c>
      <c r="BG38" s="274">
        <v>0</v>
      </c>
      <c r="BH38" s="275">
        <v>0</v>
      </c>
      <c r="BI38" s="279"/>
      <c r="BJ38" s="274">
        <v>0</v>
      </c>
      <c r="BK38" s="274">
        <v>0</v>
      </c>
      <c r="BL38" s="274">
        <v>0</v>
      </c>
      <c r="BM38" s="274">
        <v>0</v>
      </c>
      <c r="BN38" s="274">
        <v>0</v>
      </c>
      <c r="BO38" s="277">
        <v>0</v>
      </c>
      <c r="BP38" s="278">
        <v>0</v>
      </c>
      <c r="BQ38" s="273">
        <v>1885</v>
      </c>
      <c r="BR38" s="274">
        <v>0</v>
      </c>
      <c r="BS38" s="275">
        <v>1885</v>
      </c>
      <c r="BT38" s="276">
        <v>0</v>
      </c>
      <c r="BU38" s="274">
        <v>20165</v>
      </c>
      <c r="BV38" s="274">
        <v>0</v>
      </c>
      <c r="BW38" s="274">
        <v>27790</v>
      </c>
      <c r="BX38" s="274">
        <v>12585</v>
      </c>
      <c r="BY38" s="274">
        <v>0</v>
      </c>
      <c r="BZ38" s="277">
        <v>60540</v>
      </c>
      <c r="CA38" s="278">
        <v>62425</v>
      </c>
      <c r="CB38" s="273">
        <v>0</v>
      </c>
      <c r="CC38" s="274">
        <v>0</v>
      </c>
      <c r="CD38" s="275">
        <v>0</v>
      </c>
      <c r="CE38" s="276">
        <v>0</v>
      </c>
      <c r="CF38" s="274">
        <v>0</v>
      </c>
      <c r="CG38" s="274">
        <v>0</v>
      </c>
      <c r="CH38" s="274">
        <v>1250</v>
      </c>
      <c r="CI38" s="274">
        <v>0</v>
      </c>
      <c r="CJ38" s="274">
        <v>0</v>
      </c>
      <c r="CK38" s="277">
        <v>1250</v>
      </c>
      <c r="CL38" s="278">
        <v>1250</v>
      </c>
      <c r="CM38" s="273">
        <v>0</v>
      </c>
      <c r="CN38" s="274">
        <v>0</v>
      </c>
      <c r="CO38" s="275">
        <v>0</v>
      </c>
      <c r="CP38" s="276">
        <v>0</v>
      </c>
      <c r="CQ38" s="274">
        <v>0</v>
      </c>
      <c r="CR38" s="274">
        <v>0</v>
      </c>
      <c r="CS38" s="274">
        <v>0</v>
      </c>
      <c r="CT38" s="274">
        <v>0</v>
      </c>
      <c r="CU38" s="274">
        <v>0</v>
      </c>
      <c r="CV38" s="277">
        <v>0</v>
      </c>
      <c r="CW38" s="278">
        <v>0</v>
      </c>
      <c r="CX38" s="273">
        <v>0</v>
      </c>
      <c r="CY38" s="274">
        <v>0</v>
      </c>
      <c r="CZ38" s="275">
        <v>0</v>
      </c>
      <c r="DA38" s="279"/>
      <c r="DB38" s="274">
        <v>0</v>
      </c>
      <c r="DC38" s="274">
        <v>0</v>
      </c>
      <c r="DD38" s="274">
        <v>0</v>
      </c>
      <c r="DE38" s="274">
        <v>0</v>
      </c>
      <c r="DF38" s="274">
        <v>0</v>
      </c>
      <c r="DG38" s="277">
        <v>0</v>
      </c>
      <c r="DH38" s="278">
        <v>0</v>
      </c>
      <c r="DI38" s="273">
        <v>1410</v>
      </c>
      <c r="DJ38" s="274">
        <v>0</v>
      </c>
      <c r="DK38" s="275">
        <v>1410</v>
      </c>
      <c r="DL38" s="276">
        <v>0</v>
      </c>
      <c r="DM38" s="274">
        <v>73434</v>
      </c>
      <c r="DN38" s="274">
        <v>41517</v>
      </c>
      <c r="DO38" s="274">
        <v>329332</v>
      </c>
      <c r="DP38" s="274">
        <v>475366</v>
      </c>
      <c r="DQ38" s="274">
        <v>346800</v>
      </c>
      <c r="DR38" s="277">
        <v>1266449</v>
      </c>
      <c r="DS38" s="280">
        <v>1267859</v>
      </c>
      <c r="DT38" s="273">
        <v>0</v>
      </c>
      <c r="DU38" s="274">
        <v>0</v>
      </c>
      <c r="DV38" s="275">
        <v>0</v>
      </c>
      <c r="DW38" s="279"/>
      <c r="DX38" s="274">
        <v>14550</v>
      </c>
      <c r="DY38" s="274">
        <v>27185</v>
      </c>
      <c r="DZ38" s="274">
        <v>248340</v>
      </c>
      <c r="EA38" s="274">
        <v>424200</v>
      </c>
      <c r="EB38" s="274">
        <v>323550</v>
      </c>
      <c r="EC38" s="277">
        <v>1037825</v>
      </c>
      <c r="ED38" s="278">
        <v>1037825</v>
      </c>
      <c r="EE38" s="273">
        <v>0</v>
      </c>
      <c r="EF38" s="274">
        <v>0</v>
      </c>
      <c r="EG38" s="275">
        <v>0</v>
      </c>
      <c r="EH38" s="279"/>
      <c r="EI38" s="274">
        <v>22089</v>
      </c>
      <c r="EJ38" s="274">
        <v>12392</v>
      </c>
      <c r="EK38" s="274">
        <v>2702</v>
      </c>
      <c r="EL38" s="274">
        <v>630</v>
      </c>
      <c r="EM38" s="274">
        <v>420</v>
      </c>
      <c r="EN38" s="277">
        <v>38233</v>
      </c>
      <c r="EO38" s="278">
        <v>38233</v>
      </c>
      <c r="EP38" s="273">
        <v>0</v>
      </c>
      <c r="EQ38" s="274">
        <v>0</v>
      </c>
      <c r="ER38" s="275">
        <v>0</v>
      </c>
      <c r="ES38" s="279"/>
      <c r="ET38" s="274">
        <v>0</v>
      </c>
      <c r="EU38" s="274">
        <v>0</v>
      </c>
      <c r="EV38" s="274">
        <v>0</v>
      </c>
      <c r="EW38" s="274">
        <v>0</v>
      </c>
      <c r="EX38" s="274">
        <v>0</v>
      </c>
      <c r="EY38" s="277">
        <v>0</v>
      </c>
      <c r="EZ38" s="278">
        <v>0</v>
      </c>
      <c r="FA38" s="273">
        <v>0</v>
      </c>
      <c r="FB38" s="274">
        <v>0</v>
      </c>
      <c r="FC38" s="275">
        <v>0</v>
      </c>
      <c r="FD38" s="279"/>
      <c r="FE38" s="274">
        <v>420</v>
      </c>
      <c r="FF38" s="274">
        <v>0</v>
      </c>
      <c r="FG38" s="274">
        <v>33930</v>
      </c>
      <c r="FH38" s="274">
        <v>22830</v>
      </c>
      <c r="FI38" s="274">
        <v>22830</v>
      </c>
      <c r="FJ38" s="277">
        <v>80010</v>
      </c>
      <c r="FK38" s="278">
        <v>80010</v>
      </c>
      <c r="FL38" s="273">
        <v>0</v>
      </c>
      <c r="FM38" s="274">
        <v>0</v>
      </c>
      <c r="FN38" s="275">
        <v>0</v>
      </c>
      <c r="FO38" s="279"/>
      <c r="FP38" s="274">
        <v>0</v>
      </c>
      <c r="FQ38" s="274">
        <v>0</v>
      </c>
      <c r="FR38" s="274">
        <v>0</v>
      </c>
      <c r="FS38" s="274">
        <v>0</v>
      </c>
      <c r="FT38" s="274">
        <v>0</v>
      </c>
      <c r="FU38" s="277">
        <v>0</v>
      </c>
      <c r="FV38" s="278">
        <v>0</v>
      </c>
      <c r="FW38" s="273">
        <v>1410</v>
      </c>
      <c r="FX38" s="274">
        <v>0</v>
      </c>
      <c r="FY38" s="275">
        <v>1410</v>
      </c>
      <c r="FZ38" s="276">
        <v>0</v>
      </c>
      <c r="GA38" s="274">
        <v>36375</v>
      </c>
      <c r="GB38" s="274">
        <v>1940</v>
      </c>
      <c r="GC38" s="274">
        <v>44332</v>
      </c>
      <c r="GD38" s="274">
        <v>27706</v>
      </c>
      <c r="GE38" s="274">
        <v>0</v>
      </c>
      <c r="GF38" s="277">
        <v>110353</v>
      </c>
      <c r="GG38" s="278">
        <v>111763</v>
      </c>
      <c r="GH38" s="273">
        <v>0</v>
      </c>
      <c r="GI38" s="274">
        <v>0</v>
      </c>
      <c r="GJ38" s="275">
        <v>0</v>
      </c>
      <c r="GK38" s="276">
        <v>0</v>
      </c>
      <c r="GL38" s="274">
        <v>0</v>
      </c>
      <c r="GM38" s="274">
        <v>0</v>
      </c>
      <c r="GN38" s="274">
        <v>28</v>
      </c>
      <c r="GO38" s="274">
        <v>0</v>
      </c>
      <c r="GP38" s="274">
        <v>0</v>
      </c>
      <c r="GQ38" s="277">
        <v>28</v>
      </c>
      <c r="GR38" s="278">
        <v>28</v>
      </c>
      <c r="GS38" s="273">
        <v>0</v>
      </c>
      <c r="GT38" s="274">
        <v>0</v>
      </c>
      <c r="GU38" s="275">
        <v>0</v>
      </c>
      <c r="GV38" s="276">
        <v>0</v>
      </c>
      <c r="GW38" s="274">
        <v>0</v>
      </c>
      <c r="GX38" s="274">
        <v>0</v>
      </c>
      <c r="GY38" s="274">
        <v>0</v>
      </c>
      <c r="GZ38" s="274">
        <v>0</v>
      </c>
      <c r="HA38" s="274">
        <v>0</v>
      </c>
      <c r="HB38" s="277">
        <v>0</v>
      </c>
      <c r="HC38" s="278">
        <v>0</v>
      </c>
      <c r="HD38" s="273">
        <v>0</v>
      </c>
      <c r="HE38" s="274">
        <v>0</v>
      </c>
      <c r="HF38" s="275">
        <v>0</v>
      </c>
      <c r="HG38" s="279"/>
      <c r="HH38" s="274">
        <v>0</v>
      </c>
      <c r="HI38" s="274">
        <v>0</v>
      </c>
      <c r="HJ38" s="274">
        <v>0</v>
      </c>
      <c r="HK38" s="274">
        <v>0</v>
      </c>
      <c r="HL38" s="274">
        <v>0</v>
      </c>
      <c r="HM38" s="277">
        <v>0</v>
      </c>
      <c r="HN38" s="278">
        <v>0</v>
      </c>
      <c r="HO38" s="273">
        <v>3295</v>
      </c>
      <c r="HP38" s="274">
        <v>0</v>
      </c>
      <c r="HQ38" s="275">
        <v>3295</v>
      </c>
      <c r="HR38" s="276">
        <v>0</v>
      </c>
      <c r="HS38" s="274">
        <v>326249</v>
      </c>
      <c r="HT38" s="274">
        <v>253817</v>
      </c>
      <c r="HU38" s="274">
        <v>1006572</v>
      </c>
      <c r="HV38" s="274">
        <v>989471</v>
      </c>
      <c r="HW38" s="274">
        <v>726150</v>
      </c>
      <c r="HX38" s="277">
        <v>3302259</v>
      </c>
      <c r="HY38" s="278">
        <v>3305554</v>
      </c>
    </row>
    <row r="39" spans="2:233" ht="21" customHeight="1" x14ac:dyDescent="0.2">
      <c r="B39" s="472" t="s">
        <v>36</v>
      </c>
      <c r="C39" s="273">
        <v>0</v>
      </c>
      <c r="D39" s="274">
        <v>0</v>
      </c>
      <c r="E39" s="275">
        <v>0</v>
      </c>
      <c r="F39" s="276">
        <v>0</v>
      </c>
      <c r="G39" s="274">
        <v>182899</v>
      </c>
      <c r="H39" s="274">
        <v>145004</v>
      </c>
      <c r="I39" s="274">
        <v>960327</v>
      </c>
      <c r="J39" s="274">
        <v>971681</v>
      </c>
      <c r="K39" s="274">
        <v>675647</v>
      </c>
      <c r="L39" s="277">
        <v>2935558</v>
      </c>
      <c r="M39" s="278">
        <v>2935558</v>
      </c>
      <c r="N39" s="273">
        <v>0</v>
      </c>
      <c r="O39" s="274">
        <v>0</v>
      </c>
      <c r="P39" s="275">
        <v>0</v>
      </c>
      <c r="Q39" s="279"/>
      <c r="R39" s="274">
        <v>0</v>
      </c>
      <c r="S39" s="274">
        <v>31650</v>
      </c>
      <c r="T39" s="274">
        <v>556150</v>
      </c>
      <c r="U39" s="274">
        <v>651444</v>
      </c>
      <c r="V39" s="274">
        <v>391005</v>
      </c>
      <c r="W39" s="277">
        <v>1630249</v>
      </c>
      <c r="X39" s="278">
        <v>1630249</v>
      </c>
      <c r="Y39" s="273">
        <v>0</v>
      </c>
      <c r="Z39" s="274">
        <v>0</v>
      </c>
      <c r="AA39" s="275">
        <v>0</v>
      </c>
      <c r="AB39" s="279"/>
      <c r="AC39" s="274">
        <v>148477</v>
      </c>
      <c r="AD39" s="274">
        <v>60365</v>
      </c>
      <c r="AE39" s="274">
        <v>391307</v>
      </c>
      <c r="AF39" s="274">
        <v>232592</v>
      </c>
      <c r="AG39" s="274">
        <v>249807</v>
      </c>
      <c r="AH39" s="277">
        <v>1082548</v>
      </c>
      <c r="AI39" s="278">
        <v>1082548</v>
      </c>
      <c r="AJ39" s="273">
        <v>0</v>
      </c>
      <c r="AK39" s="274">
        <v>0</v>
      </c>
      <c r="AL39" s="275">
        <v>0</v>
      </c>
      <c r="AM39" s="279"/>
      <c r="AN39" s="274">
        <v>0</v>
      </c>
      <c r="AO39" s="274">
        <v>0</v>
      </c>
      <c r="AP39" s="274">
        <v>0</v>
      </c>
      <c r="AQ39" s="274">
        <v>0</v>
      </c>
      <c r="AR39" s="274">
        <v>0</v>
      </c>
      <c r="AS39" s="277">
        <v>0</v>
      </c>
      <c r="AT39" s="278">
        <v>0</v>
      </c>
      <c r="AU39" s="273">
        <v>0</v>
      </c>
      <c r="AV39" s="274">
        <v>0</v>
      </c>
      <c r="AW39" s="275">
        <v>0</v>
      </c>
      <c r="AX39" s="279"/>
      <c r="AY39" s="274">
        <v>0</v>
      </c>
      <c r="AZ39" s="274">
        <v>0</v>
      </c>
      <c r="BA39" s="274">
        <v>0</v>
      </c>
      <c r="BB39" s="274">
        <v>84600</v>
      </c>
      <c r="BC39" s="274">
        <v>3165</v>
      </c>
      <c r="BD39" s="277">
        <v>87765</v>
      </c>
      <c r="BE39" s="278">
        <v>87765</v>
      </c>
      <c r="BF39" s="273">
        <v>0</v>
      </c>
      <c r="BG39" s="274">
        <v>0</v>
      </c>
      <c r="BH39" s="275">
        <v>0</v>
      </c>
      <c r="BI39" s="279"/>
      <c r="BJ39" s="274">
        <v>0</v>
      </c>
      <c r="BK39" s="274">
        <v>0</v>
      </c>
      <c r="BL39" s="274">
        <v>0</v>
      </c>
      <c r="BM39" s="274">
        <v>0</v>
      </c>
      <c r="BN39" s="274">
        <v>0</v>
      </c>
      <c r="BO39" s="277">
        <v>0</v>
      </c>
      <c r="BP39" s="278">
        <v>0</v>
      </c>
      <c r="BQ39" s="273">
        <v>0</v>
      </c>
      <c r="BR39" s="274">
        <v>0</v>
      </c>
      <c r="BS39" s="275">
        <v>0</v>
      </c>
      <c r="BT39" s="276">
        <v>0</v>
      </c>
      <c r="BU39" s="274">
        <v>30332</v>
      </c>
      <c r="BV39" s="274">
        <v>52989</v>
      </c>
      <c r="BW39" s="274">
        <v>12870</v>
      </c>
      <c r="BX39" s="274">
        <v>3045</v>
      </c>
      <c r="BY39" s="274">
        <v>31670</v>
      </c>
      <c r="BZ39" s="277">
        <v>130906</v>
      </c>
      <c r="CA39" s="278">
        <v>130906</v>
      </c>
      <c r="CB39" s="273">
        <v>0</v>
      </c>
      <c r="CC39" s="274">
        <v>0</v>
      </c>
      <c r="CD39" s="275">
        <v>0</v>
      </c>
      <c r="CE39" s="276">
        <v>0</v>
      </c>
      <c r="CF39" s="274">
        <v>4090</v>
      </c>
      <c r="CG39" s="274">
        <v>0</v>
      </c>
      <c r="CH39" s="274">
        <v>0</v>
      </c>
      <c r="CI39" s="274">
        <v>0</v>
      </c>
      <c r="CJ39" s="274">
        <v>0</v>
      </c>
      <c r="CK39" s="277">
        <v>4090</v>
      </c>
      <c r="CL39" s="278">
        <v>4090</v>
      </c>
      <c r="CM39" s="273">
        <v>0</v>
      </c>
      <c r="CN39" s="274">
        <v>0</v>
      </c>
      <c r="CO39" s="275">
        <v>0</v>
      </c>
      <c r="CP39" s="276">
        <v>0</v>
      </c>
      <c r="CQ39" s="274">
        <v>0</v>
      </c>
      <c r="CR39" s="274">
        <v>0</v>
      </c>
      <c r="CS39" s="274">
        <v>0</v>
      </c>
      <c r="CT39" s="274">
        <v>0</v>
      </c>
      <c r="CU39" s="274">
        <v>0</v>
      </c>
      <c r="CV39" s="277">
        <v>0</v>
      </c>
      <c r="CW39" s="278">
        <v>0</v>
      </c>
      <c r="CX39" s="273">
        <v>0</v>
      </c>
      <c r="CY39" s="274">
        <v>0</v>
      </c>
      <c r="CZ39" s="275">
        <v>0</v>
      </c>
      <c r="DA39" s="279"/>
      <c r="DB39" s="274">
        <v>0</v>
      </c>
      <c r="DC39" s="274">
        <v>0</v>
      </c>
      <c r="DD39" s="274">
        <v>0</v>
      </c>
      <c r="DE39" s="274">
        <v>0</v>
      </c>
      <c r="DF39" s="274">
        <v>0</v>
      </c>
      <c r="DG39" s="277">
        <v>0</v>
      </c>
      <c r="DH39" s="278">
        <v>0</v>
      </c>
      <c r="DI39" s="273">
        <v>0</v>
      </c>
      <c r="DJ39" s="274">
        <v>0</v>
      </c>
      <c r="DK39" s="275">
        <v>0</v>
      </c>
      <c r="DL39" s="276">
        <v>0</v>
      </c>
      <c r="DM39" s="274">
        <v>44351</v>
      </c>
      <c r="DN39" s="274">
        <v>72681</v>
      </c>
      <c r="DO39" s="274">
        <v>779124</v>
      </c>
      <c r="DP39" s="274">
        <v>909098</v>
      </c>
      <c r="DQ39" s="274">
        <v>694234</v>
      </c>
      <c r="DR39" s="277">
        <v>2499488</v>
      </c>
      <c r="DS39" s="280">
        <v>2499488</v>
      </c>
      <c r="DT39" s="273">
        <v>0</v>
      </c>
      <c r="DU39" s="274">
        <v>0</v>
      </c>
      <c r="DV39" s="275">
        <v>0</v>
      </c>
      <c r="DW39" s="279"/>
      <c r="DX39" s="274">
        <v>0</v>
      </c>
      <c r="DY39" s="274">
        <v>14550</v>
      </c>
      <c r="DZ39" s="274">
        <v>742508</v>
      </c>
      <c r="EA39" s="274">
        <v>852453</v>
      </c>
      <c r="EB39" s="274">
        <v>658153</v>
      </c>
      <c r="EC39" s="277">
        <v>2267664</v>
      </c>
      <c r="ED39" s="278">
        <v>2267664</v>
      </c>
      <c r="EE39" s="273">
        <v>0</v>
      </c>
      <c r="EF39" s="274">
        <v>0</v>
      </c>
      <c r="EG39" s="275">
        <v>0</v>
      </c>
      <c r="EH39" s="279"/>
      <c r="EI39" s="274">
        <v>7175</v>
      </c>
      <c r="EJ39" s="274">
        <v>1470</v>
      </c>
      <c r="EK39" s="274">
        <v>5173</v>
      </c>
      <c r="EL39" s="274">
        <v>25935</v>
      </c>
      <c r="EM39" s="274">
        <v>3768</v>
      </c>
      <c r="EN39" s="277">
        <v>43521</v>
      </c>
      <c r="EO39" s="278">
        <v>43521</v>
      </c>
      <c r="EP39" s="273">
        <v>0</v>
      </c>
      <c r="EQ39" s="274">
        <v>0</v>
      </c>
      <c r="ER39" s="275">
        <v>0</v>
      </c>
      <c r="ES39" s="279"/>
      <c r="ET39" s="274">
        <v>0</v>
      </c>
      <c r="EU39" s="274">
        <v>0</v>
      </c>
      <c r="EV39" s="274">
        <v>0</v>
      </c>
      <c r="EW39" s="274">
        <v>0</v>
      </c>
      <c r="EX39" s="274">
        <v>0</v>
      </c>
      <c r="EY39" s="277">
        <v>0</v>
      </c>
      <c r="EZ39" s="278">
        <v>0</v>
      </c>
      <c r="FA39" s="273">
        <v>0</v>
      </c>
      <c r="FB39" s="274">
        <v>0</v>
      </c>
      <c r="FC39" s="275">
        <v>0</v>
      </c>
      <c r="FD39" s="279"/>
      <c r="FE39" s="274">
        <v>0</v>
      </c>
      <c r="FF39" s="274">
        <v>0</v>
      </c>
      <c r="FG39" s="274">
        <v>0</v>
      </c>
      <c r="FH39" s="274">
        <v>11940</v>
      </c>
      <c r="FI39" s="274">
        <v>21</v>
      </c>
      <c r="FJ39" s="277">
        <v>11961</v>
      </c>
      <c r="FK39" s="278">
        <v>11961</v>
      </c>
      <c r="FL39" s="273">
        <v>0</v>
      </c>
      <c r="FM39" s="274">
        <v>0</v>
      </c>
      <c r="FN39" s="275">
        <v>0</v>
      </c>
      <c r="FO39" s="279"/>
      <c r="FP39" s="274">
        <v>0</v>
      </c>
      <c r="FQ39" s="274">
        <v>0</v>
      </c>
      <c r="FR39" s="274">
        <v>0</v>
      </c>
      <c r="FS39" s="274">
        <v>0</v>
      </c>
      <c r="FT39" s="274">
        <v>0</v>
      </c>
      <c r="FU39" s="277">
        <v>0</v>
      </c>
      <c r="FV39" s="278">
        <v>0</v>
      </c>
      <c r="FW39" s="273">
        <v>0</v>
      </c>
      <c r="FX39" s="274">
        <v>0</v>
      </c>
      <c r="FY39" s="275">
        <v>0</v>
      </c>
      <c r="FZ39" s="276">
        <v>0</v>
      </c>
      <c r="GA39" s="274">
        <v>37141</v>
      </c>
      <c r="GB39" s="274">
        <v>56661</v>
      </c>
      <c r="GC39" s="274">
        <v>31443</v>
      </c>
      <c r="GD39" s="274">
        <v>18770</v>
      </c>
      <c r="GE39" s="274">
        <v>32292</v>
      </c>
      <c r="GF39" s="277">
        <v>176307</v>
      </c>
      <c r="GG39" s="278">
        <v>176307</v>
      </c>
      <c r="GH39" s="273">
        <v>0</v>
      </c>
      <c r="GI39" s="274">
        <v>0</v>
      </c>
      <c r="GJ39" s="275">
        <v>0</v>
      </c>
      <c r="GK39" s="276">
        <v>0</v>
      </c>
      <c r="GL39" s="274">
        <v>35</v>
      </c>
      <c r="GM39" s="274">
        <v>0</v>
      </c>
      <c r="GN39" s="274">
        <v>0</v>
      </c>
      <c r="GO39" s="274">
        <v>0</v>
      </c>
      <c r="GP39" s="274">
        <v>0</v>
      </c>
      <c r="GQ39" s="277">
        <v>35</v>
      </c>
      <c r="GR39" s="278">
        <v>35</v>
      </c>
      <c r="GS39" s="273">
        <v>0</v>
      </c>
      <c r="GT39" s="274">
        <v>0</v>
      </c>
      <c r="GU39" s="275">
        <v>0</v>
      </c>
      <c r="GV39" s="276">
        <v>0</v>
      </c>
      <c r="GW39" s="274">
        <v>0</v>
      </c>
      <c r="GX39" s="274">
        <v>0</v>
      </c>
      <c r="GY39" s="274">
        <v>0</v>
      </c>
      <c r="GZ39" s="274">
        <v>0</v>
      </c>
      <c r="HA39" s="274">
        <v>0</v>
      </c>
      <c r="HB39" s="277">
        <v>0</v>
      </c>
      <c r="HC39" s="278">
        <v>0</v>
      </c>
      <c r="HD39" s="273">
        <v>0</v>
      </c>
      <c r="HE39" s="274">
        <v>0</v>
      </c>
      <c r="HF39" s="275">
        <v>0</v>
      </c>
      <c r="HG39" s="279"/>
      <c r="HH39" s="274">
        <v>0</v>
      </c>
      <c r="HI39" s="274">
        <v>0</v>
      </c>
      <c r="HJ39" s="274">
        <v>0</v>
      </c>
      <c r="HK39" s="274">
        <v>0</v>
      </c>
      <c r="HL39" s="274">
        <v>0</v>
      </c>
      <c r="HM39" s="277">
        <v>0</v>
      </c>
      <c r="HN39" s="278">
        <v>0</v>
      </c>
      <c r="HO39" s="273">
        <v>0</v>
      </c>
      <c r="HP39" s="274">
        <v>0</v>
      </c>
      <c r="HQ39" s="275">
        <v>0</v>
      </c>
      <c r="HR39" s="276">
        <v>0</v>
      </c>
      <c r="HS39" s="274">
        <v>227250</v>
      </c>
      <c r="HT39" s="274">
        <v>217685</v>
      </c>
      <c r="HU39" s="274">
        <v>1739451</v>
      </c>
      <c r="HV39" s="274">
        <v>1880779</v>
      </c>
      <c r="HW39" s="274">
        <v>1369881</v>
      </c>
      <c r="HX39" s="277">
        <v>5435046</v>
      </c>
      <c r="HY39" s="278">
        <v>5435046</v>
      </c>
    </row>
    <row r="40" spans="2:233" ht="21" customHeight="1" thickBot="1" x14ac:dyDescent="0.25">
      <c r="B40" s="473" t="s">
        <v>37</v>
      </c>
      <c r="C40" s="281">
        <v>0</v>
      </c>
      <c r="D40" s="282">
        <v>0</v>
      </c>
      <c r="E40" s="283">
        <v>0</v>
      </c>
      <c r="F40" s="284">
        <v>0</v>
      </c>
      <c r="G40" s="282">
        <v>0</v>
      </c>
      <c r="H40" s="282">
        <v>23850</v>
      </c>
      <c r="I40" s="282">
        <v>72395</v>
      </c>
      <c r="J40" s="282">
        <v>62385</v>
      </c>
      <c r="K40" s="282">
        <v>60600</v>
      </c>
      <c r="L40" s="285">
        <v>219230</v>
      </c>
      <c r="M40" s="286">
        <v>219230</v>
      </c>
      <c r="N40" s="281">
        <v>0</v>
      </c>
      <c r="O40" s="282">
        <v>0</v>
      </c>
      <c r="P40" s="283">
        <v>0</v>
      </c>
      <c r="Q40" s="287"/>
      <c r="R40" s="282">
        <v>0</v>
      </c>
      <c r="S40" s="282">
        <v>0</v>
      </c>
      <c r="T40" s="282">
        <v>38195</v>
      </c>
      <c r="U40" s="282">
        <v>30735</v>
      </c>
      <c r="V40" s="282">
        <v>36750</v>
      </c>
      <c r="W40" s="285">
        <v>105680</v>
      </c>
      <c r="X40" s="286">
        <v>105680</v>
      </c>
      <c r="Y40" s="281">
        <v>0</v>
      </c>
      <c r="Z40" s="282">
        <v>0</v>
      </c>
      <c r="AA40" s="283">
        <v>0</v>
      </c>
      <c r="AB40" s="287"/>
      <c r="AC40" s="282">
        <v>0</v>
      </c>
      <c r="AD40" s="282">
        <v>23850</v>
      </c>
      <c r="AE40" s="282">
        <v>34200</v>
      </c>
      <c r="AF40" s="282">
        <v>31650</v>
      </c>
      <c r="AG40" s="282">
        <v>23850</v>
      </c>
      <c r="AH40" s="285">
        <v>113550</v>
      </c>
      <c r="AI40" s="286">
        <v>113550</v>
      </c>
      <c r="AJ40" s="281">
        <v>0</v>
      </c>
      <c r="AK40" s="282">
        <v>0</v>
      </c>
      <c r="AL40" s="283">
        <v>0</v>
      </c>
      <c r="AM40" s="287"/>
      <c r="AN40" s="282">
        <v>0</v>
      </c>
      <c r="AO40" s="282">
        <v>0</v>
      </c>
      <c r="AP40" s="282">
        <v>0</v>
      </c>
      <c r="AQ40" s="282">
        <v>0</v>
      </c>
      <c r="AR40" s="282">
        <v>0</v>
      </c>
      <c r="AS40" s="285">
        <v>0</v>
      </c>
      <c r="AT40" s="286">
        <v>0</v>
      </c>
      <c r="AU40" s="281">
        <v>0</v>
      </c>
      <c r="AV40" s="282">
        <v>0</v>
      </c>
      <c r="AW40" s="283">
        <v>0</v>
      </c>
      <c r="AX40" s="287"/>
      <c r="AY40" s="282">
        <v>0</v>
      </c>
      <c r="AZ40" s="282">
        <v>0</v>
      </c>
      <c r="BA40" s="282">
        <v>0</v>
      </c>
      <c r="BB40" s="282">
        <v>0</v>
      </c>
      <c r="BC40" s="282">
        <v>0</v>
      </c>
      <c r="BD40" s="285">
        <v>0</v>
      </c>
      <c r="BE40" s="286">
        <v>0</v>
      </c>
      <c r="BF40" s="281">
        <v>0</v>
      </c>
      <c r="BG40" s="282">
        <v>0</v>
      </c>
      <c r="BH40" s="283">
        <v>0</v>
      </c>
      <c r="BI40" s="287"/>
      <c r="BJ40" s="282">
        <v>0</v>
      </c>
      <c r="BK40" s="282">
        <v>0</v>
      </c>
      <c r="BL40" s="282">
        <v>0</v>
      </c>
      <c r="BM40" s="282">
        <v>0</v>
      </c>
      <c r="BN40" s="282">
        <v>0</v>
      </c>
      <c r="BO40" s="285">
        <v>0</v>
      </c>
      <c r="BP40" s="286">
        <v>0</v>
      </c>
      <c r="BQ40" s="281">
        <v>0</v>
      </c>
      <c r="BR40" s="282">
        <v>0</v>
      </c>
      <c r="BS40" s="283">
        <v>0</v>
      </c>
      <c r="BT40" s="284">
        <v>0</v>
      </c>
      <c r="BU40" s="282">
        <v>0</v>
      </c>
      <c r="BV40" s="282">
        <v>0</v>
      </c>
      <c r="BW40" s="282">
        <v>0</v>
      </c>
      <c r="BX40" s="282">
        <v>0</v>
      </c>
      <c r="BY40" s="282">
        <v>0</v>
      </c>
      <c r="BZ40" s="285">
        <v>0</v>
      </c>
      <c r="CA40" s="286">
        <v>0</v>
      </c>
      <c r="CB40" s="281">
        <v>0</v>
      </c>
      <c r="CC40" s="282">
        <v>0</v>
      </c>
      <c r="CD40" s="283">
        <v>0</v>
      </c>
      <c r="CE40" s="284">
        <v>0</v>
      </c>
      <c r="CF40" s="282">
        <v>0</v>
      </c>
      <c r="CG40" s="282">
        <v>0</v>
      </c>
      <c r="CH40" s="282">
        <v>0</v>
      </c>
      <c r="CI40" s="282">
        <v>0</v>
      </c>
      <c r="CJ40" s="282">
        <v>0</v>
      </c>
      <c r="CK40" s="285">
        <v>0</v>
      </c>
      <c r="CL40" s="286">
        <v>0</v>
      </c>
      <c r="CM40" s="281">
        <v>0</v>
      </c>
      <c r="CN40" s="282">
        <v>0</v>
      </c>
      <c r="CO40" s="283">
        <v>0</v>
      </c>
      <c r="CP40" s="284">
        <v>0</v>
      </c>
      <c r="CQ40" s="282">
        <v>0</v>
      </c>
      <c r="CR40" s="282">
        <v>0</v>
      </c>
      <c r="CS40" s="282">
        <v>0</v>
      </c>
      <c r="CT40" s="282">
        <v>0</v>
      </c>
      <c r="CU40" s="282">
        <v>0</v>
      </c>
      <c r="CV40" s="285">
        <v>0</v>
      </c>
      <c r="CW40" s="286">
        <v>0</v>
      </c>
      <c r="CX40" s="281">
        <v>0</v>
      </c>
      <c r="CY40" s="282">
        <v>0</v>
      </c>
      <c r="CZ40" s="283">
        <v>0</v>
      </c>
      <c r="DA40" s="287"/>
      <c r="DB40" s="282">
        <v>0</v>
      </c>
      <c r="DC40" s="282">
        <v>0</v>
      </c>
      <c r="DD40" s="282">
        <v>0</v>
      </c>
      <c r="DE40" s="282">
        <v>0</v>
      </c>
      <c r="DF40" s="282">
        <v>0</v>
      </c>
      <c r="DG40" s="285">
        <v>0</v>
      </c>
      <c r="DH40" s="286">
        <v>0</v>
      </c>
      <c r="DI40" s="281">
        <v>0</v>
      </c>
      <c r="DJ40" s="282">
        <v>0</v>
      </c>
      <c r="DK40" s="283">
        <v>0</v>
      </c>
      <c r="DL40" s="284">
        <v>0</v>
      </c>
      <c r="DM40" s="282">
        <v>0</v>
      </c>
      <c r="DN40" s="282">
        <v>210</v>
      </c>
      <c r="DO40" s="282">
        <v>67800</v>
      </c>
      <c r="DP40" s="282">
        <v>58476</v>
      </c>
      <c r="DQ40" s="282">
        <v>50190</v>
      </c>
      <c r="DR40" s="285">
        <v>176676</v>
      </c>
      <c r="DS40" s="288">
        <v>176676</v>
      </c>
      <c r="DT40" s="281">
        <v>0</v>
      </c>
      <c r="DU40" s="282">
        <v>0</v>
      </c>
      <c r="DV40" s="283">
        <v>0</v>
      </c>
      <c r="DW40" s="287"/>
      <c r="DX40" s="282">
        <v>0</v>
      </c>
      <c r="DY40" s="282">
        <v>0</v>
      </c>
      <c r="DZ40" s="282">
        <v>67380</v>
      </c>
      <c r="EA40" s="282">
        <v>58266</v>
      </c>
      <c r="EB40" s="282">
        <v>49980</v>
      </c>
      <c r="EC40" s="285">
        <v>175626</v>
      </c>
      <c r="ED40" s="286">
        <v>175626</v>
      </c>
      <c r="EE40" s="281">
        <v>0</v>
      </c>
      <c r="EF40" s="282">
        <v>0</v>
      </c>
      <c r="EG40" s="283">
        <v>0</v>
      </c>
      <c r="EH40" s="287"/>
      <c r="EI40" s="282">
        <v>0</v>
      </c>
      <c r="EJ40" s="282">
        <v>210</v>
      </c>
      <c r="EK40" s="282">
        <v>420</v>
      </c>
      <c r="EL40" s="282">
        <v>210</v>
      </c>
      <c r="EM40" s="282">
        <v>210</v>
      </c>
      <c r="EN40" s="285">
        <v>1050</v>
      </c>
      <c r="EO40" s="286">
        <v>1050</v>
      </c>
      <c r="EP40" s="281">
        <v>0</v>
      </c>
      <c r="EQ40" s="282">
        <v>0</v>
      </c>
      <c r="ER40" s="283">
        <v>0</v>
      </c>
      <c r="ES40" s="287"/>
      <c r="ET40" s="282">
        <v>0</v>
      </c>
      <c r="EU40" s="282">
        <v>0</v>
      </c>
      <c r="EV40" s="282">
        <v>0</v>
      </c>
      <c r="EW40" s="282">
        <v>0</v>
      </c>
      <c r="EX40" s="282">
        <v>0</v>
      </c>
      <c r="EY40" s="285">
        <v>0</v>
      </c>
      <c r="EZ40" s="286">
        <v>0</v>
      </c>
      <c r="FA40" s="281">
        <v>0</v>
      </c>
      <c r="FB40" s="282">
        <v>0</v>
      </c>
      <c r="FC40" s="283">
        <v>0</v>
      </c>
      <c r="FD40" s="287"/>
      <c r="FE40" s="282">
        <v>0</v>
      </c>
      <c r="FF40" s="282">
        <v>0</v>
      </c>
      <c r="FG40" s="282">
        <v>0</v>
      </c>
      <c r="FH40" s="282">
        <v>0</v>
      </c>
      <c r="FI40" s="282">
        <v>0</v>
      </c>
      <c r="FJ40" s="285">
        <v>0</v>
      </c>
      <c r="FK40" s="286">
        <v>0</v>
      </c>
      <c r="FL40" s="281">
        <v>0</v>
      </c>
      <c r="FM40" s="282">
        <v>0</v>
      </c>
      <c r="FN40" s="283">
        <v>0</v>
      </c>
      <c r="FO40" s="287"/>
      <c r="FP40" s="282">
        <v>0</v>
      </c>
      <c r="FQ40" s="282">
        <v>0</v>
      </c>
      <c r="FR40" s="282">
        <v>0</v>
      </c>
      <c r="FS40" s="282">
        <v>0</v>
      </c>
      <c r="FT40" s="282">
        <v>0</v>
      </c>
      <c r="FU40" s="285">
        <v>0</v>
      </c>
      <c r="FV40" s="286">
        <v>0</v>
      </c>
      <c r="FW40" s="281">
        <v>0</v>
      </c>
      <c r="FX40" s="282">
        <v>0</v>
      </c>
      <c r="FY40" s="283">
        <v>0</v>
      </c>
      <c r="FZ40" s="284">
        <v>0</v>
      </c>
      <c r="GA40" s="282">
        <v>0</v>
      </c>
      <c r="GB40" s="282">
        <v>0</v>
      </c>
      <c r="GC40" s="282">
        <v>0</v>
      </c>
      <c r="GD40" s="282">
        <v>0</v>
      </c>
      <c r="GE40" s="282">
        <v>0</v>
      </c>
      <c r="GF40" s="285">
        <v>0</v>
      </c>
      <c r="GG40" s="286">
        <v>0</v>
      </c>
      <c r="GH40" s="281">
        <v>0</v>
      </c>
      <c r="GI40" s="282">
        <v>0</v>
      </c>
      <c r="GJ40" s="283">
        <v>0</v>
      </c>
      <c r="GK40" s="284">
        <v>0</v>
      </c>
      <c r="GL40" s="282">
        <v>0</v>
      </c>
      <c r="GM40" s="282">
        <v>0</v>
      </c>
      <c r="GN40" s="282">
        <v>0</v>
      </c>
      <c r="GO40" s="282">
        <v>0</v>
      </c>
      <c r="GP40" s="282">
        <v>0</v>
      </c>
      <c r="GQ40" s="285">
        <v>0</v>
      </c>
      <c r="GR40" s="286">
        <v>0</v>
      </c>
      <c r="GS40" s="281">
        <v>0</v>
      </c>
      <c r="GT40" s="282">
        <v>0</v>
      </c>
      <c r="GU40" s="283">
        <v>0</v>
      </c>
      <c r="GV40" s="284">
        <v>0</v>
      </c>
      <c r="GW40" s="282">
        <v>0</v>
      </c>
      <c r="GX40" s="282">
        <v>0</v>
      </c>
      <c r="GY40" s="282">
        <v>0</v>
      </c>
      <c r="GZ40" s="282">
        <v>0</v>
      </c>
      <c r="HA40" s="282">
        <v>0</v>
      </c>
      <c r="HB40" s="285">
        <v>0</v>
      </c>
      <c r="HC40" s="286">
        <v>0</v>
      </c>
      <c r="HD40" s="281">
        <v>0</v>
      </c>
      <c r="HE40" s="282">
        <v>0</v>
      </c>
      <c r="HF40" s="283">
        <v>0</v>
      </c>
      <c r="HG40" s="287"/>
      <c r="HH40" s="282">
        <v>0</v>
      </c>
      <c r="HI40" s="282">
        <v>0</v>
      </c>
      <c r="HJ40" s="282">
        <v>0</v>
      </c>
      <c r="HK40" s="282">
        <v>0</v>
      </c>
      <c r="HL40" s="282">
        <v>0</v>
      </c>
      <c r="HM40" s="285">
        <v>0</v>
      </c>
      <c r="HN40" s="286">
        <v>0</v>
      </c>
      <c r="HO40" s="281">
        <v>0</v>
      </c>
      <c r="HP40" s="282">
        <v>0</v>
      </c>
      <c r="HQ40" s="283">
        <v>0</v>
      </c>
      <c r="HR40" s="284">
        <v>0</v>
      </c>
      <c r="HS40" s="282">
        <v>0</v>
      </c>
      <c r="HT40" s="282">
        <v>24060</v>
      </c>
      <c r="HU40" s="282">
        <v>140195</v>
      </c>
      <c r="HV40" s="282">
        <v>120861</v>
      </c>
      <c r="HW40" s="282">
        <v>110790</v>
      </c>
      <c r="HX40" s="285">
        <v>395906</v>
      </c>
      <c r="HY40" s="286">
        <v>395906</v>
      </c>
    </row>
    <row r="41" spans="2:233" x14ac:dyDescent="0.2">
      <c r="B41" s="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1</v>
      </c>
      <c r="F1" s="500">
        <f>第１表!F2</f>
        <v>5</v>
      </c>
      <c r="G1" s="500"/>
      <c r="H1" s="235">
        <f>第１表!G2</f>
        <v>11</v>
      </c>
      <c r="I1" s="482">
        <f>H1</f>
        <v>11</v>
      </c>
      <c r="J1" s="482"/>
    </row>
    <row r="2" spans="2:299" ht="24" customHeight="1" thickBot="1" x14ac:dyDescent="0.25">
      <c r="B2" s="15" t="s">
        <v>131</v>
      </c>
    </row>
    <row r="3" spans="2:299" ht="21" customHeight="1" thickBot="1" x14ac:dyDescent="0.25">
      <c r="B3" s="483" t="s">
        <v>38</v>
      </c>
      <c r="C3" s="495" t="s">
        <v>96</v>
      </c>
      <c r="D3" s="495"/>
      <c r="E3" s="495"/>
      <c r="F3" s="495"/>
      <c r="G3" s="495"/>
      <c r="H3" s="495"/>
      <c r="I3" s="495"/>
      <c r="J3" s="495"/>
      <c r="K3" s="495"/>
      <c r="L3" s="495"/>
      <c r="M3" s="495"/>
      <c r="N3" s="495"/>
      <c r="O3" s="495"/>
      <c r="P3" s="495"/>
      <c r="Q3" s="495"/>
      <c r="R3" s="495"/>
      <c r="S3" s="495"/>
      <c r="T3" s="495"/>
      <c r="U3" s="495"/>
      <c r="V3" s="495"/>
      <c r="W3" s="495"/>
      <c r="X3" s="495"/>
      <c r="Y3" s="495"/>
      <c r="Z3" s="495"/>
      <c r="AA3" s="495"/>
      <c r="AB3" s="495"/>
      <c r="AC3" s="495"/>
      <c r="AD3" s="495"/>
      <c r="AE3" s="495"/>
      <c r="AF3" s="495"/>
      <c r="AG3" s="495"/>
      <c r="AH3" s="495"/>
      <c r="AI3" s="495"/>
      <c r="AJ3" s="495"/>
      <c r="AK3" s="495"/>
      <c r="AL3" s="495"/>
      <c r="AM3" s="495"/>
      <c r="AN3" s="495"/>
      <c r="AO3" s="495"/>
      <c r="AP3" s="495"/>
      <c r="AQ3" s="495"/>
      <c r="AR3" s="495"/>
      <c r="AS3" s="495"/>
      <c r="AT3" s="495"/>
      <c r="AU3" s="495"/>
      <c r="AV3" s="495"/>
      <c r="AW3" s="495"/>
      <c r="AX3" s="495"/>
      <c r="AY3" s="495"/>
      <c r="AZ3" s="495"/>
      <c r="BA3" s="495"/>
      <c r="BB3" s="495"/>
      <c r="BC3" s="495"/>
      <c r="BD3" s="495"/>
      <c r="BE3" s="495"/>
      <c r="BF3" s="495"/>
      <c r="BG3" s="495"/>
      <c r="BH3" s="495"/>
      <c r="BI3" s="495"/>
      <c r="BJ3" s="495"/>
      <c r="BK3" s="495"/>
      <c r="BL3" s="495"/>
      <c r="BM3" s="495"/>
      <c r="BN3" s="495"/>
      <c r="BO3" s="495"/>
      <c r="BP3" s="495"/>
      <c r="BQ3" s="495"/>
      <c r="BR3" s="495"/>
      <c r="BS3" s="495"/>
      <c r="BT3" s="495"/>
      <c r="BU3" s="495"/>
      <c r="BV3" s="495"/>
      <c r="BW3" s="495"/>
      <c r="BX3" s="495"/>
      <c r="BY3" s="495"/>
      <c r="BZ3" s="495"/>
      <c r="CA3" s="495"/>
      <c r="CB3" s="495"/>
      <c r="CC3" s="495"/>
      <c r="CD3" s="495"/>
      <c r="CE3" s="495"/>
      <c r="CF3" s="495"/>
      <c r="CG3" s="495"/>
      <c r="CH3" s="495"/>
      <c r="CI3" s="495"/>
      <c r="CJ3" s="495"/>
      <c r="CK3" s="495"/>
      <c r="CL3" s="495"/>
      <c r="CM3" s="495"/>
      <c r="CN3" s="495"/>
      <c r="CO3" s="495"/>
      <c r="CP3" s="495"/>
      <c r="CQ3" s="495"/>
      <c r="CR3" s="495"/>
      <c r="CS3" s="495"/>
      <c r="CT3" s="495"/>
      <c r="CU3" s="495"/>
      <c r="CV3" s="495"/>
      <c r="CW3" s="496"/>
      <c r="CX3" s="495" t="s">
        <v>103</v>
      </c>
      <c r="CY3" s="495"/>
      <c r="CZ3" s="495"/>
      <c r="DA3" s="495"/>
      <c r="DB3" s="495"/>
      <c r="DC3" s="495"/>
      <c r="DD3" s="495"/>
      <c r="DE3" s="495"/>
      <c r="DF3" s="495"/>
      <c r="DG3" s="495"/>
      <c r="DH3" s="495"/>
      <c r="DI3" s="495"/>
      <c r="DJ3" s="495"/>
      <c r="DK3" s="495"/>
      <c r="DL3" s="495"/>
      <c r="DM3" s="495"/>
      <c r="DN3" s="495"/>
      <c r="DO3" s="495"/>
      <c r="DP3" s="495"/>
      <c r="DQ3" s="495"/>
      <c r="DR3" s="495"/>
      <c r="DS3" s="495"/>
      <c r="DT3" s="495"/>
      <c r="DU3" s="495"/>
      <c r="DV3" s="495"/>
      <c r="DW3" s="495"/>
      <c r="DX3" s="495"/>
      <c r="DY3" s="495"/>
      <c r="DZ3" s="495"/>
      <c r="EA3" s="495"/>
      <c r="EB3" s="495"/>
      <c r="EC3" s="495"/>
      <c r="ED3" s="495"/>
      <c r="EE3" s="495"/>
      <c r="EF3" s="495"/>
      <c r="EG3" s="495"/>
      <c r="EH3" s="495"/>
      <c r="EI3" s="495"/>
      <c r="EJ3" s="495"/>
      <c r="EK3" s="495"/>
      <c r="EL3" s="495"/>
      <c r="EM3" s="495"/>
      <c r="EN3" s="495"/>
      <c r="EO3" s="495"/>
      <c r="EP3" s="495"/>
      <c r="EQ3" s="495"/>
      <c r="ER3" s="495"/>
      <c r="ES3" s="495"/>
      <c r="ET3" s="495"/>
      <c r="EU3" s="495"/>
      <c r="EV3" s="495"/>
      <c r="EW3" s="495"/>
      <c r="EX3" s="495"/>
      <c r="EY3" s="495"/>
      <c r="EZ3" s="495"/>
      <c r="FA3" s="495"/>
      <c r="FB3" s="495"/>
      <c r="FC3" s="495"/>
      <c r="FD3" s="495"/>
      <c r="FE3" s="495"/>
      <c r="FF3" s="495"/>
      <c r="FG3" s="495"/>
      <c r="FH3" s="495"/>
      <c r="FI3" s="495"/>
      <c r="FJ3" s="495"/>
      <c r="FK3" s="495"/>
      <c r="FL3" s="495"/>
      <c r="FM3" s="495"/>
      <c r="FN3" s="495"/>
      <c r="FO3" s="495"/>
      <c r="FP3" s="495"/>
      <c r="FQ3" s="495"/>
      <c r="FR3" s="495"/>
      <c r="FS3" s="495"/>
      <c r="FT3" s="495"/>
      <c r="FU3" s="495"/>
      <c r="FV3" s="495"/>
      <c r="FW3" s="495"/>
      <c r="FX3" s="495"/>
      <c r="FY3" s="495"/>
      <c r="FZ3" s="495"/>
      <c r="GA3" s="495"/>
      <c r="GB3" s="495"/>
      <c r="GC3" s="495"/>
      <c r="GD3" s="495"/>
      <c r="GE3" s="495"/>
      <c r="GF3" s="495"/>
      <c r="GG3" s="495"/>
      <c r="GH3" s="495"/>
      <c r="GI3" s="495"/>
      <c r="GJ3" s="495"/>
      <c r="GK3" s="495"/>
      <c r="GL3" s="495"/>
      <c r="GM3" s="495"/>
      <c r="GN3" s="495"/>
      <c r="GO3" s="495"/>
      <c r="GP3" s="495"/>
      <c r="GQ3" s="495"/>
      <c r="GR3" s="496"/>
      <c r="GS3" s="495" t="s">
        <v>104</v>
      </c>
      <c r="GT3" s="495"/>
      <c r="GU3" s="495"/>
      <c r="GV3" s="495"/>
      <c r="GW3" s="495"/>
      <c r="GX3" s="495"/>
      <c r="GY3" s="495"/>
      <c r="GZ3" s="495"/>
      <c r="HA3" s="495"/>
      <c r="HB3" s="495"/>
      <c r="HC3" s="495"/>
      <c r="HD3" s="495"/>
      <c r="HE3" s="495"/>
      <c r="HF3" s="495"/>
      <c r="HG3" s="495"/>
      <c r="HH3" s="495"/>
      <c r="HI3" s="495"/>
      <c r="HJ3" s="495"/>
      <c r="HK3" s="495"/>
      <c r="HL3" s="495"/>
      <c r="HM3" s="495"/>
      <c r="HN3" s="495"/>
      <c r="HO3" s="495"/>
      <c r="HP3" s="495"/>
      <c r="HQ3" s="495"/>
      <c r="HR3" s="495"/>
      <c r="HS3" s="495"/>
      <c r="HT3" s="495"/>
      <c r="HU3" s="495"/>
      <c r="HV3" s="495"/>
      <c r="HW3" s="495"/>
      <c r="HX3" s="495"/>
      <c r="HY3" s="495"/>
      <c r="HZ3" s="495"/>
      <c r="IA3" s="495"/>
      <c r="IB3" s="495"/>
      <c r="IC3" s="495"/>
      <c r="ID3" s="495"/>
      <c r="IE3" s="495"/>
      <c r="IF3" s="495"/>
      <c r="IG3" s="495"/>
      <c r="IH3" s="495"/>
      <c r="II3" s="495"/>
      <c r="IJ3" s="495"/>
      <c r="IK3" s="495"/>
      <c r="IL3" s="495"/>
      <c r="IM3" s="495"/>
      <c r="IN3" s="495"/>
      <c r="IO3" s="495"/>
      <c r="IP3" s="495"/>
      <c r="IQ3" s="495"/>
      <c r="IR3" s="495"/>
      <c r="IS3" s="495"/>
      <c r="IT3" s="495"/>
      <c r="IU3" s="495"/>
      <c r="IV3" s="495"/>
      <c r="IW3" s="495"/>
      <c r="IX3" s="495"/>
      <c r="IY3" s="495"/>
      <c r="IZ3" s="495"/>
      <c r="JA3" s="495"/>
      <c r="JB3" s="495"/>
      <c r="JC3" s="495"/>
      <c r="JD3" s="495"/>
      <c r="JE3" s="495"/>
      <c r="JF3" s="495"/>
      <c r="JG3" s="495"/>
      <c r="JH3" s="495"/>
      <c r="JI3" s="495"/>
      <c r="JJ3" s="495"/>
      <c r="JK3" s="495"/>
      <c r="JL3" s="495"/>
      <c r="JM3" s="495"/>
      <c r="JN3" s="495"/>
      <c r="JO3" s="495"/>
      <c r="JP3" s="495"/>
      <c r="JQ3" s="495"/>
      <c r="JR3" s="495"/>
      <c r="JS3" s="495"/>
      <c r="JT3" s="495"/>
      <c r="JU3" s="495"/>
      <c r="JV3" s="495"/>
      <c r="JW3" s="495"/>
      <c r="JX3" s="495"/>
      <c r="JY3" s="495"/>
      <c r="JZ3" s="495"/>
      <c r="KA3" s="495"/>
      <c r="KB3" s="495"/>
      <c r="KC3" s="495"/>
      <c r="KD3" s="495"/>
      <c r="KE3" s="495"/>
      <c r="KF3" s="495"/>
      <c r="KG3" s="495"/>
      <c r="KH3" s="495"/>
      <c r="KI3" s="495"/>
      <c r="KJ3" s="495"/>
      <c r="KK3" s="495"/>
      <c r="KL3" s="495"/>
      <c r="KM3" s="496"/>
    </row>
    <row r="4" spans="2:299" ht="21" customHeight="1" thickBot="1" x14ac:dyDescent="0.25">
      <c r="B4" s="501"/>
      <c r="C4" s="497" t="s">
        <v>39</v>
      </c>
      <c r="D4" s="498"/>
      <c r="E4" s="498"/>
      <c r="F4" s="498"/>
      <c r="G4" s="498"/>
      <c r="H4" s="498"/>
      <c r="I4" s="498"/>
      <c r="J4" s="498"/>
      <c r="K4" s="498"/>
      <c r="L4" s="498"/>
      <c r="M4" s="498"/>
      <c r="N4" s="498"/>
      <c r="O4" s="498"/>
      <c r="P4" s="498"/>
      <c r="Q4" s="498"/>
      <c r="R4" s="498"/>
      <c r="S4" s="498"/>
      <c r="T4" s="498"/>
      <c r="U4" s="498"/>
      <c r="V4" s="498"/>
      <c r="W4" s="498"/>
      <c r="X4" s="498"/>
      <c r="Y4" s="498"/>
      <c r="Z4" s="498"/>
      <c r="AA4" s="498"/>
      <c r="AB4" s="498"/>
      <c r="AC4" s="498"/>
      <c r="AD4" s="498"/>
      <c r="AE4" s="498"/>
      <c r="AF4" s="498"/>
      <c r="AG4" s="498"/>
      <c r="AH4" s="498"/>
      <c r="AI4" s="498"/>
      <c r="AJ4" s="498"/>
      <c r="AK4" s="498"/>
      <c r="AL4" s="498"/>
      <c r="AM4" s="498"/>
      <c r="AN4" s="498"/>
      <c r="AO4" s="498"/>
      <c r="AP4" s="498"/>
      <c r="AQ4" s="498"/>
      <c r="AR4" s="498"/>
      <c r="AS4" s="498"/>
      <c r="AT4" s="498"/>
      <c r="AU4" s="498"/>
      <c r="AV4" s="498"/>
      <c r="AW4" s="498"/>
      <c r="AX4" s="498"/>
      <c r="AY4" s="498"/>
      <c r="AZ4" s="498"/>
      <c r="BA4" s="498"/>
      <c r="BB4" s="498"/>
      <c r="BC4" s="498"/>
      <c r="BD4" s="498"/>
      <c r="BE4" s="498"/>
      <c r="BF4" s="498"/>
      <c r="BG4" s="498"/>
      <c r="BH4" s="498"/>
      <c r="BI4" s="498"/>
      <c r="BJ4" s="498"/>
      <c r="BK4" s="498"/>
      <c r="BL4" s="498"/>
      <c r="BM4" s="498"/>
      <c r="BN4" s="498"/>
      <c r="BO4" s="498"/>
      <c r="BP4" s="498"/>
      <c r="BQ4" s="498"/>
      <c r="BR4" s="498"/>
      <c r="BS4" s="498"/>
      <c r="BT4" s="498"/>
      <c r="BU4" s="498"/>
      <c r="BV4" s="498"/>
      <c r="BW4" s="498"/>
      <c r="BX4" s="498"/>
      <c r="BY4" s="498"/>
      <c r="BZ4" s="498"/>
      <c r="CA4" s="499"/>
      <c r="CB4" s="483" t="s">
        <v>40</v>
      </c>
      <c r="CC4" s="484"/>
      <c r="CD4" s="484"/>
      <c r="CE4" s="484"/>
      <c r="CF4" s="484"/>
      <c r="CG4" s="484"/>
      <c r="CH4" s="484"/>
      <c r="CI4" s="484"/>
      <c r="CJ4" s="484"/>
      <c r="CK4" s="484"/>
      <c r="CL4" s="485"/>
      <c r="CM4" s="483" t="s">
        <v>41</v>
      </c>
      <c r="CN4" s="484"/>
      <c r="CO4" s="484"/>
      <c r="CP4" s="484"/>
      <c r="CQ4" s="484"/>
      <c r="CR4" s="484"/>
      <c r="CS4" s="484"/>
      <c r="CT4" s="484"/>
      <c r="CU4" s="484"/>
      <c r="CV4" s="484"/>
      <c r="CW4" s="485"/>
      <c r="CX4" s="497" t="s">
        <v>39</v>
      </c>
      <c r="CY4" s="498"/>
      <c r="CZ4" s="498"/>
      <c r="DA4" s="498"/>
      <c r="DB4" s="498"/>
      <c r="DC4" s="498"/>
      <c r="DD4" s="498"/>
      <c r="DE4" s="498"/>
      <c r="DF4" s="498"/>
      <c r="DG4" s="498"/>
      <c r="DH4" s="498"/>
      <c r="DI4" s="498"/>
      <c r="DJ4" s="498"/>
      <c r="DK4" s="498"/>
      <c r="DL4" s="498"/>
      <c r="DM4" s="498"/>
      <c r="DN4" s="498"/>
      <c r="DO4" s="498"/>
      <c r="DP4" s="498"/>
      <c r="DQ4" s="498"/>
      <c r="DR4" s="498"/>
      <c r="DS4" s="498"/>
      <c r="DT4" s="498"/>
      <c r="DU4" s="498"/>
      <c r="DV4" s="498"/>
      <c r="DW4" s="498"/>
      <c r="DX4" s="498"/>
      <c r="DY4" s="498"/>
      <c r="DZ4" s="498"/>
      <c r="EA4" s="498"/>
      <c r="EB4" s="498"/>
      <c r="EC4" s="498"/>
      <c r="ED4" s="498"/>
      <c r="EE4" s="498"/>
      <c r="EF4" s="498"/>
      <c r="EG4" s="498"/>
      <c r="EH4" s="498"/>
      <c r="EI4" s="498"/>
      <c r="EJ4" s="498"/>
      <c r="EK4" s="498"/>
      <c r="EL4" s="498"/>
      <c r="EM4" s="498"/>
      <c r="EN4" s="498"/>
      <c r="EO4" s="498"/>
      <c r="EP4" s="498"/>
      <c r="EQ4" s="498"/>
      <c r="ER4" s="498"/>
      <c r="ES4" s="498"/>
      <c r="ET4" s="498"/>
      <c r="EU4" s="498"/>
      <c r="EV4" s="498"/>
      <c r="EW4" s="498"/>
      <c r="EX4" s="498"/>
      <c r="EY4" s="498"/>
      <c r="EZ4" s="498"/>
      <c r="FA4" s="498"/>
      <c r="FB4" s="498"/>
      <c r="FC4" s="498"/>
      <c r="FD4" s="498"/>
      <c r="FE4" s="498"/>
      <c r="FF4" s="498"/>
      <c r="FG4" s="498"/>
      <c r="FH4" s="498"/>
      <c r="FI4" s="498"/>
      <c r="FJ4" s="498"/>
      <c r="FK4" s="498"/>
      <c r="FL4" s="498"/>
      <c r="FM4" s="498"/>
      <c r="FN4" s="498"/>
      <c r="FO4" s="498"/>
      <c r="FP4" s="498"/>
      <c r="FQ4" s="498"/>
      <c r="FR4" s="498"/>
      <c r="FS4" s="498"/>
      <c r="FT4" s="498"/>
      <c r="FU4" s="498"/>
      <c r="FV4" s="499"/>
      <c r="FW4" s="483" t="s">
        <v>40</v>
      </c>
      <c r="FX4" s="484"/>
      <c r="FY4" s="484"/>
      <c r="FZ4" s="484"/>
      <c r="GA4" s="484"/>
      <c r="GB4" s="484"/>
      <c r="GC4" s="484"/>
      <c r="GD4" s="484"/>
      <c r="GE4" s="484"/>
      <c r="GF4" s="484"/>
      <c r="GG4" s="485"/>
      <c r="GH4" s="483" t="s">
        <v>41</v>
      </c>
      <c r="GI4" s="484"/>
      <c r="GJ4" s="484"/>
      <c r="GK4" s="484"/>
      <c r="GL4" s="484"/>
      <c r="GM4" s="484"/>
      <c r="GN4" s="484"/>
      <c r="GO4" s="484"/>
      <c r="GP4" s="484"/>
      <c r="GQ4" s="484"/>
      <c r="GR4" s="485"/>
      <c r="GS4" s="497" t="s">
        <v>39</v>
      </c>
      <c r="GT4" s="498"/>
      <c r="GU4" s="498"/>
      <c r="GV4" s="498"/>
      <c r="GW4" s="498"/>
      <c r="GX4" s="498"/>
      <c r="GY4" s="498"/>
      <c r="GZ4" s="498"/>
      <c r="HA4" s="498"/>
      <c r="HB4" s="498"/>
      <c r="HC4" s="498"/>
      <c r="HD4" s="498"/>
      <c r="HE4" s="498"/>
      <c r="HF4" s="498"/>
      <c r="HG4" s="498"/>
      <c r="HH4" s="498"/>
      <c r="HI4" s="498"/>
      <c r="HJ4" s="498"/>
      <c r="HK4" s="498"/>
      <c r="HL4" s="498"/>
      <c r="HM4" s="498"/>
      <c r="HN4" s="498"/>
      <c r="HO4" s="498"/>
      <c r="HP4" s="498"/>
      <c r="HQ4" s="498"/>
      <c r="HR4" s="498"/>
      <c r="HS4" s="498"/>
      <c r="HT4" s="498"/>
      <c r="HU4" s="498"/>
      <c r="HV4" s="498"/>
      <c r="HW4" s="498"/>
      <c r="HX4" s="498"/>
      <c r="HY4" s="498"/>
      <c r="HZ4" s="498"/>
      <c r="IA4" s="498"/>
      <c r="IB4" s="498"/>
      <c r="IC4" s="498"/>
      <c r="ID4" s="498"/>
      <c r="IE4" s="498"/>
      <c r="IF4" s="498"/>
      <c r="IG4" s="498"/>
      <c r="IH4" s="498"/>
      <c r="II4" s="498"/>
      <c r="IJ4" s="498"/>
      <c r="IK4" s="498"/>
      <c r="IL4" s="498"/>
      <c r="IM4" s="498"/>
      <c r="IN4" s="498"/>
      <c r="IO4" s="498"/>
      <c r="IP4" s="498"/>
      <c r="IQ4" s="498"/>
      <c r="IR4" s="498"/>
      <c r="IS4" s="498"/>
      <c r="IT4" s="498"/>
      <c r="IU4" s="498"/>
      <c r="IV4" s="498"/>
      <c r="IW4" s="498"/>
      <c r="IX4" s="498"/>
      <c r="IY4" s="498"/>
      <c r="IZ4" s="498"/>
      <c r="JA4" s="498"/>
      <c r="JB4" s="498"/>
      <c r="JC4" s="498"/>
      <c r="JD4" s="498"/>
      <c r="JE4" s="498"/>
      <c r="JF4" s="498"/>
      <c r="JG4" s="498"/>
      <c r="JH4" s="498"/>
      <c r="JI4" s="498"/>
      <c r="JJ4" s="498"/>
      <c r="JK4" s="498"/>
      <c r="JL4" s="498"/>
      <c r="JM4" s="498"/>
      <c r="JN4" s="498"/>
      <c r="JO4" s="498"/>
      <c r="JP4" s="498"/>
      <c r="JQ4" s="499"/>
      <c r="JR4" s="483" t="s">
        <v>40</v>
      </c>
      <c r="JS4" s="484"/>
      <c r="JT4" s="484"/>
      <c r="JU4" s="484"/>
      <c r="JV4" s="484"/>
      <c r="JW4" s="484"/>
      <c r="JX4" s="484"/>
      <c r="JY4" s="484"/>
      <c r="JZ4" s="484"/>
      <c r="KA4" s="484"/>
      <c r="KB4" s="485"/>
      <c r="KC4" s="483" t="s">
        <v>41</v>
      </c>
      <c r="KD4" s="484"/>
      <c r="KE4" s="484"/>
      <c r="KF4" s="484"/>
      <c r="KG4" s="484"/>
      <c r="KH4" s="484"/>
      <c r="KI4" s="484"/>
      <c r="KJ4" s="484"/>
      <c r="KK4" s="484"/>
      <c r="KL4" s="484"/>
      <c r="KM4" s="485"/>
    </row>
    <row r="5" spans="2:299" ht="21" customHeight="1" thickBot="1" x14ac:dyDescent="0.25">
      <c r="B5" s="489"/>
      <c r="C5" s="489"/>
      <c r="D5" s="490"/>
      <c r="E5" s="490"/>
      <c r="F5" s="490"/>
      <c r="G5" s="490"/>
      <c r="H5" s="490"/>
      <c r="I5" s="490"/>
      <c r="J5" s="490"/>
      <c r="K5" s="490"/>
      <c r="L5" s="490"/>
      <c r="M5" s="491"/>
      <c r="N5" s="492" t="s">
        <v>97</v>
      </c>
      <c r="O5" s="493"/>
      <c r="P5" s="493"/>
      <c r="Q5" s="493"/>
      <c r="R5" s="493"/>
      <c r="S5" s="493"/>
      <c r="T5" s="493"/>
      <c r="U5" s="493"/>
      <c r="V5" s="493"/>
      <c r="W5" s="493"/>
      <c r="X5" s="494"/>
      <c r="Y5" s="492" t="s">
        <v>98</v>
      </c>
      <c r="Z5" s="493"/>
      <c r="AA5" s="493"/>
      <c r="AB5" s="493"/>
      <c r="AC5" s="493"/>
      <c r="AD5" s="493"/>
      <c r="AE5" s="493"/>
      <c r="AF5" s="493"/>
      <c r="AG5" s="493"/>
      <c r="AH5" s="493"/>
      <c r="AI5" s="494"/>
      <c r="AJ5" s="492" t="s">
        <v>99</v>
      </c>
      <c r="AK5" s="493"/>
      <c r="AL5" s="493"/>
      <c r="AM5" s="493"/>
      <c r="AN5" s="493"/>
      <c r="AO5" s="493"/>
      <c r="AP5" s="493"/>
      <c r="AQ5" s="493"/>
      <c r="AR5" s="493"/>
      <c r="AS5" s="493"/>
      <c r="AT5" s="494"/>
      <c r="AU5" s="492" t="s">
        <v>100</v>
      </c>
      <c r="AV5" s="493"/>
      <c r="AW5" s="493"/>
      <c r="AX5" s="493"/>
      <c r="AY5" s="493"/>
      <c r="AZ5" s="493"/>
      <c r="BA5" s="493"/>
      <c r="BB5" s="493"/>
      <c r="BC5" s="493"/>
      <c r="BD5" s="493"/>
      <c r="BE5" s="494"/>
      <c r="BF5" s="492" t="s">
        <v>101</v>
      </c>
      <c r="BG5" s="493"/>
      <c r="BH5" s="493"/>
      <c r="BI5" s="493"/>
      <c r="BJ5" s="493"/>
      <c r="BK5" s="493"/>
      <c r="BL5" s="493"/>
      <c r="BM5" s="493"/>
      <c r="BN5" s="493"/>
      <c r="BO5" s="493"/>
      <c r="BP5" s="494"/>
      <c r="BQ5" s="492" t="s">
        <v>102</v>
      </c>
      <c r="BR5" s="493"/>
      <c r="BS5" s="493"/>
      <c r="BT5" s="493"/>
      <c r="BU5" s="493"/>
      <c r="BV5" s="493"/>
      <c r="BW5" s="493"/>
      <c r="BX5" s="493"/>
      <c r="BY5" s="493"/>
      <c r="BZ5" s="493"/>
      <c r="CA5" s="494"/>
      <c r="CB5" s="486"/>
      <c r="CC5" s="487"/>
      <c r="CD5" s="487"/>
      <c r="CE5" s="487"/>
      <c r="CF5" s="487"/>
      <c r="CG5" s="487"/>
      <c r="CH5" s="487"/>
      <c r="CI5" s="487"/>
      <c r="CJ5" s="487"/>
      <c r="CK5" s="487"/>
      <c r="CL5" s="488"/>
      <c r="CM5" s="486"/>
      <c r="CN5" s="487"/>
      <c r="CO5" s="487"/>
      <c r="CP5" s="487"/>
      <c r="CQ5" s="487"/>
      <c r="CR5" s="487"/>
      <c r="CS5" s="487"/>
      <c r="CT5" s="487"/>
      <c r="CU5" s="487"/>
      <c r="CV5" s="487"/>
      <c r="CW5" s="488"/>
      <c r="CX5" s="489"/>
      <c r="CY5" s="490"/>
      <c r="CZ5" s="490"/>
      <c r="DA5" s="490"/>
      <c r="DB5" s="490"/>
      <c r="DC5" s="490"/>
      <c r="DD5" s="490"/>
      <c r="DE5" s="490"/>
      <c r="DF5" s="490"/>
      <c r="DG5" s="490"/>
      <c r="DH5" s="491"/>
      <c r="DI5" s="492" t="s">
        <v>97</v>
      </c>
      <c r="DJ5" s="493"/>
      <c r="DK5" s="493"/>
      <c r="DL5" s="493"/>
      <c r="DM5" s="493"/>
      <c r="DN5" s="493"/>
      <c r="DO5" s="493"/>
      <c r="DP5" s="493"/>
      <c r="DQ5" s="493"/>
      <c r="DR5" s="493"/>
      <c r="DS5" s="494"/>
      <c r="DT5" s="492" t="s">
        <v>98</v>
      </c>
      <c r="DU5" s="493"/>
      <c r="DV5" s="493"/>
      <c r="DW5" s="493"/>
      <c r="DX5" s="493"/>
      <c r="DY5" s="493"/>
      <c r="DZ5" s="493"/>
      <c r="EA5" s="493"/>
      <c r="EB5" s="493"/>
      <c r="EC5" s="493"/>
      <c r="ED5" s="494"/>
      <c r="EE5" s="492" t="s">
        <v>99</v>
      </c>
      <c r="EF5" s="493"/>
      <c r="EG5" s="493"/>
      <c r="EH5" s="493"/>
      <c r="EI5" s="493"/>
      <c r="EJ5" s="493"/>
      <c r="EK5" s="493"/>
      <c r="EL5" s="493"/>
      <c r="EM5" s="493"/>
      <c r="EN5" s="493"/>
      <c r="EO5" s="494"/>
      <c r="EP5" s="492" t="s">
        <v>100</v>
      </c>
      <c r="EQ5" s="493"/>
      <c r="ER5" s="493"/>
      <c r="ES5" s="493"/>
      <c r="ET5" s="493"/>
      <c r="EU5" s="493"/>
      <c r="EV5" s="493"/>
      <c r="EW5" s="493"/>
      <c r="EX5" s="493"/>
      <c r="EY5" s="493"/>
      <c r="EZ5" s="494"/>
      <c r="FA5" s="492" t="s">
        <v>101</v>
      </c>
      <c r="FB5" s="493"/>
      <c r="FC5" s="493"/>
      <c r="FD5" s="493"/>
      <c r="FE5" s="493"/>
      <c r="FF5" s="493"/>
      <c r="FG5" s="493"/>
      <c r="FH5" s="493"/>
      <c r="FI5" s="493"/>
      <c r="FJ5" s="493"/>
      <c r="FK5" s="494"/>
      <c r="FL5" s="492" t="s">
        <v>102</v>
      </c>
      <c r="FM5" s="493"/>
      <c r="FN5" s="493"/>
      <c r="FO5" s="493"/>
      <c r="FP5" s="493"/>
      <c r="FQ5" s="493"/>
      <c r="FR5" s="493"/>
      <c r="FS5" s="493"/>
      <c r="FT5" s="493"/>
      <c r="FU5" s="493"/>
      <c r="FV5" s="494"/>
      <c r="FW5" s="486"/>
      <c r="FX5" s="487"/>
      <c r="FY5" s="487"/>
      <c r="FZ5" s="487"/>
      <c r="GA5" s="487"/>
      <c r="GB5" s="487"/>
      <c r="GC5" s="487"/>
      <c r="GD5" s="487"/>
      <c r="GE5" s="487"/>
      <c r="GF5" s="487"/>
      <c r="GG5" s="488"/>
      <c r="GH5" s="486"/>
      <c r="GI5" s="487"/>
      <c r="GJ5" s="487"/>
      <c r="GK5" s="487"/>
      <c r="GL5" s="487"/>
      <c r="GM5" s="487"/>
      <c r="GN5" s="487"/>
      <c r="GO5" s="487"/>
      <c r="GP5" s="487"/>
      <c r="GQ5" s="487"/>
      <c r="GR5" s="488"/>
      <c r="GS5" s="489"/>
      <c r="GT5" s="490"/>
      <c r="GU5" s="490"/>
      <c r="GV5" s="490"/>
      <c r="GW5" s="490"/>
      <c r="GX5" s="490"/>
      <c r="GY5" s="490"/>
      <c r="GZ5" s="490"/>
      <c r="HA5" s="490"/>
      <c r="HB5" s="490"/>
      <c r="HC5" s="491"/>
      <c r="HD5" s="492" t="s">
        <v>97</v>
      </c>
      <c r="HE5" s="493"/>
      <c r="HF5" s="493"/>
      <c r="HG5" s="493"/>
      <c r="HH5" s="493"/>
      <c r="HI5" s="493"/>
      <c r="HJ5" s="493"/>
      <c r="HK5" s="493"/>
      <c r="HL5" s="493"/>
      <c r="HM5" s="493"/>
      <c r="HN5" s="494"/>
      <c r="HO5" s="492" t="s">
        <v>98</v>
      </c>
      <c r="HP5" s="493"/>
      <c r="HQ5" s="493"/>
      <c r="HR5" s="493"/>
      <c r="HS5" s="493"/>
      <c r="HT5" s="493"/>
      <c r="HU5" s="493"/>
      <c r="HV5" s="493"/>
      <c r="HW5" s="493"/>
      <c r="HX5" s="493"/>
      <c r="HY5" s="494"/>
      <c r="HZ5" s="492" t="s">
        <v>99</v>
      </c>
      <c r="IA5" s="493"/>
      <c r="IB5" s="493"/>
      <c r="IC5" s="493"/>
      <c r="ID5" s="493"/>
      <c r="IE5" s="493"/>
      <c r="IF5" s="493"/>
      <c r="IG5" s="493"/>
      <c r="IH5" s="493"/>
      <c r="II5" s="493"/>
      <c r="IJ5" s="494"/>
      <c r="IK5" s="492" t="s">
        <v>100</v>
      </c>
      <c r="IL5" s="493"/>
      <c r="IM5" s="493"/>
      <c r="IN5" s="493"/>
      <c r="IO5" s="493"/>
      <c r="IP5" s="493"/>
      <c r="IQ5" s="493"/>
      <c r="IR5" s="493"/>
      <c r="IS5" s="493"/>
      <c r="IT5" s="493"/>
      <c r="IU5" s="494"/>
      <c r="IV5" s="492" t="s">
        <v>101</v>
      </c>
      <c r="IW5" s="493"/>
      <c r="IX5" s="493"/>
      <c r="IY5" s="493"/>
      <c r="IZ5" s="493"/>
      <c r="JA5" s="493"/>
      <c r="JB5" s="493"/>
      <c r="JC5" s="493"/>
      <c r="JD5" s="493"/>
      <c r="JE5" s="493"/>
      <c r="JF5" s="494"/>
      <c r="JG5" s="492" t="s">
        <v>102</v>
      </c>
      <c r="JH5" s="493"/>
      <c r="JI5" s="493"/>
      <c r="JJ5" s="493"/>
      <c r="JK5" s="493"/>
      <c r="JL5" s="493"/>
      <c r="JM5" s="493"/>
      <c r="JN5" s="493"/>
      <c r="JO5" s="493"/>
      <c r="JP5" s="493"/>
      <c r="JQ5" s="494"/>
      <c r="JR5" s="486"/>
      <c r="JS5" s="487"/>
      <c r="JT5" s="487"/>
      <c r="JU5" s="487"/>
      <c r="JV5" s="487"/>
      <c r="JW5" s="487"/>
      <c r="JX5" s="487"/>
      <c r="JY5" s="487"/>
      <c r="JZ5" s="487"/>
      <c r="KA5" s="487"/>
      <c r="KB5" s="488"/>
      <c r="KC5" s="486"/>
      <c r="KD5" s="487"/>
      <c r="KE5" s="487"/>
      <c r="KF5" s="487"/>
      <c r="KG5" s="487"/>
      <c r="KH5" s="487"/>
      <c r="KI5" s="487"/>
      <c r="KJ5" s="487"/>
      <c r="KK5" s="487"/>
      <c r="KL5" s="487"/>
      <c r="KM5" s="488"/>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4163</v>
      </c>
      <c r="D7" s="68">
        <v>4064</v>
      </c>
      <c r="E7" s="69">
        <v>8227</v>
      </c>
      <c r="F7" s="227"/>
      <c r="G7" s="68">
        <v>5792</v>
      </c>
      <c r="H7" s="68">
        <v>5113</v>
      </c>
      <c r="I7" s="68">
        <v>3373</v>
      </c>
      <c r="J7" s="68">
        <v>2816</v>
      </c>
      <c r="K7" s="68">
        <v>1601</v>
      </c>
      <c r="L7" s="70">
        <v>18695</v>
      </c>
      <c r="M7" s="71">
        <v>26922</v>
      </c>
      <c r="N7" s="56">
        <v>51</v>
      </c>
      <c r="O7" s="57">
        <v>67</v>
      </c>
      <c r="P7" s="58">
        <v>118</v>
      </c>
      <c r="Q7" s="230"/>
      <c r="R7" s="57">
        <v>84</v>
      </c>
      <c r="S7" s="57">
        <v>83</v>
      </c>
      <c r="T7" s="57">
        <v>58</v>
      </c>
      <c r="U7" s="57">
        <v>44</v>
      </c>
      <c r="V7" s="57">
        <v>36</v>
      </c>
      <c r="W7" s="58">
        <v>305</v>
      </c>
      <c r="X7" s="59">
        <v>423</v>
      </c>
      <c r="Y7" s="56">
        <v>154</v>
      </c>
      <c r="Z7" s="57">
        <v>161</v>
      </c>
      <c r="AA7" s="58">
        <v>315</v>
      </c>
      <c r="AB7" s="227"/>
      <c r="AC7" s="57">
        <v>213</v>
      </c>
      <c r="AD7" s="57">
        <v>228</v>
      </c>
      <c r="AE7" s="57">
        <v>150</v>
      </c>
      <c r="AF7" s="57">
        <v>127</v>
      </c>
      <c r="AG7" s="57">
        <v>96</v>
      </c>
      <c r="AH7" s="58">
        <v>814</v>
      </c>
      <c r="AI7" s="59">
        <v>1129</v>
      </c>
      <c r="AJ7" s="56">
        <v>313</v>
      </c>
      <c r="AK7" s="57">
        <v>357</v>
      </c>
      <c r="AL7" s="58">
        <v>670</v>
      </c>
      <c r="AM7" s="227"/>
      <c r="AN7" s="57">
        <v>450</v>
      </c>
      <c r="AO7" s="57">
        <v>371</v>
      </c>
      <c r="AP7" s="57">
        <v>256</v>
      </c>
      <c r="AQ7" s="57">
        <v>229</v>
      </c>
      <c r="AR7" s="57">
        <v>136</v>
      </c>
      <c r="AS7" s="58">
        <v>1442</v>
      </c>
      <c r="AT7" s="59">
        <v>2112</v>
      </c>
      <c r="AU7" s="56">
        <v>827</v>
      </c>
      <c r="AV7" s="57">
        <v>778</v>
      </c>
      <c r="AW7" s="58">
        <v>1605</v>
      </c>
      <c r="AX7" s="227"/>
      <c r="AY7" s="57">
        <v>1075</v>
      </c>
      <c r="AZ7" s="57">
        <v>948</v>
      </c>
      <c r="BA7" s="57">
        <v>563</v>
      </c>
      <c r="BB7" s="57">
        <v>445</v>
      </c>
      <c r="BC7" s="57">
        <v>296</v>
      </c>
      <c r="BD7" s="58">
        <v>3327</v>
      </c>
      <c r="BE7" s="59">
        <v>4932</v>
      </c>
      <c r="BF7" s="56">
        <v>1508</v>
      </c>
      <c r="BG7" s="57">
        <v>1361</v>
      </c>
      <c r="BH7" s="58">
        <v>2869</v>
      </c>
      <c r="BI7" s="230"/>
      <c r="BJ7" s="57">
        <v>1956</v>
      </c>
      <c r="BK7" s="57">
        <v>1507</v>
      </c>
      <c r="BL7" s="57">
        <v>960</v>
      </c>
      <c r="BM7" s="57">
        <v>806</v>
      </c>
      <c r="BN7" s="57">
        <v>443</v>
      </c>
      <c r="BO7" s="58">
        <v>5672</v>
      </c>
      <c r="BP7" s="59">
        <v>8541</v>
      </c>
      <c r="BQ7" s="56">
        <v>1310</v>
      </c>
      <c r="BR7" s="57">
        <v>1340</v>
      </c>
      <c r="BS7" s="58">
        <v>2650</v>
      </c>
      <c r="BT7" s="230"/>
      <c r="BU7" s="57">
        <v>2014</v>
      </c>
      <c r="BV7" s="57">
        <v>1976</v>
      </c>
      <c r="BW7" s="57">
        <v>1386</v>
      </c>
      <c r="BX7" s="57">
        <v>1165</v>
      </c>
      <c r="BY7" s="57">
        <v>594</v>
      </c>
      <c r="BZ7" s="58">
        <v>7135</v>
      </c>
      <c r="CA7" s="59">
        <v>9785</v>
      </c>
      <c r="CB7" s="56">
        <v>0</v>
      </c>
      <c r="CC7" s="57">
        <v>0</v>
      </c>
      <c r="CD7" s="58">
        <v>0</v>
      </c>
      <c r="CE7" s="230"/>
      <c r="CF7" s="57">
        <v>0</v>
      </c>
      <c r="CG7" s="57">
        <v>0</v>
      </c>
      <c r="CH7" s="57">
        <v>0</v>
      </c>
      <c r="CI7" s="57">
        <v>0</v>
      </c>
      <c r="CJ7" s="57">
        <v>0</v>
      </c>
      <c r="CK7" s="58">
        <v>0</v>
      </c>
      <c r="CL7" s="59">
        <v>0</v>
      </c>
      <c r="CM7" s="56">
        <v>4163</v>
      </c>
      <c r="CN7" s="57">
        <v>4064</v>
      </c>
      <c r="CO7" s="58">
        <v>8227</v>
      </c>
      <c r="CP7" s="230"/>
      <c r="CQ7" s="57">
        <v>5792</v>
      </c>
      <c r="CR7" s="57">
        <v>5113</v>
      </c>
      <c r="CS7" s="57">
        <v>3373</v>
      </c>
      <c r="CT7" s="57">
        <v>2816</v>
      </c>
      <c r="CU7" s="57">
        <v>1601</v>
      </c>
      <c r="CV7" s="58">
        <v>18695</v>
      </c>
      <c r="CW7" s="59">
        <v>26922</v>
      </c>
      <c r="CX7" s="112">
        <v>588</v>
      </c>
      <c r="CY7" s="68">
        <v>704</v>
      </c>
      <c r="CZ7" s="69">
        <v>1292</v>
      </c>
      <c r="DA7" s="227"/>
      <c r="DB7" s="68">
        <v>804</v>
      </c>
      <c r="DC7" s="68">
        <v>763</v>
      </c>
      <c r="DD7" s="68">
        <v>534</v>
      </c>
      <c r="DE7" s="68">
        <v>545</v>
      </c>
      <c r="DF7" s="68">
        <v>343</v>
      </c>
      <c r="DG7" s="70">
        <v>2989</v>
      </c>
      <c r="DH7" s="71">
        <v>4281</v>
      </c>
      <c r="DI7" s="56">
        <v>15</v>
      </c>
      <c r="DJ7" s="57">
        <v>15</v>
      </c>
      <c r="DK7" s="58">
        <v>30</v>
      </c>
      <c r="DL7" s="230"/>
      <c r="DM7" s="57">
        <v>10</v>
      </c>
      <c r="DN7" s="57">
        <v>9</v>
      </c>
      <c r="DO7" s="57">
        <v>7</v>
      </c>
      <c r="DP7" s="57">
        <v>8</v>
      </c>
      <c r="DQ7" s="57">
        <v>6</v>
      </c>
      <c r="DR7" s="58">
        <v>40</v>
      </c>
      <c r="DS7" s="59">
        <v>70</v>
      </c>
      <c r="DT7" s="56">
        <v>46</v>
      </c>
      <c r="DU7" s="57">
        <v>46</v>
      </c>
      <c r="DV7" s="58">
        <v>92</v>
      </c>
      <c r="DW7" s="230"/>
      <c r="DX7" s="57">
        <v>28</v>
      </c>
      <c r="DY7" s="57">
        <v>28</v>
      </c>
      <c r="DZ7" s="57">
        <v>30</v>
      </c>
      <c r="EA7" s="57">
        <v>22</v>
      </c>
      <c r="EB7" s="57">
        <v>10</v>
      </c>
      <c r="EC7" s="58">
        <v>118</v>
      </c>
      <c r="ED7" s="59">
        <v>210</v>
      </c>
      <c r="EE7" s="56">
        <v>73</v>
      </c>
      <c r="EF7" s="57">
        <v>85</v>
      </c>
      <c r="EG7" s="58">
        <v>158</v>
      </c>
      <c r="EH7" s="230"/>
      <c r="EI7" s="57">
        <v>68</v>
      </c>
      <c r="EJ7" s="57">
        <v>50</v>
      </c>
      <c r="EK7" s="57">
        <v>40</v>
      </c>
      <c r="EL7" s="57">
        <v>27</v>
      </c>
      <c r="EM7" s="57">
        <v>28</v>
      </c>
      <c r="EN7" s="58">
        <v>213</v>
      </c>
      <c r="EO7" s="59">
        <v>371</v>
      </c>
      <c r="EP7" s="56">
        <v>151</v>
      </c>
      <c r="EQ7" s="57">
        <v>154</v>
      </c>
      <c r="ER7" s="58">
        <v>305</v>
      </c>
      <c r="ES7" s="230"/>
      <c r="ET7" s="57">
        <v>164</v>
      </c>
      <c r="EU7" s="57">
        <v>107</v>
      </c>
      <c r="EV7" s="57">
        <v>67</v>
      </c>
      <c r="EW7" s="57">
        <v>60</v>
      </c>
      <c r="EX7" s="57">
        <v>36</v>
      </c>
      <c r="EY7" s="58">
        <v>434</v>
      </c>
      <c r="EZ7" s="59">
        <v>739</v>
      </c>
      <c r="FA7" s="56">
        <v>178</v>
      </c>
      <c r="FB7" s="57">
        <v>231</v>
      </c>
      <c r="FC7" s="58">
        <v>409</v>
      </c>
      <c r="FD7" s="230"/>
      <c r="FE7" s="57">
        <v>254</v>
      </c>
      <c r="FF7" s="57">
        <v>241</v>
      </c>
      <c r="FG7" s="57">
        <v>119</v>
      </c>
      <c r="FH7" s="57">
        <v>116</v>
      </c>
      <c r="FI7" s="57">
        <v>84</v>
      </c>
      <c r="FJ7" s="58">
        <v>814</v>
      </c>
      <c r="FK7" s="59">
        <v>1223</v>
      </c>
      <c r="FL7" s="56">
        <v>125</v>
      </c>
      <c r="FM7" s="57">
        <v>173</v>
      </c>
      <c r="FN7" s="58">
        <v>298</v>
      </c>
      <c r="FO7" s="230"/>
      <c r="FP7" s="57">
        <v>280</v>
      </c>
      <c r="FQ7" s="57">
        <v>328</v>
      </c>
      <c r="FR7" s="57">
        <v>271</v>
      </c>
      <c r="FS7" s="57">
        <v>312</v>
      </c>
      <c r="FT7" s="57">
        <v>179</v>
      </c>
      <c r="FU7" s="58">
        <v>1370</v>
      </c>
      <c r="FV7" s="59">
        <v>1668</v>
      </c>
      <c r="FW7" s="56">
        <v>0</v>
      </c>
      <c r="FX7" s="57">
        <v>0</v>
      </c>
      <c r="FY7" s="58">
        <v>0</v>
      </c>
      <c r="FZ7" s="230"/>
      <c r="GA7" s="57">
        <v>0</v>
      </c>
      <c r="GB7" s="57">
        <v>0</v>
      </c>
      <c r="GC7" s="57">
        <v>0</v>
      </c>
      <c r="GD7" s="57">
        <v>0</v>
      </c>
      <c r="GE7" s="57">
        <v>0</v>
      </c>
      <c r="GF7" s="58">
        <v>0</v>
      </c>
      <c r="GG7" s="59">
        <v>0</v>
      </c>
      <c r="GH7" s="56">
        <v>588</v>
      </c>
      <c r="GI7" s="57">
        <v>704</v>
      </c>
      <c r="GJ7" s="58">
        <v>1292</v>
      </c>
      <c r="GK7" s="230"/>
      <c r="GL7" s="57">
        <v>804</v>
      </c>
      <c r="GM7" s="57">
        <v>763</v>
      </c>
      <c r="GN7" s="57">
        <v>534</v>
      </c>
      <c r="GO7" s="57">
        <v>545</v>
      </c>
      <c r="GP7" s="57">
        <v>343</v>
      </c>
      <c r="GQ7" s="58">
        <v>2989</v>
      </c>
      <c r="GR7" s="59">
        <v>4281</v>
      </c>
      <c r="GS7" s="112">
        <v>4751</v>
      </c>
      <c r="GT7" s="68">
        <v>4768</v>
      </c>
      <c r="GU7" s="69">
        <v>9519</v>
      </c>
      <c r="GV7" s="227"/>
      <c r="GW7" s="68">
        <v>6596</v>
      </c>
      <c r="GX7" s="68">
        <v>5876</v>
      </c>
      <c r="GY7" s="68">
        <v>3907</v>
      </c>
      <c r="GZ7" s="68">
        <v>3361</v>
      </c>
      <c r="HA7" s="68">
        <v>1944</v>
      </c>
      <c r="HB7" s="70">
        <v>21684</v>
      </c>
      <c r="HC7" s="71">
        <v>31203</v>
      </c>
      <c r="HD7" s="56">
        <v>66</v>
      </c>
      <c r="HE7" s="57">
        <v>82</v>
      </c>
      <c r="HF7" s="58">
        <v>148</v>
      </c>
      <c r="HG7" s="230"/>
      <c r="HH7" s="57">
        <v>94</v>
      </c>
      <c r="HI7" s="57">
        <v>92</v>
      </c>
      <c r="HJ7" s="57">
        <v>65</v>
      </c>
      <c r="HK7" s="57">
        <v>52</v>
      </c>
      <c r="HL7" s="57">
        <v>42</v>
      </c>
      <c r="HM7" s="58">
        <v>345</v>
      </c>
      <c r="HN7" s="59">
        <v>493</v>
      </c>
      <c r="HO7" s="56">
        <v>200</v>
      </c>
      <c r="HP7" s="57">
        <v>207</v>
      </c>
      <c r="HQ7" s="58">
        <v>407</v>
      </c>
      <c r="HR7" s="230"/>
      <c r="HS7" s="57">
        <v>241</v>
      </c>
      <c r="HT7" s="57">
        <v>256</v>
      </c>
      <c r="HU7" s="57">
        <v>180</v>
      </c>
      <c r="HV7" s="57">
        <v>149</v>
      </c>
      <c r="HW7" s="57">
        <v>106</v>
      </c>
      <c r="HX7" s="58">
        <v>932</v>
      </c>
      <c r="HY7" s="59">
        <v>1339</v>
      </c>
      <c r="HZ7" s="56">
        <v>386</v>
      </c>
      <c r="IA7" s="57">
        <v>442</v>
      </c>
      <c r="IB7" s="58">
        <v>828</v>
      </c>
      <c r="IC7" s="230"/>
      <c r="ID7" s="57">
        <v>518</v>
      </c>
      <c r="IE7" s="57">
        <v>421</v>
      </c>
      <c r="IF7" s="57">
        <v>296</v>
      </c>
      <c r="IG7" s="57">
        <v>256</v>
      </c>
      <c r="IH7" s="57">
        <v>164</v>
      </c>
      <c r="II7" s="58">
        <v>1655</v>
      </c>
      <c r="IJ7" s="59">
        <v>2483</v>
      </c>
      <c r="IK7" s="56">
        <v>978</v>
      </c>
      <c r="IL7" s="57">
        <v>932</v>
      </c>
      <c r="IM7" s="58">
        <v>1910</v>
      </c>
      <c r="IN7" s="230"/>
      <c r="IO7" s="57">
        <v>1239</v>
      </c>
      <c r="IP7" s="57">
        <v>1055</v>
      </c>
      <c r="IQ7" s="57">
        <v>630</v>
      </c>
      <c r="IR7" s="57">
        <v>505</v>
      </c>
      <c r="IS7" s="57">
        <v>332</v>
      </c>
      <c r="IT7" s="58">
        <v>3761</v>
      </c>
      <c r="IU7" s="59">
        <v>5671</v>
      </c>
      <c r="IV7" s="56">
        <v>1686</v>
      </c>
      <c r="IW7" s="57">
        <v>1592</v>
      </c>
      <c r="IX7" s="58">
        <v>3278</v>
      </c>
      <c r="IY7" s="230"/>
      <c r="IZ7" s="57">
        <v>2210</v>
      </c>
      <c r="JA7" s="57">
        <v>1748</v>
      </c>
      <c r="JB7" s="57">
        <v>1079</v>
      </c>
      <c r="JC7" s="57">
        <v>922</v>
      </c>
      <c r="JD7" s="57">
        <v>527</v>
      </c>
      <c r="JE7" s="58">
        <v>6486</v>
      </c>
      <c r="JF7" s="59">
        <v>9764</v>
      </c>
      <c r="JG7" s="56">
        <v>1435</v>
      </c>
      <c r="JH7" s="57">
        <v>1513</v>
      </c>
      <c r="JI7" s="58">
        <v>2948</v>
      </c>
      <c r="JJ7" s="230"/>
      <c r="JK7" s="57">
        <v>2294</v>
      </c>
      <c r="JL7" s="57">
        <v>2304</v>
      </c>
      <c r="JM7" s="57">
        <v>1657</v>
      </c>
      <c r="JN7" s="57">
        <v>1477</v>
      </c>
      <c r="JO7" s="57">
        <v>773</v>
      </c>
      <c r="JP7" s="58">
        <v>8505</v>
      </c>
      <c r="JQ7" s="59">
        <v>11453</v>
      </c>
      <c r="JR7" s="56">
        <v>0</v>
      </c>
      <c r="JS7" s="57">
        <v>0</v>
      </c>
      <c r="JT7" s="58">
        <v>0</v>
      </c>
      <c r="JU7" s="230"/>
      <c r="JV7" s="57">
        <v>0</v>
      </c>
      <c r="JW7" s="57">
        <v>0</v>
      </c>
      <c r="JX7" s="57">
        <v>0</v>
      </c>
      <c r="JY7" s="57">
        <v>0</v>
      </c>
      <c r="JZ7" s="57">
        <v>0</v>
      </c>
      <c r="KA7" s="58">
        <v>0</v>
      </c>
      <c r="KB7" s="59">
        <v>0</v>
      </c>
      <c r="KC7" s="56">
        <v>4751</v>
      </c>
      <c r="KD7" s="57">
        <v>4768</v>
      </c>
      <c r="KE7" s="58">
        <v>9519</v>
      </c>
      <c r="KF7" s="230"/>
      <c r="KG7" s="57">
        <v>6596</v>
      </c>
      <c r="KH7" s="57">
        <v>5876</v>
      </c>
      <c r="KI7" s="57">
        <v>3907</v>
      </c>
      <c r="KJ7" s="57">
        <v>3361</v>
      </c>
      <c r="KK7" s="57">
        <v>1944</v>
      </c>
      <c r="KL7" s="58">
        <v>21684</v>
      </c>
      <c r="KM7" s="59">
        <v>31203</v>
      </c>
    </row>
    <row r="8" spans="2:299" ht="21" customHeight="1" x14ac:dyDescent="0.2">
      <c r="B8" s="471" t="s">
        <v>5</v>
      </c>
      <c r="C8" s="293">
        <v>1775</v>
      </c>
      <c r="D8" s="72">
        <v>2067</v>
      </c>
      <c r="E8" s="73">
        <v>3842</v>
      </c>
      <c r="F8" s="228"/>
      <c r="G8" s="72">
        <v>2153</v>
      </c>
      <c r="H8" s="72">
        <v>2393</v>
      </c>
      <c r="I8" s="72">
        <v>1546</v>
      </c>
      <c r="J8" s="72">
        <v>1234</v>
      </c>
      <c r="K8" s="72">
        <v>682</v>
      </c>
      <c r="L8" s="74">
        <v>8008</v>
      </c>
      <c r="M8" s="75">
        <v>11850</v>
      </c>
      <c r="N8" s="60">
        <v>17</v>
      </c>
      <c r="O8" s="61">
        <v>33</v>
      </c>
      <c r="P8" s="62">
        <v>50</v>
      </c>
      <c r="Q8" s="231"/>
      <c r="R8" s="61">
        <v>29</v>
      </c>
      <c r="S8" s="61">
        <v>42</v>
      </c>
      <c r="T8" s="61">
        <v>23</v>
      </c>
      <c r="U8" s="61">
        <v>20</v>
      </c>
      <c r="V8" s="61">
        <v>18</v>
      </c>
      <c r="W8" s="62">
        <v>132</v>
      </c>
      <c r="X8" s="63">
        <v>182</v>
      </c>
      <c r="Y8" s="60">
        <v>62</v>
      </c>
      <c r="Z8" s="61">
        <v>83</v>
      </c>
      <c r="AA8" s="62">
        <v>145</v>
      </c>
      <c r="AB8" s="228"/>
      <c r="AC8" s="61">
        <v>63</v>
      </c>
      <c r="AD8" s="61">
        <v>118</v>
      </c>
      <c r="AE8" s="61">
        <v>70</v>
      </c>
      <c r="AF8" s="61">
        <v>56</v>
      </c>
      <c r="AG8" s="61">
        <v>33</v>
      </c>
      <c r="AH8" s="62">
        <v>340</v>
      </c>
      <c r="AI8" s="63">
        <v>485</v>
      </c>
      <c r="AJ8" s="60">
        <v>133</v>
      </c>
      <c r="AK8" s="61">
        <v>161</v>
      </c>
      <c r="AL8" s="62">
        <v>294</v>
      </c>
      <c r="AM8" s="228"/>
      <c r="AN8" s="61">
        <v>157</v>
      </c>
      <c r="AO8" s="61">
        <v>154</v>
      </c>
      <c r="AP8" s="61">
        <v>119</v>
      </c>
      <c r="AQ8" s="61">
        <v>84</v>
      </c>
      <c r="AR8" s="61">
        <v>56</v>
      </c>
      <c r="AS8" s="62">
        <v>570</v>
      </c>
      <c r="AT8" s="63">
        <v>864</v>
      </c>
      <c r="AU8" s="60">
        <v>330</v>
      </c>
      <c r="AV8" s="61">
        <v>379</v>
      </c>
      <c r="AW8" s="62">
        <v>709</v>
      </c>
      <c r="AX8" s="228"/>
      <c r="AY8" s="61">
        <v>372</v>
      </c>
      <c r="AZ8" s="61">
        <v>401</v>
      </c>
      <c r="BA8" s="61">
        <v>237</v>
      </c>
      <c r="BB8" s="61">
        <v>197</v>
      </c>
      <c r="BC8" s="61">
        <v>118</v>
      </c>
      <c r="BD8" s="62">
        <v>1325</v>
      </c>
      <c r="BE8" s="63">
        <v>2034</v>
      </c>
      <c r="BF8" s="60">
        <v>665</v>
      </c>
      <c r="BG8" s="61">
        <v>690</v>
      </c>
      <c r="BH8" s="62">
        <v>1355</v>
      </c>
      <c r="BI8" s="231"/>
      <c r="BJ8" s="61">
        <v>744</v>
      </c>
      <c r="BK8" s="61">
        <v>710</v>
      </c>
      <c r="BL8" s="61">
        <v>445</v>
      </c>
      <c r="BM8" s="61">
        <v>360</v>
      </c>
      <c r="BN8" s="61">
        <v>190</v>
      </c>
      <c r="BO8" s="62">
        <v>2449</v>
      </c>
      <c r="BP8" s="63">
        <v>3804</v>
      </c>
      <c r="BQ8" s="60">
        <v>568</v>
      </c>
      <c r="BR8" s="61">
        <v>721</v>
      </c>
      <c r="BS8" s="62">
        <v>1289</v>
      </c>
      <c r="BT8" s="231"/>
      <c r="BU8" s="61">
        <v>788</v>
      </c>
      <c r="BV8" s="61">
        <v>968</v>
      </c>
      <c r="BW8" s="61">
        <v>652</v>
      </c>
      <c r="BX8" s="61">
        <v>517</v>
      </c>
      <c r="BY8" s="61">
        <v>267</v>
      </c>
      <c r="BZ8" s="62">
        <v>3192</v>
      </c>
      <c r="CA8" s="63">
        <v>4481</v>
      </c>
      <c r="CB8" s="60">
        <v>0</v>
      </c>
      <c r="CC8" s="61">
        <v>0</v>
      </c>
      <c r="CD8" s="62">
        <v>0</v>
      </c>
      <c r="CE8" s="231"/>
      <c r="CF8" s="61">
        <v>0</v>
      </c>
      <c r="CG8" s="61">
        <v>0</v>
      </c>
      <c r="CH8" s="61">
        <v>0</v>
      </c>
      <c r="CI8" s="61">
        <v>0</v>
      </c>
      <c r="CJ8" s="61">
        <v>0</v>
      </c>
      <c r="CK8" s="62">
        <v>0</v>
      </c>
      <c r="CL8" s="63">
        <v>0</v>
      </c>
      <c r="CM8" s="60">
        <v>1775</v>
      </c>
      <c r="CN8" s="61">
        <v>2067</v>
      </c>
      <c r="CO8" s="62">
        <v>3842</v>
      </c>
      <c r="CP8" s="231"/>
      <c r="CQ8" s="61">
        <v>2153</v>
      </c>
      <c r="CR8" s="61">
        <v>2393</v>
      </c>
      <c r="CS8" s="61">
        <v>1546</v>
      </c>
      <c r="CT8" s="61">
        <v>1234</v>
      </c>
      <c r="CU8" s="61">
        <v>682</v>
      </c>
      <c r="CV8" s="62">
        <v>8008</v>
      </c>
      <c r="CW8" s="63">
        <v>11850</v>
      </c>
      <c r="CX8" s="113">
        <v>244</v>
      </c>
      <c r="CY8" s="72">
        <v>339</v>
      </c>
      <c r="CZ8" s="73">
        <v>583</v>
      </c>
      <c r="DA8" s="228"/>
      <c r="DB8" s="72">
        <v>299</v>
      </c>
      <c r="DC8" s="72">
        <v>354</v>
      </c>
      <c r="DD8" s="72">
        <v>235</v>
      </c>
      <c r="DE8" s="72">
        <v>253</v>
      </c>
      <c r="DF8" s="72">
        <v>158</v>
      </c>
      <c r="DG8" s="74">
        <v>1299</v>
      </c>
      <c r="DH8" s="75">
        <v>1882</v>
      </c>
      <c r="DI8" s="60">
        <v>7</v>
      </c>
      <c r="DJ8" s="61">
        <v>8</v>
      </c>
      <c r="DK8" s="62">
        <v>15</v>
      </c>
      <c r="DL8" s="231"/>
      <c r="DM8" s="61">
        <v>2</v>
      </c>
      <c r="DN8" s="61">
        <v>4</v>
      </c>
      <c r="DO8" s="61">
        <v>1</v>
      </c>
      <c r="DP8" s="61">
        <v>3</v>
      </c>
      <c r="DQ8" s="61">
        <v>2</v>
      </c>
      <c r="DR8" s="62">
        <v>12</v>
      </c>
      <c r="DS8" s="63">
        <v>27</v>
      </c>
      <c r="DT8" s="60">
        <v>16</v>
      </c>
      <c r="DU8" s="61">
        <v>19</v>
      </c>
      <c r="DV8" s="62">
        <v>35</v>
      </c>
      <c r="DW8" s="231"/>
      <c r="DX8" s="61">
        <v>13</v>
      </c>
      <c r="DY8" s="61">
        <v>11</v>
      </c>
      <c r="DZ8" s="61">
        <v>19</v>
      </c>
      <c r="EA8" s="61">
        <v>11</v>
      </c>
      <c r="EB8" s="61">
        <v>6</v>
      </c>
      <c r="EC8" s="62">
        <v>60</v>
      </c>
      <c r="ED8" s="63">
        <v>95</v>
      </c>
      <c r="EE8" s="60">
        <v>25</v>
      </c>
      <c r="EF8" s="61">
        <v>51</v>
      </c>
      <c r="EG8" s="62">
        <v>76</v>
      </c>
      <c r="EH8" s="231"/>
      <c r="EI8" s="61">
        <v>29</v>
      </c>
      <c r="EJ8" s="61">
        <v>21</v>
      </c>
      <c r="EK8" s="61">
        <v>18</v>
      </c>
      <c r="EL8" s="61">
        <v>14</v>
      </c>
      <c r="EM8" s="61">
        <v>15</v>
      </c>
      <c r="EN8" s="62">
        <v>97</v>
      </c>
      <c r="EO8" s="63">
        <v>173</v>
      </c>
      <c r="EP8" s="60">
        <v>59</v>
      </c>
      <c r="EQ8" s="61">
        <v>74</v>
      </c>
      <c r="ER8" s="62">
        <v>133</v>
      </c>
      <c r="ES8" s="231"/>
      <c r="ET8" s="61">
        <v>59</v>
      </c>
      <c r="EU8" s="61">
        <v>49</v>
      </c>
      <c r="EV8" s="61">
        <v>21</v>
      </c>
      <c r="EW8" s="61">
        <v>40</v>
      </c>
      <c r="EX8" s="61">
        <v>13</v>
      </c>
      <c r="EY8" s="62">
        <v>182</v>
      </c>
      <c r="EZ8" s="63">
        <v>315</v>
      </c>
      <c r="FA8" s="60">
        <v>88</v>
      </c>
      <c r="FB8" s="61">
        <v>104</v>
      </c>
      <c r="FC8" s="62">
        <v>192</v>
      </c>
      <c r="FD8" s="231"/>
      <c r="FE8" s="61">
        <v>101</v>
      </c>
      <c r="FF8" s="61">
        <v>112</v>
      </c>
      <c r="FG8" s="61">
        <v>53</v>
      </c>
      <c r="FH8" s="61">
        <v>58</v>
      </c>
      <c r="FI8" s="61">
        <v>30</v>
      </c>
      <c r="FJ8" s="62">
        <v>354</v>
      </c>
      <c r="FK8" s="63">
        <v>546</v>
      </c>
      <c r="FL8" s="60">
        <v>49</v>
      </c>
      <c r="FM8" s="61">
        <v>83</v>
      </c>
      <c r="FN8" s="62">
        <v>132</v>
      </c>
      <c r="FO8" s="231"/>
      <c r="FP8" s="61">
        <v>95</v>
      </c>
      <c r="FQ8" s="61">
        <v>157</v>
      </c>
      <c r="FR8" s="61">
        <v>123</v>
      </c>
      <c r="FS8" s="61">
        <v>127</v>
      </c>
      <c r="FT8" s="61">
        <v>92</v>
      </c>
      <c r="FU8" s="62">
        <v>594</v>
      </c>
      <c r="FV8" s="63">
        <v>726</v>
      </c>
      <c r="FW8" s="60">
        <v>0</v>
      </c>
      <c r="FX8" s="61">
        <v>0</v>
      </c>
      <c r="FY8" s="62">
        <v>0</v>
      </c>
      <c r="FZ8" s="231"/>
      <c r="GA8" s="61">
        <v>0</v>
      </c>
      <c r="GB8" s="61">
        <v>0</v>
      </c>
      <c r="GC8" s="61">
        <v>0</v>
      </c>
      <c r="GD8" s="61">
        <v>0</v>
      </c>
      <c r="GE8" s="61">
        <v>0</v>
      </c>
      <c r="GF8" s="62">
        <v>0</v>
      </c>
      <c r="GG8" s="63">
        <v>0</v>
      </c>
      <c r="GH8" s="60">
        <v>244</v>
      </c>
      <c r="GI8" s="61">
        <v>339</v>
      </c>
      <c r="GJ8" s="62">
        <v>583</v>
      </c>
      <c r="GK8" s="231"/>
      <c r="GL8" s="61">
        <v>299</v>
      </c>
      <c r="GM8" s="61">
        <v>354</v>
      </c>
      <c r="GN8" s="61">
        <v>235</v>
      </c>
      <c r="GO8" s="61">
        <v>253</v>
      </c>
      <c r="GP8" s="61">
        <v>158</v>
      </c>
      <c r="GQ8" s="62">
        <v>1299</v>
      </c>
      <c r="GR8" s="63">
        <v>1882</v>
      </c>
      <c r="GS8" s="113">
        <v>2019</v>
      </c>
      <c r="GT8" s="72">
        <v>2406</v>
      </c>
      <c r="GU8" s="73">
        <v>4425</v>
      </c>
      <c r="GV8" s="228"/>
      <c r="GW8" s="72">
        <v>2452</v>
      </c>
      <c r="GX8" s="72">
        <v>2747</v>
      </c>
      <c r="GY8" s="72">
        <v>1781</v>
      </c>
      <c r="GZ8" s="72">
        <v>1487</v>
      </c>
      <c r="HA8" s="72">
        <v>840</v>
      </c>
      <c r="HB8" s="74">
        <v>9307</v>
      </c>
      <c r="HC8" s="75">
        <v>13732</v>
      </c>
      <c r="HD8" s="60">
        <v>24</v>
      </c>
      <c r="HE8" s="61">
        <v>41</v>
      </c>
      <c r="HF8" s="62">
        <v>65</v>
      </c>
      <c r="HG8" s="231"/>
      <c r="HH8" s="61">
        <v>31</v>
      </c>
      <c r="HI8" s="61">
        <v>46</v>
      </c>
      <c r="HJ8" s="61">
        <v>24</v>
      </c>
      <c r="HK8" s="61">
        <v>23</v>
      </c>
      <c r="HL8" s="61">
        <v>20</v>
      </c>
      <c r="HM8" s="62">
        <v>144</v>
      </c>
      <c r="HN8" s="63">
        <v>209</v>
      </c>
      <c r="HO8" s="60">
        <v>78</v>
      </c>
      <c r="HP8" s="61">
        <v>102</v>
      </c>
      <c r="HQ8" s="62">
        <v>180</v>
      </c>
      <c r="HR8" s="231"/>
      <c r="HS8" s="61">
        <v>76</v>
      </c>
      <c r="HT8" s="61">
        <v>129</v>
      </c>
      <c r="HU8" s="61">
        <v>89</v>
      </c>
      <c r="HV8" s="61">
        <v>67</v>
      </c>
      <c r="HW8" s="61">
        <v>39</v>
      </c>
      <c r="HX8" s="62">
        <v>400</v>
      </c>
      <c r="HY8" s="63">
        <v>580</v>
      </c>
      <c r="HZ8" s="60">
        <v>158</v>
      </c>
      <c r="IA8" s="61">
        <v>212</v>
      </c>
      <c r="IB8" s="62">
        <v>370</v>
      </c>
      <c r="IC8" s="231"/>
      <c r="ID8" s="61">
        <v>186</v>
      </c>
      <c r="IE8" s="61">
        <v>175</v>
      </c>
      <c r="IF8" s="61">
        <v>137</v>
      </c>
      <c r="IG8" s="61">
        <v>98</v>
      </c>
      <c r="IH8" s="61">
        <v>71</v>
      </c>
      <c r="II8" s="62">
        <v>667</v>
      </c>
      <c r="IJ8" s="63">
        <v>1037</v>
      </c>
      <c r="IK8" s="60">
        <v>389</v>
      </c>
      <c r="IL8" s="61">
        <v>453</v>
      </c>
      <c r="IM8" s="62">
        <v>842</v>
      </c>
      <c r="IN8" s="231"/>
      <c r="IO8" s="61">
        <v>431</v>
      </c>
      <c r="IP8" s="61">
        <v>450</v>
      </c>
      <c r="IQ8" s="61">
        <v>258</v>
      </c>
      <c r="IR8" s="61">
        <v>237</v>
      </c>
      <c r="IS8" s="61">
        <v>131</v>
      </c>
      <c r="IT8" s="62">
        <v>1507</v>
      </c>
      <c r="IU8" s="63">
        <v>2349</v>
      </c>
      <c r="IV8" s="60">
        <v>753</v>
      </c>
      <c r="IW8" s="61">
        <v>794</v>
      </c>
      <c r="IX8" s="62">
        <v>1547</v>
      </c>
      <c r="IY8" s="231"/>
      <c r="IZ8" s="61">
        <v>845</v>
      </c>
      <c r="JA8" s="61">
        <v>822</v>
      </c>
      <c r="JB8" s="61">
        <v>498</v>
      </c>
      <c r="JC8" s="61">
        <v>418</v>
      </c>
      <c r="JD8" s="61">
        <v>220</v>
      </c>
      <c r="JE8" s="62">
        <v>2803</v>
      </c>
      <c r="JF8" s="63">
        <v>4350</v>
      </c>
      <c r="JG8" s="60">
        <v>617</v>
      </c>
      <c r="JH8" s="61">
        <v>804</v>
      </c>
      <c r="JI8" s="62">
        <v>1421</v>
      </c>
      <c r="JJ8" s="231"/>
      <c r="JK8" s="61">
        <v>883</v>
      </c>
      <c r="JL8" s="61">
        <v>1125</v>
      </c>
      <c r="JM8" s="61">
        <v>775</v>
      </c>
      <c r="JN8" s="61">
        <v>644</v>
      </c>
      <c r="JO8" s="61">
        <v>359</v>
      </c>
      <c r="JP8" s="62">
        <v>3786</v>
      </c>
      <c r="JQ8" s="63">
        <v>5207</v>
      </c>
      <c r="JR8" s="60">
        <v>0</v>
      </c>
      <c r="JS8" s="61">
        <v>0</v>
      </c>
      <c r="JT8" s="62">
        <v>0</v>
      </c>
      <c r="JU8" s="231"/>
      <c r="JV8" s="61">
        <v>0</v>
      </c>
      <c r="JW8" s="61">
        <v>0</v>
      </c>
      <c r="JX8" s="61">
        <v>0</v>
      </c>
      <c r="JY8" s="61">
        <v>0</v>
      </c>
      <c r="JZ8" s="61">
        <v>0</v>
      </c>
      <c r="KA8" s="62">
        <v>0</v>
      </c>
      <c r="KB8" s="63">
        <v>0</v>
      </c>
      <c r="KC8" s="60">
        <v>2019</v>
      </c>
      <c r="KD8" s="61">
        <v>2406</v>
      </c>
      <c r="KE8" s="62">
        <v>4425</v>
      </c>
      <c r="KF8" s="231"/>
      <c r="KG8" s="61">
        <v>2452</v>
      </c>
      <c r="KH8" s="61">
        <v>2747</v>
      </c>
      <c r="KI8" s="61">
        <v>1781</v>
      </c>
      <c r="KJ8" s="61">
        <v>1487</v>
      </c>
      <c r="KK8" s="61">
        <v>840</v>
      </c>
      <c r="KL8" s="62">
        <v>9307</v>
      </c>
      <c r="KM8" s="63">
        <v>13732</v>
      </c>
    </row>
    <row r="9" spans="2:299" ht="21" customHeight="1" x14ac:dyDescent="0.2">
      <c r="B9" s="472" t="s">
        <v>6</v>
      </c>
      <c r="C9" s="293">
        <v>469</v>
      </c>
      <c r="D9" s="72">
        <v>384</v>
      </c>
      <c r="E9" s="73">
        <v>853</v>
      </c>
      <c r="F9" s="228"/>
      <c r="G9" s="72">
        <v>808</v>
      </c>
      <c r="H9" s="72">
        <v>588</v>
      </c>
      <c r="I9" s="72">
        <v>353</v>
      </c>
      <c r="J9" s="72">
        <v>338</v>
      </c>
      <c r="K9" s="72">
        <v>206</v>
      </c>
      <c r="L9" s="74">
        <v>2293</v>
      </c>
      <c r="M9" s="75">
        <v>3146</v>
      </c>
      <c r="N9" s="60">
        <v>12</v>
      </c>
      <c r="O9" s="61">
        <v>11</v>
      </c>
      <c r="P9" s="62">
        <v>23</v>
      </c>
      <c r="Q9" s="231"/>
      <c r="R9" s="61">
        <v>13</v>
      </c>
      <c r="S9" s="61">
        <v>8</v>
      </c>
      <c r="T9" s="61">
        <v>7</v>
      </c>
      <c r="U9" s="61">
        <v>4</v>
      </c>
      <c r="V9" s="61">
        <v>1</v>
      </c>
      <c r="W9" s="62">
        <v>33</v>
      </c>
      <c r="X9" s="63">
        <v>56</v>
      </c>
      <c r="Y9" s="60">
        <v>27</v>
      </c>
      <c r="Z9" s="61">
        <v>13</v>
      </c>
      <c r="AA9" s="62">
        <v>40</v>
      </c>
      <c r="AB9" s="228"/>
      <c r="AC9" s="61">
        <v>38</v>
      </c>
      <c r="AD9" s="61">
        <v>22</v>
      </c>
      <c r="AE9" s="61">
        <v>9</v>
      </c>
      <c r="AF9" s="61">
        <v>23</v>
      </c>
      <c r="AG9" s="61">
        <v>18</v>
      </c>
      <c r="AH9" s="62">
        <v>110</v>
      </c>
      <c r="AI9" s="63">
        <v>150</v>
      </c>
      <c r="AJ9" s="60">
        <v>33</v>
      </c>
      <c r="AK9" s="61">
        <v>41</v>
      </c>
      <c r="AL9" s="62">
        <v>74</v>
      </c>
      <c r="AM9" s="228"/>
      <c r="AN9" s="61">
        <v>71</v>
      </c>
      <c r="AO9" s="61">
        <v>44</v>
      </c>
      <c r="AP9" s="61">
        <v>27</v>
      </c>
      <c r="AQ9" s="61">
        <v>24</v>
      </c>
      <c r="AR9" s="61">
        <v>14</v>
      </c>
      <c r="AS9" s="62">
        <v>180</v>
      </c>
      <c r="AT9" s="63">
        <v>254</v>
      </c>
      <c r="AU9" s="60">
        <v>86</v>
      </c>
      <c r="AV9" s="61">
        <v>68</v>
      </c>
      <c r="AW9" s="62">
        <v>154</v>
      </c>
      <c r="AX9" s="228"/>
      <c r="AY9" s="61">
        <v>147</v>
      </c>
      <c r="AZ9" s="61">
        <v>114</v>
      </c>
      <c r="BA9" s="61">
        <v>70</v>
      </c>
      <c r="BB9" s="61">
        <v>28</v>
      </c>
      <c r="BC9" s="61">
        <v>43</v>
      </c>
      <c r="BD9" s="62">
        <v>402</v>
      </c>
      <c r="BE9" s="63">
        <v>556</v>
      </c>
      <c r="BF9" s="60">
        <v>165</v>
      </c>
      <c r="BG9" s="61">
        <v>112</v>
      </c>
      <c r="BH9" s="62">
        <v>277</v>
      </c>
      <c r="BI9" s="231"/>
      <c r="BJ9" s="61">
        <v>255</v>
      </c>
      <c r="BK9" s="61">
        <v>193</v>
      </c>
      <c r="BL9" s="61">
        <v>92</v>
      </c>
      <c r="BM9" s="61">
        <v>93</v>
      </c>
      <c r="BN9" s="61">
        <v>55</v>
      </c>
      <c r="BO9" s="62">
        <v>688</v>
      </c>
      <c r="BP9" s="63">
        <v>965</v>
      </c>
      <c r="BQ9" s="60">
        <v>146</v>
      </c>
      <c r="BR9" s="61">
        <v>139</v>
      </c>
      <c r="BS9" s="62">
        <v>285</v>
      </c>
      <c r="BT9" s="231"/>
      <c r="BU9" s="61">
        <v>284</v>
      </c>
      <c r="BV9" s="61">
        <v>207</v>
      </c>
      <c r="BW9" s="61">
        <v>148</v>
      </c>
      <c r="BX9" s="61">
        <v>166</v>
      </c>
      <c r="BY9" s="61">
        <v>75</v>
      </c>
      <c r="BZ9" s="62">
        <v>880</v>
      </c>
      <c r="CA9" s="63">
        <v>1165</v>
      </c>
      <c r="CB9" s="60">
        <v>0</v>
      </c>
      <c r="CC9" s="61">
        <v>0</v>
      </c>
      <c r="CD9" s="62">
        <v>0</v>
      </c>
      <c r="CE9" s="231"/>
      <c r="CF9" s="61">
        <v>0</v>
      </c>
      <c r="CG9" s="61">
        <v>0</v>
      </c>
      <c r="CH9" s="61">
        <v>0</v>
      </c>
      <c r="CI9" s="61">
        <v>0</v>
      </c>
      <c r="CJ9" s="61">
        <v>0</v>
      </c>
      <c r="CK9" s="62">
        <v>0</v>
      </c>
      <c r="CL9" s="63">
        <v>0</v>
      </c>
      <c r="CM9" s="60">
        <v>469</v>
      </c>
      <c r="CN9" s="61">
        <v>384</v>
      </c>
      <c r="CO9" s="62">
        <v>853</v>
      </c>
      <c r="CP9" s="231"/>
      <c r="CQ9" s="61">
        <v>808</v>
      </c>
      <c r="CR9" s="61">
        <v>588</v>
      </c>
      <c r="CS9" s="61">
        <v>353</v>
      </c>
      <c r="CT9" s="61">
        <v>338</v>
      </c>
      <c r="CU9" s="61">
        <v>206</v>
      </c>
      <c r="CV9" s="62">
        <v>2293</v>
      </c>
      <c r="CW9" s="63">
        <v>3146</v>
      </c>
      <c r="CX9" s="113">
        <v>85</v>
      </c>
      <c r="CY9" s="72">
        <v>101</v>
      </c>
      <c r="CZ9" s="73">
        <v>186</v>
      </c>
      <c r="DA9" s="228"/>
      <c r="DB9" s="72">
        <v>133</v>
      </c>
      <c r="DC9" s="72">
        <v>110</v>
      </c>
      <c r="DD9" s="72">
        <v>78</v>
      </c>
      <c r="DE9" s="72">
        <v>78</v>
      </c>
      <c r="DF9" s="72">
        <v>56</v>
      </c>
      <c r="DG9" s="74">
        <v>455</v>
      </c>
      <c r="DH9" s="75">
        <v>641</v>
      </c>
      <c r="DI9" s="60">
        <v>1</v>
      </c>
      <c r="DJ9" s="61">
        <v>3</v>
      </c>
      <c r="DK9" s="62">
        <v>4</v>
      </c>
      <c r="DL9" s="231"/>
      <c r="DM9" s="61">
        <v>1</v>
      </c>
      <c r="DN9" s="61">
        <v>0</v>
      </c>
      <c r="DO9" s="61">
        <v>2</v>
      </c>
      <c r="DP9" s="61">
        <v>2</v>
      </c>
      <c r="DQ9" s="61">
        <v>0</v>
      </c>
      <c r="DR9" s="62">
        <v>5</v>
      </c>
      <c r="DS9" s="63">
        <v>9</v>
      </c>
      <c r="DT9" s="60">
        <v>8</v>
      </c>
      <c r="DU9" s="61">
        <v>4</v>
      </c>
      <c r="DV9" s="62">
        <v>12</v>
      </c>
      <c r="DW9" s="231"/>
      <c r="DX9" s="61">
        <v>6</v>
      </c>
      <c r="DY9" s="61">
        <v>3</v>
      </c>
      <c r="DZ9" s="61">
        <v>2</v>
      </c>
      <c r="EA9" s="61">
        <v>5</v>
      </c>
      <c r="EB9" s="61">
        <v>1</v>
      </c>
      <c r="EC9" s="62">
        <v>17</v>
      </c>
      <c r="ED9" s="63">
        <v>29</v>
      </c>
      <c r="EE9" s="60">
        <v>11</v>
      </c>
      <c r="EF9" s="61">
        <v>9</v>
      </c>
      <c r="EG9" s="62">
        <v>20</v>
      </c>
      <c r="EH9" s="231"/>
      <c r="EI9" s="61">
        <v>9</v>
      </c>
      <c r="EJ9" s="61">
        <v>3</v>
      </c>
      <c r="EK9" s="61">
        <v>4</v>
      </c>
      <c r="EL9" s="61">
        <v>2</v>
      </c>
      <c r="EM9" s="61">
        <v>4</v>
      </c>
      <c r="EN9" s="62">
        <v>22</v>
      </c>
      <c r="EO9" s="63">
        <v>42</v>
      </c>
      <c r="EP9" s="60">
        <v>30</v>
      </c>
      <c r="EQ9" s="61">
        <v>22</v>
      </c>
      <c r="ER9" s="62">
        <v>52</v>
      </c>
      <c r="ES9" s="231"/>
      <c r="ET9" s="61">
        <v>28</v>
      </c>
      <c r="EU9" s="61">
        <v>15</v>
      </c>
      <c r="EV9" s="61">
        <v>12</v>
      </c>
      <c r="EW9" s="61">
        <v>8</v>
      </c>
      <c r="EX9" s="61">
        <v>9</v>
      </c>
      <c r="EY9" s="62">
        <v>72</v>
      </c>
      <c r="EZ9" s="63">
        <v>124</v>
      </c>
      <c r="FA9" s="60">
        <v>15</v>
      </c>
      <c r="FB9" s="61">
        <v>35</v>
      </c>
      <c r="FC9" s="62">
        <v>50</v>
      </c>
      <c r="FD9" s="231"/>
      <c r="FE9" s="61">
        <v>42</v>
      </c>
      <c r="FF9" s="61">
        <v>41</v>
      </c>
      <c r="FG9" s="61">
        <v>19</v>
      </c>
      <c r="FH9" s="61">
        <v>15</v>
      </c>
      <c r="FI9" s="61">
        <v>15</v>
      </c>
      <c r="FJ9" s="62">
        <v>132</v>
      </c>
      <c r="FK9" s="63">
        <v>182</v>
      </c>
      <c r="FL9" s="60">
        <v>20</v>
      </c>
      <c r="FM9" s="61">
        <v>28</v>
      </c>
      <c r="FN9" s="62">
        <v>48</v>
      </c>
      <c r="FO9" s="231"/>
      <c r="FP9" s="61">
        <v>47</v>
      </c>
      <c r="FQ9" s="61">
        <v>48</v>
      </c>
      <c r="FR9" s="61">
        <v>39</v>
      </c>
      <c r="FS9" s="61">
        <v>46</v>
      </c>
      <c r="FT9" s="61">
        <v>27</v>
      </c>
      <c r="FU9" s="62">
        <v>207</v>
      </c>
      <c r="FV9" s="63">
        <v>255</v>
      </c>
      <c r="FW9" s="60">
        <v>0</v>
      </c>
      <c r="FX9" s="61">
        <v>0</v>
      </c>
      <c r="FY9" s="62">
        <v>0</v>
      </c>
      <c r="FZ9" s="231"/>
      <c r="GA9" s="61">
        <v>0</v>
      </c>
      <c r="GB9" s="61">
        <v>0</v>
      </c>
      <c r="GC9" s="61">
        <v>0</v>
      </c>
      <c r="GD9" s="61">
        <v>0</v>
      </c>
      <c r="GE9" s="61">
        <v>0</v>
      </c>
      <c r="GF9" s="62">
        <v>0</v>
      </c>
      <c r="GG9" s="63">
        <v>0</v>
      </c>
      <c r="GH9" s="60">
        <v>85</v>
      </c>
      <c r="GI9" s="61">
        <v>101</v>
      </c>
      <c r="GJ9" s="62">
        <v>186</v>
      </c>
      <c r="GK9" s="231"/>
      <c r="GL9" s="61">
        <v>133</v>
      </c>
      <c r="GM9" s="61">
        <v>110</v>
      </c>
      <c r="GN9" s="61">
        <v>78</v>
      </c>
      <c r="GO9" s="61">
        <v>78</v>
      </c>
      <c r="GP9" s="61">
        <v>56</v>
      </c>
      <c r="GQ9" s="62">
        <v>455</v>
      </c>
      <c r="GR9" s="63">
        <v>641</v>
      </c>
      <c r="GS9" s="113">
        <v>554</v>
      </c>
      <c r="GT9" s="72">
        <v>485</v>
      </c>
      <c r="GU9" s="73">
        <v>1039</v>
      </c>
      <c r="GV9" s="228"/>
      <c r="GW9" s="72">
        <v>941</v>
      </c>
      <c r="GX9" s="72">
        <v>698</v>
      </c>
      <c r="GY9" s="72">
        <v>431</v>
      </c>
      <c r="GZ9" s="72">
        <v>416</v>
      </c>
      <c r="HA9" s="72">
        <v>262</v>
      </c>
      <c r="HB9" s="74">
        <v>2748</v>
      </c>
      <c r="HC9" s="75">
        <v>3787</v>
      </c>
      <c r="HD9" s="60">
        <v>13</v>
      </c>
      <c r="HE9" s="61">
        <v>14</v>
      </c>
      <c r="HF9" s="62">
        <v>27</v>
      </c>
      <c r="HG9" s="231"/>
      <c r="HH9" s="61">
        <v>14</v>
      </c>
      <c r="HI9" s="61">
        <v>8</v>
      </c>
      <c r="HJ9" s="61">
        <v>9</v>
      </c>
      <c r="HK9" s="61">
        <v>6</v>
      </c>
      <c r="HL9" s="61">
        <v>1</v>
      </c>
      <c r="HM9" s="62">
        <v>38</v>
      </c>
      <c r="HN9" s="63">
        <v>65</v>
      </c>
      <c r="HO9" s="60">
        <v>35</v>
      </c>
      <c r="HP9" s="61">
        <v>17</v>
      </c>
      <c r="HQ9" s="62">
        <v>52</v>
      </c>
      <c r="HR9" s="231"/>
      <c r="HS9" s="61">
        <v>44</v>
      </c>
      <c r="HT9" s="61">
        <v>25</v>
      </c>
      <c r="HU9" s="61">
        <v>11</v>
      </c>
      <c r="HV9" s="61">
        <v>28</v>
      </c>
      <c r="HW9" s="61">
        <v>19</v>
      </c>
      <c r="HX9" s="62">
        <v>127</v>
      </c>
      <c r="HY9" s="63">
        <v>179</v>
      </c>
      <c r="HZ9" s="60">
        <v>44</v>
      </c>
      <c r="IA9" s="61">
        <v>50</v>
      </c>
      <c r="IB9" s="62">
        <v>94</v>
      </c>
      <c r="IC9" s="231"/>
      <c r="ID9" s="61">
        <v>80</v>
      </c>
      <c r="IE9" s="61">
        <v>47</v>
      </c>
      <c r="IF9" s="61">
        <v>31</v>
      </c>
      <c r="IG9" s="61">
        <v>26</v>
      </c>
      <c r="IH9" s="61">
        <v>18</v>
      </c>
      <c r="II9" s="62">
        <v>202</v>
      </c>
      <c r="IJ9" s="63">
        <v>296</v>
      </c>
      <c r="IK9" s="60">
        <v>116</v>
      </c>
      <c r="IL9" s="61">
        <v>90</v>
      </c>
      <c r="IM9" s="62">
        <v>206</v>
      </c>
      <c r="IN9" s="231"/>
      <c r="IO9" s="61">
        <v>175</v>
      </c>
      <c r="IP9" s="61">
        <v>129</v>
      </c>
      <c r="IQ9" s="61">
        <v>82</v>
      </c>
      <c r="IR9" s="61">
        <v>36</v>
      </c>
      <c r="IS9" s="61">
        <v>52</v>
      </c>
      <c r="IT9" s="62">
        <v>474</v>
      </c>
      <c r="IU9" s="63">
        <v>680</v>
      </c>
      <c r="IV9" s="60">
        <v>180</v>
      </c>
      <c r="IW9" s="61">
        <v>147</v>
      </c>
      <c r="IX9" s="62">
        <v>327</v>
      </c>
      <c r="IY9" s="231"/>
      <c r="IZ9" s="61">
        <v>297</v>
      </c>
      <c r="JA9" s="61">
        <v>234</v>
      </c>
      <c r="JB9" s="61">
        <v>111</v>
      </c>
      <c r="JC9" s="61">
        <v>108</v>
      </c>
      <c r="JD9" s="61">
        <v>70</v>
      </c>
      <c r="JE9" s="62">
        <v>820</v>
      </c>
      <c r="JF9" s="63">
        <v>1147</v>
      </c>
      <c r="JG9" s="60">
        <v>166</v>
      </c>
      <c r="JH9" s="61">
        <v>167</v>
      </c>
      <c r="JI9" s="62">
        <v>333</v>
      </c>
      <c r="JJ9" s="231"/>
      <c r="JK9" s="61">
        <v>331</v>
      </c>
      <c r="JL9" s="61">
        <v>255</v>
      </c>
      <c r="JM9" s="61">
        <v>187</v>
      </c>
      <c r="JN9" s="61">
        <v>212</v>
      </c>
      <c r="JO9" s="61">
        <v>102</v>
      </c>
      <c r="JP9" s="62">
        <v>1087</v>
      </c>
      <c r="JQ9" s="63">
        <v>1420</v>
      </c>
      <c r="JR9" s="60">
        <v>0</v>
      </c>
      <c r="JS9" s="61">
        <v>0</v>
      </c>
      <c r="JT9" s="62">
        <v>0</v>
      </c>
      <c r="JU9" s="231"/>
      <c r="JV9" s="61">
        <v>0</v>
      </c>
      <c r="JW9" s="61">
        <v>0</v>
      </c>
      <c r="JX9" s="61">
        <v>0</v>
      </c>
      <c r="JY9" s="61">
        <v>0</v>
      </c>
      <c r="JZ9" s="61">
        <v>0</v>
      </c>
      <c r="KA9" s="62">
        <v>0</v>
      </c>
      <c r="KB9" s="63">
        <v>0</v>
      </c>
      <c r="KC9" s="60">
        <v>554</v>
      </c>
      <c r="KD9" s="61">
        <v>485</v>
      </c>
      <c r="KE9" s="62">
        <v>1039</v>
      </c>
      <c r="KF9" s="231"/>
      <c r="KG9" s="61">
        <v>941</v>
      </c>
      <c r="KH9" s="61">
        <v>698</v>
      </c>
      <c r="KI9" s="61">
        <v>431</v>
      </c>
      <c r="KJ9" s="61">
        <v>416</v>
      </c>
      <c r="KK9" s="61">
        <v>262</v>
      </c>
      <c r="KL9" s="62">
        <v>2748</v>
      </c>
      <c r="KM9" s="63">
        <v>3787</v>
      </c>
    </row>
    <row r="10" spans="2:299" ht="21" customHeight="1" x14ac:dyDescent="0.2">
      <c r="B10" s="472" t="s">
        <v>14</v>
      </c>
      <c r="C10" s="293">
        <v>253</v>
      </c>
      <c r="D10" s="72">
        <v>325</v>
      </c>
      <c r="E10" s="73">
        <v>578</v>
      </c>
      <c r="F10" s="228"/>
      <c r="G10" s="72">
        <v>387</v>
      </c>
      <c r="H10" s="72">
        <v>393</v>
      </c>
      <c r="I10" s="72">
        <v>275</v>
      </c>
      <c r="J10" s="72">
        <v>226</v>
      </c>
      <c r="K10" s="72">
        <v>127</v>
      </c>
      <c r="L10" s="74">
        <v>1408</v>
      </c>
      <c r="M10" s="75">
        <v>1986</v>
      </c>
      <c r="N10" s="60">
        <v>5</v>
      </c>
      <c r="O10" s="61">
        <v>4</v>
      </c>
      <c r="P10" s="62">
        <v>9</v>
      </c>
      <c r="Q10" s="231"/>
      <c r="R10" s="61">
        <v>8</v>
      </c>
      <c r="S10" s="61">
        <v>7</v>
      </c>
      <c r="T10" s="61">
        <v>4</v>
      </c>
      <c r="U10" s="61">
        <v>5</v>
      </c>
      <c r="V10" s="61">
        <v>6</v>
      </c>
      <c r="W10" s="62">
        <v>30</v>
      </c>
      <c r="X10" s="63">
        <v>39</v>
      </c>
      <c r="Y10" s="60">
        <v>13</v>
      </c>
      <c r="Z10" s="61">
        <v>15</v>
      </c>
      <c r="AA10" s="62">
        <v>28</v>
      </c>
      <c r="AB10" s="228"/>
      <c r="AC10" s="61">
        <v>14</v>
      </c>
      <c r="AD10" s="61">
        <v>15</v>
      </c>
      <c r="AE10" s="61">
        <v>17</v>
      </c>
      <c r="AF10" s="61">
        <v>5</v>
      </c>
      <c r="AG10" s="61">
        <v>12</v>
      </c>
      <c r="AH10" s="62">
        <v>63</v>
      </c>
      <c r="AI10" s="63">
        <v>91</v>
      </c>
      <c r="AJ10" s="60">
        <v>23</v>
      </c>
      <c r="AK10" s="61">
        <v>41</v>
      </c>
      <c r="AL10" s="62">
        <v>64</v>
      </c>
      <c r="AM10" s="228"/>
      <c r="AN10" s="61">
        <v>27</v>
      </c>
      <c r="AO10" s="61">
        <v>35</v>
      </c>
      <c r="AP10" s="61">
        <v>19</v>
      </c>
      <c r="AQ10" s="61">
        <v>30</v>
      </c>
      <c r="AR10" s="61">
        <v>10</v>
      </c>
      <c r="AS10" s="62">
        <v>121</v>
      </c>
      <c r="AT10" s="63">
        <v>185</v>
      </c>
      <c r="AU10" s="60">
        <v>61</v>
      </c>
      <c r="AV10" s="61">
        <v>86</v>
      </c>
      <c r="AW10" s="62">
        <v>147</v>
      </c>
      <c r="AX10" s="228"/>
      <c r="AY10" s="61">
        <v>83</v>
      </c>
      <c r="AZ10" s="61">
        <v>82</v>
      </c>
      <c r="BA10" s="61">
        <v>55</v>
      </c>
      <c r="BB10" s="61">
        <v>47</v>
      </c>
      <c r="BC10" s="61">
        <v>16</v>
      </c>
      <c r="BD10" s="62">
        <v>283</v>
      </c>
      <c r="BE10" s="63">
        <v>430</v>
      </c>
      <c r="BF10" s="60">
        <v>83</v>
      </c>
      <c r="BG10" s="61">
        <v>94</v>
      </c>
      <c r="BH10" s="62">
        <v>177</v>
      </c>
      <c r="BI10" s="231"/>
      <c r="BJ10" s="61">
        <v>126</v>
      </c>
      <c r="BK10" s="61">
        <v>122</v>
      </c>
      <c r="BL10" s="61">
        <v>75</v>
      </c>
      <c r="BM10" s="61">
        <v>67</v>
      </c>
      <c r="BN10" s="61">
        <v>31</v>
      </c>
      <c r="BO10" s="62">
        <v>421</v>
      </c>
      <c r="BP10" s="63">
        <v>598</v>
      </c>
      <c r="BQ10" s="60">
        <v>68</v>
      </c>
      <c r="BR10" s="61">
        <v>85</v>
      </c>
      <c r="BS10" s="62">
        <v>153</v>
      </c>
      <c r="BT10" s="231"/>
      <c r="BU10" s="61">
        <v>129</v>
      </c>
      <c r="BV10" s="61">
        <v>132</v>
      </c>
      <c r="BW10" s="61">
        <v>105</v>
      </c>
      <c r="BX10" s="61">
        <v>72</v>
      </c>
      <c r="BY10" s="61">
        <v>52</v>
      </c>
      <c r="BZ10" s="62">
        <v>490</v>
      </c>
      <c r="CA10" s="63">
        <v>643</v>
      </c>
      <c r="CB10" s="60">
        <v>0</v>
      </c>
      <c r="CC10" s="61">
        <v>0</v>
      </c>
      <c r="CD10" s="62">
        <v>0</v>
      </c>
      <c r="CE10" s="231"/>
      <c r="CF10" s="61">
        <v>0</v>
      </c>
      <c r="CG10" s="61">
        <v>0</v>
      </c>
      <c r="CH10" s="61">
        <v>0</v>
      </c>
      <c r="CI10" s="61">
        <v>0</v>
      </c>
      <c r="CJ10" s="61">
        <v>0</v>
      </c>
      <c r="CK10" s="62">
        <v>0</v>
      </c>
      <c r="CL10" s="63">
        <v>0</v>
      </c>
      <c r="CM10" s="60">
        <v>253</v>
      </c>
      <c r="CN10" s="61">
        <v>325</v>
      </c>
      <c r="CO10" s="62">
        <v>578</v>
      </c>
      <c r="CP10" s="231"/>
      <c r="CQ10" s="61">
        <v>387</v>
      </c>
      <c r="CR10" s="61">
        <v>393</v>
      </c>
      <c r="CS10" s="61">
        <v>275</v>
      </c>
      <c r="CT10" s="61">
        <v>226</v>
      </c>
      <c r="CU10" s="61">
        <v>127</v>
      </c>
      <c r="CV10" s="62">
        <v>1408</v>
      </c>
      <c r="CW10" s="63">
        <v>1986</v>
      </c>
      <c r="CX10" s="113">
        <v>39</v>
      </c>
      <c r="CY10" s="72">
        <v>47</v>
      </c>
      <c r="CZ10" s="73">
        <v>86</v>
      </c>
      <c r="DA10" s="228"/>
      <c r="DB10" s="72">
        <v>45</v>
      </c>
      <c r="DC10" s="72">
        <v>53</v>
      </c>
      <c r="DD10" s="72">
        <v>42</v>
      </c>
      <c r="DE10" s="72">
        <v>28</v>
      </c>
      <c r="DF10" s="72">
        <v>20</v>
      </c>
      <c r="DG10" s="74">
        <v>188</v>
      </c>
      <c r="DH10" s="75">
        <v>274</v>
      </c>
      <c r="DI10" s="60">
        <v>0</v>
      </c>
      <c r="DJ10" s="61">
        <v>0</v>
      </c>
      <c r="DK10" s="62">
        <v>0</v>
      </c>
      <c r="DL10" s="231"/>
      <c r="DM10" s="61">
        <v>0</v>
      </c>
      <c r="DN10" s="61">
        <v>1</v>
      </c>
      <c r="DO10" s="61">
        <v>2</v>
      </c>
      <c r="DP10" s="61">
        <v>0</v>
      </c>
      <c r="DQ10" s="61">
        <v>0</v>
      </c>
      <c r="DR10" s="62">
        <v>3</v>
      </c>
      <c r="DS10" s="63">
        <v>3</v>
      </c>
      <c r="DT10" s="60">
        <v>1</v>
      </c>
      <c r="DU10" s="61">
        <v>2</v>
      </c>
      <c r="DV10" s="62">
        <v>3</v>
      </c>
      <c r="DW10" s="231"/>
      <c r="DX10" s="61">
        <v>3</v>
      </c>
      <c r="DY10" s="61">
        <v>5</v>
      </c>
      <c r="DZ10" s="61">
        <v>0</v>
      </c>
      <c r="EA10" s="61">
        <v>1</v>
      </c>
      <c r="EB10" s="61">
        <v>2</v>
      </c>
      <c r="EC10" s="62">
        <v>11</v>
      </c>
      <c r="ED10" s="63">
        <v>14</v>
      </c>
      <c r="EE10" s="60">
        <v>7</v>
      </c>
      <c r="EF10" s="61">
        <v>4</v>
      </c>
      <c r="EG10" s="62">
        <v>11</v>
      </c>
      <c r="EH10" s="231"/>
      <c r="EI10" s="61">
        <v>10</v>
      </c>
      <c r="EJ10" s="61">
        <v>6</v>
      </c>
      <c r="EK10" s="61">
        <v>6</v>
      </c>
      <c r="EL10" s="61">
        <v>3</v>
      </c>
      <c r="EM10" s="61">
        <v>2</v>
      </c>
      <c r="EN10" s="62">
        <v>27</v>
      </c>
      <c r="EO10" s="63">
        <v>38</v>
      </c>
      <c r="EP10" s="60">
        <v>9</v>
      </c>
      <c r="EQ10" s="61">
        <v>14</v>
      </c>
      <c r="ER10" s="62">
        <v>23</v>
      </c>
      <c r="ES10" s="231"/>
      <c r="ET10" s="61">
        <v>10</v>
      </c>
      <c r="EU10" s="61">
        <v>10</v>
      </c>
      <c r="EV10" s="61">
        <v>8</v>
      </c>
      <c r="EW10" s="61">
        <v>2</v>
      </c>
      <c r="EX10" s="61">
        <v>2</v>
      </c>
      <c r="EY10" s="62">
        <v>32</v>
      </c>
      <c r="EZ10" s="63">
        <v>55</v>
      </c>
      <c r="FA10" s="60">
        <v>17</v>
      </c>
      <c r="FB10" s="61">
        <v>15</v>
      </c>
      <c r="FC10" s="62">
        <v>32</v>
      </c>
      <c r="FD10" s="231"/>
      <c r="FE10" s="61">
        <v>13</v>
      </c>
      <c r="FF10" s="61">
        <v>13</v>
      </c>
      <c r="FG10" s="61">
        <v>10</v>
      </c>
      <c r="FH10" s="61">
        <v>6</v>
      </c>
      <c r="FI10" s="61">
        <v>5</v>
      </c>
      <c r="FJ10" s="62">
        <v>47</v>
      </c>
      <c r="FK10" s="63">
        <v>79</v>
      </c>
      <c r="FL10" s="60">
        <v>5</v>
      </c>
      <c r="FM10" s="61">
        <v>12</v>
      </c>
      <c r="FN10" s="62">
        <v>17</v>
      </c>
      <c r="FO10" s="231"/>
      <c r="FP10" s="61">
        <v>9</v>
      </c>
      <c r="FQ10" s="61">
        <v>18</v>
      </c>
      <c r="FR10" s="61">
        <v>16</v>
      </c>
      <c r="FS10" s="61">
        <v>16</v>
      </c>
      <c r="FT10" s="61">
        <v>9</v>
      </c>
      <c r="FU10" s="62">
        <v>68</v>
      </c>
      <c r="FV10" s="63">
        <v>85</v>
      </c>
      <c r="FW10" s="60">
        <v>0</v>
      </c>
      <c r="FX10" s="61">
        <v>0</v>
      </c>
      <c r="FY10" s="62">
        <v>0</v>
      </c>
      <c r="FZ10" s="231"/>
      <c r="GA10" s="61">
        <v>0</v>
      </c>
      <c r="GB10" s="61">
        <v>0</v>
      </c>
      <c r="GC10" s="61">
        <v>0</v>
      </c>
      <c r="GD10" s="61">
        <v>0</v>
      </c>
      <c r="GE10" s="61">
        <v>0</v>
      </c>
      <c r="GF10" s="62">
        <v>0</v>
      </c>
      <c r="GG10" s="63">
        <v>0</v>
      </c>
      <c r="GH10" s="60">
        <v>39</v>
      </c>
      <c r="GI10" s="61">
        <v>47</v>
      </c>
      <c r="GJ10" s="62">
        <v>86</v>
      </c>
      <c r="GK10" s="231"/>
      <c r="GL10" s="61">
        <v>45</v>
      </c>
      <c r="GM10" s="61">
        <v>53</v>
      </c>
      <c r="GN10" s="61">
        <v>42</v>
      </c>
      <c r="GO10" s="61">
        <v>28</v>
      </c>
      <c r="GP10" s="61">
        <v>20</v>
      </c>
      <c r="GQ10" s="62">
        <v>188</v>
      </c>
      <c r="GR10" s="63">
        <v>274</v>
      </c>
      <c r="GS10" s="113">
        <v>292</v>
      </c>
      <c r="GT10" s="72">
        <v>372</v>
      </c>
      <c r="GU10" s="73">
        <v>664</v>
      </c>
      <c r="GV10" s="228"/>
      <c r="GW10" s="72">
        <v>432</v>
      </c>
      <c r="GX10" s="72">
        <v>446</v>
      </c>
      <c r="GY10" s="72">
        <v>317</v>
      </c>
      <c r="GZ10" s="72">
        <v>254</v>
      </c>
      <c r="HA10" s="72">
        <v>147</v>
      </c>
      <c r="HB10" s="74">
        <v>1596</v>
      </c>
      <c r="HC10" s="75">
        <v>2260</v>
      </c>
      <c r="HD10" s="60">
        <v>5</v>
      </c>
      <c r="HE10" s="61">
        <v>4</v>
      </c>
      <c r="HF10" s="62">
        <v>9</v>
      </c>
      <c r="HG10" s="231"/>
      <c r="HH10" s="61">
        <v>8</v>
      </c>
      <c r="HI10" s="61">
        <v>8</v>
      </c>
      <c r="HJ10" s="61">
        <v>6</v>
      </c>
      <c r="HK10" s="61">
        <v>5</v>
      </c>
      <c r="HL10" s="61">
        <v>6</v>
      </c>
      <c r="HM10" s="62">
        <v>33</v>
      </c>
      <c r="HN10" s="63">
        <v>42</v>
      </c>
      <c r="HO10" s="60">
        <v>14</v>
      </c>
      <c r="HP10" s="61">
        <v>17</v>
      </c>
      <c r="HQ10" s="62">
        <v>31</v>
      </c>
      <c r="HR10" s="231"/>
      <c r="HS10" s="61">
        <v>17</v>
      </c>
      <c r="HT10" s="61">
        <v>20</v>
      </c>
      <c r="HU10" s="61">
        <v>17</v>
      </c>
      <c r="HV10" s="61">
        <v>6</v>
      </c>
      <c r="HW10" s="61">
        <v>14</v>
      </c>
      <c r="HX10" s="62">
        <v>74</v>
      </c>
      <c r="HY10" s="63">
        <v>105</v>
      </c>
      <c r="HZ10" s="60">
        <v>30</v>
      </c>
      <c r="IA10" s="61">
        <v>45</v>
      </c>
      <c r="IB10" s="62">
        <v>75</v>
      </c>
      <c r="IC10" s="231"/>
      <c r="ID10" s="61">
        <v>37</v>
      </c>
      <c r="IE10" s="61">
        <v>41</v>
      </c>
      <c r="IF10" s="61">
        <v>25</v>
      </c>
      <c r="IG10" s="61">
        <v>33</v>
      </c>
      <c r="IH10" s="61">
        <v>12</v>
      </c>
      <c r="II10" s="62">
        <v>148</v>
      </c>
      <c r="IJ10" s="63">
        <v>223</v>
      </c>
      <c r="IK10" s="60">
        <v>70</v>
      </c>
      <c r="IL10" s="61">
        <v>100</v>
      </c>
      <c r="IM10" s="62">
        <v>170</v>
      </c>
      <c r="IN10" s="231"/>
      <c r="IO10" s="61">
        <v>93</v>
      </c>
      <c r="IP10" s="61">
        <v>92</v>
      </c>
      <c r="IQ10" s="61">
        <v>63</v>
      </c>
      <c r="IR10" s="61">
        <v>49</v>
      </c>
      <c r="IS10" s="61">
        <v>18</v>
      </c>
      <c r="IT10" s="62">
        <v>315</v>
      </c>
      <c r="IU10" s="63">
        <v>485</v>
      </c>
      <c r="IV10" s="60">
        <v>100</v>
      </c>
      <c r="IW10" s="61">
        <v>109</v>
      </c>
      <c r="IX10" s="62">
        <v>209</v>
      </c>
      <c r="IY10" s="231"/>
      <c r="IZ10" s="61">
        <v>139</v>
      </c>
      <c r="JA10" s="61">
        <v>135</v>
      </c>
      <c r="JB10" s="61">
        <v>85</v>
      </c>
      <c r="JC10" s="61">
        <v>73</v>
      </c>
      <c r="JD10" s="61">
        <v>36</v>
      </c>
      <c r="JE10" s="62">
        <v>468</v>
      </c>
      <c r="JF10" s="63">
        <v>677</v>
      </c>
      <c r="JG10" s="60">
        <v>73</v>
      </c>
      <c r="JH10" s="61">
        <v>97</v>
      </c>
      <c r="JI10" s="62">
        <v>170</v>
      </c>
      <c r="JJ10" s="231"/>
      <c r="JK10" s="61">
        <v>138</v>
      </c>
      <c r="JL10" s="61">
        <v>150</v>
      </c>
      <c r="JM10" s="61">
        <v>121</v>
      </c>
      <c r="JN10" s="61">
        <v>88</v>
      </c>
      <c r="JO10" s="61">
        <v>61</v>
      </c>
      <c r="JP10" s="62">
        <v>558</v>
      </c>
      <c r="JQ10" s="63">
        <v>728</v>
      </c>
      <c r="JR10" s="60">
        <v>0</v>
      </c>
      <c r="JS10" s="61">
        <v>0</v>
      </c>
      <c r="JT10" s="62">
        <v>0</v>
      </c>
      <c r="JU10" s="231"/>
      <c r="JV10" s="61">
        <v>0</v>
      </c>
      <c r="JW10" s="61">
        <v>0</v>
      </c>
      <c r="JX10" s="61">
        <v>0</v>
      </c>
      <c r="JY10" s="61">
        <v>0</v>
      </c>
      <c r="JZ10" s="61">
        <v>0</v>
      </c>
      <c r="KA10" s="62">
        <v>0</v>
      </c>
      <c r="KB10" s="63">
        <v>0</v>
      </c>
      <c r="KC10" s="60">
        <v>292</v>
      </c>
      <c r="KD10" s="61">
        <v>372</v>
      </c>
      <c r="KE10" s="62">
        <v>664</v>
      </c>
      <c r="KF10" s="231"/>
      <c r="KG10" s="61">
        <v>432</v>
      </c>
      <c r="KH10" s="61">
        <v>446</v>
      </c>
      <c r="KI10" s="61">
        <v>317</v>
      </c>
      <c r="KJ10" s="61">
        <v>254</v>
      </c>
      <c r="KK10" s="61">
        <v>147</v>
      </c>
      <c r="KL10" s="62">
        <v>1596</v>
      </c>
      <c r="KM10" s="63">
        <v>2260</v>
      </c>
    </row>
    <row r="11" spans="2:299" ht="21" customHeight="1" x14ac:dyDescent="0.2">
      <c r="B11" s="472" t="s">
        <v>7</v>
      </c>
      <c r="C11" s="293">
        <v>227</v>
      </c>
      <c r="D11" s="72">
        <v>178</v>
      </c>
      <c r="E11" s="73">
        <v>405</v>
      </c>
      <c r="F11" s="228"/>
      <c r="G11" s="72">
        <v>477</v>
      </c>
      <c r="H11" s="72">
        <v>333</v>
      </c>
      <c r="I11" s="72">
        <v>182</v>
      </c>
      <c r="J11" s="72">
        <v>164</v>
      </c>
      <c r="K11" s="72">
        <v>98</v>
      </c>
      <c r="L11" s="74">
        <v>1254</v>
      </c>
      <c r="M11" s="75">
        <v>1659</v>
      </c>
      <c r="N11" s="60">
        <v>1</v>
      </c>
      <c r="O11" s="61">
        <v>1</v>
      </c>
      <c r="P11" s="62">
        <v>2</v>
      </c>
      <c r="Q11" s="231"/>
      <c r="R11" s="61">
        <v>5</v>
      </c>
      <c r="S11" s="61">
        <v>3</v>
      </c>
      <c r="T11" s="61">
        <v>2</v>
      </c>
      <c r="U11" s="61">
        <v>1</v>
      </c>
      <c r="V11" s="61">
        <v>0</v>
      </c>
      <c r="W11" s="62">
        <v>11</v>
      </c>
      <c r="X11" s="63">
        <v>13</v>
      </c>
      <c r="Y11" s="60">
        <v>6</v>
      </c>
      <c r="Z11" s="61">
        <v>6</v>
      </c>
      <c r="AA11" s="62">
        <v>12</v>
      </c>
      <c r="AB11" s="228"/>
      <c r="AC11" s="61">
        <v>16</v>
      </c>
      <c r="AD11" s="61">
        <v>13</v>
      </c>
      <c r="AE11" s="61">
        <v>10</v>
      </c>
      <c r="AF11" s="61">
        <v>1</v>
      </c>
      <c r="AG11" s="61">
        <v>3</v>
      </c>
      <c r="AH11" s="62">
        <v>43</v>
      </c>
      <c r="AI11" s="63">
        <v>55</v>
      </c>
      <c r="AJ11" s="60">
        <v>13</v>
      </c>
      <c r="AK11" s="61">
        <v>13</v>
      </c>
      <c r="AL11" s="62">
        <v>26</v>
      </c>
      <c r="AM11" s="228"/>
      <c r="AN11" s="61">
        <v>43</v>
      </c>
      <c r="AO11" s="61">
        <v>30</v>
      </c>
      <c r="AP11" s="61">
        <v>13</v>
      </c>
      <c r="AQ11" s="61">
        <v>13</v>
      </c>
      <c r="AR11" s="61">
        <v>9</v>
      </c>
      <c r="AS11" s="62">
        <v>108</v>
      </c>
      <c r="AT11" s="63">
        <v>134</v>
      </c>
      <c r="AU11" s="60">
        <v>42</v>
      </c>
      <c r="AV11" s="61">
        <v>30</v>
      </c>
      <c r="AW11" s="62">
        <v>72</v>
      </c>
      <c r="AX11" s="228"/>
      <c r="AY11" s="61">
        <v>88</v>
      </c>
      <c r="AZ11" s="61">
        <v>68</v>
      </c>
      <c r="BA11" s="61">
        <v>34</v>
      </c>
      <c r="BB11" s="61">
        <v>25</v>
      </c>
      <c r="BC11" s="61">
        <v>24</v>
      </c>
      <c r="BD11" s="62">
        <v>239</v>
      </c>
      <c r="BE11" s="63">
        <v>311</v>
      </c>
      <c r="BF11" s="60">
        <v>94</v>
      </c>
      <c r="BG11" s="61">
        <v>72</v>
      </c>
      <c r="BH11" s="62">
        <v>166</v>
      </c>
      <c r="BI11" s="231"/>
      <c r="BJ11" s="61">
        <v>171</v>
      </c>
      <c r="BK11" s="61">
        <v>97</v>
      </c>
      <c r="BL11" s="61">
        <v>53</v>
      </c>
      <c r="BM11" s="61">
        <v>49</v>
      </c>
      <c r="BN11" s="61">
        <v>29</v>
      </c>
      <c r="BO11" s="62">
        <v>399</v>
      </c>
      <c r="BP11" s="63">
        <v>565</v>
      </c>
      <c r="BQ11" s="60">
        <v>71</v>
      </c>
      <c r="BR11" s="61">
        <v>56</v>
      </c>
      <c r="BS11" s="62">
        <v>127</v>
      </c>
      <c r="BT11" s="231"/>
      <c r="BU11" s="61">
        <v>154</v>
      </c>
      <c r="BV11" s="61">
        <v>122</v>
      </c>
      <c r="BW11" s="61">
        <v>70</v>
      </c>
      <c r="BX11" s="61">
        <v>75</v>
      </c>
      <c r="BY11" s="61">
        <v>33</v>
      </c>
      <c r="BZ11" s="62">
        <v>454</v>
      </c>
      <c r="CA11" s="63">
        <v>581</v>
      </c>
      <c r="CB11" s="60">
        <v>0</v>
      </c>
      <c r="CC11" s="61">
        <v>0</v>
      </c>
      <c r="CD11" s="62">
        <v>0</v>
      </c>
      <c r="CE11" s="231"/>
      <c r="CF11" s="61">
        <v>0</v>
      </c>
      <c r="CG11" s="61">
        <v>0</v>
      </c>
      <c r="CH11" s="61">
        <v>0</v>
      </c>
      <c r="CI11" s="61">
        <v>0</v>
      </c>
      <c r="CJ11" s="61">
        <v>0</v>
      </c>
      <c r="CK11" s="62">
        <v>0</v>
      </c>
      <c r="CL11" s="63">
        <v>0</v>
      </c>
      <c r="CM11" s="60">
        <v>227</v>
      </c>
      <c r="CN11" s="61">
        <v>178</v>
      </c>
      <c r="CO11" s="62">
        <v>405</v>
      </c>
      <c r="CP11" s="231"/>
      <c r="CQ11" s="61">
        <v>477</v>
      </c>
      <c r="CR11" s="61">
        <v>333</v>
      </c>
      <c r="CS11" s="61">
        <v>182</v>
      </c>
      <c r="CT11" s="61">
        <v>164</v>
      </c>
      <c r="CU11" s="61">
        <v>98</v>
      </c>
      <c r="CV11" s="62">
        <v>1254</v>
      </c>
      <c r="CW11" s="63">
        <v>1659</v>
      </c>
      <c r="CX11" s="113">
        <v>27</v>
      </c>
      <c r="CY11" s="72">
        <v>32</v>
      </c>
      <c r="CZ11" s="73">
        <v>59</v>
      </c>
      <c r="DA11" s="228"/>
      <c r="DB11" s="72">
        <v>73</v>
      </c>
      <c r="DC11" s="72">
        <v>41</v>
      </c>
      <c r="DD11" s="72">
        <v>30</v>
      </c>
      <c r="DE11" s="72">
        <v>21</v>
      </c>
      <c r="DF11" s="72">
        <v>15</v>
      </c>
      <c r="DG11" s="74">
        <v>180</v>
      </c>
      <c r="DH11" s="75">
        <v>239</v>
      </c>
      <c r="DI11" s="60">
        <v>1</v>
      </c>
      <c r="DJ11" s="61">
        <v>0</v>
      </c>
      <c r="DK11" s="62">
        <v>1</v>
      </c>
      <c r="DL11" s="231"/>
      <c r="DM11" s="61">
        <v>1</v>
      </c>
      <c r="DN11" s="61">
        <v>0</v>
      </c>
      <c r="DO11" s="61">
        <v>0</v>
      </c>
      <c r="DP11" s="61">
        <v>0</v>
      </c>
      <c r="DQ11" s="61">
        <v>0</v>
      </c>
      <c r="DR11" s="62">
        <v>1</v>
      </c>
      <c r="DS11" s="63">
        <v>2</v>
      </c>
      <c r="DT11" s="60">
        <v>4</v>
      </c>
      <c r="DU11" s="61">
        <v>2</v>
      </c>
      <c r="DV11" s="62">
        <v>6</v>
      </c>
      <c r="DW11" s="231"/>
      <c r="DX11" s="61">
        <v>1</v>
      </c>
      <c r="DY11" s="61">
        <v>1</v>
      </c>
      <c r="DZ11" s="61">
        <v>1</v>
      </c>
      <c r="EA11" s="61">
        <v>1</v>
      </c>
      <c r="EB11" s="61">
        <v>0</v>
      </c>
      <c r="EC11" s="62">
        <v>4</v>
      </c>
      <c r="ED11" s="63">
        <v>10</v>
      </c>
      <c r="EE11" s="60">
        <v>5</v>
      </c>
      <c r="EF11" s="61">
        <v>4</v>
      </c>
      <c r="EG11" s="62">
        <v>9</v>
      </c>
      <c r="EH11" s="231"/>
      <c r="EI11" s="61">
        <v>4</v>
      </c>
      <c r="EJ11" s="61">
        <v>4</v>
      </c>
      <c r="EK11" s="61">
        <v>3</v>
      </c>
      <c r="EL11" s="61">
        <v>3</v>
      </c>
      <c r="EM11" s="61">
        <v>2</v>
      </c>
      <c r="EN11" s="62">
        <v>16</v>
      </c>
      <c r="EO11" s="63">
        <v>25</v>
      </c>
      <c r="EP11" s="60">
        <v>3</v>
      </c>
      <c r="EQ11" s="61">
        <v>6</v>
      </c>
      <c r="ER11" s="62">
        <v>9</v>
      </c>
      <c r="ES11" s="231"/>
      <c r="ET11" s="61">
        <v>14</v>
      </c>
      <c r="EU11" s="61">
        <v>5</v>
      </c>
      <c r="EV11" s="61">
        <v>3</v>
      </c>
      <c r="EW11" s="61">
        <v>1</v>
      </c>
      <c r="EX11" s="61">
        <v>1</v>
      </c>
      <c r="EY11" s="62">
        <v>24</v>
      </c>
      <c r="EZ11" s="63">
        <v>33</v>
      </c>
      <c r="FA11" s="60">
        <v>4</v>
      </c>
      <c r="FB11" s="61">
        <v>15</v>
      </c>
      <c r="FC11" s="62">
        <v>19</v>
      </c>
      <c r="FD11" s="231"/>
      <c r="FE11" s="61">
        <v>20</v>
      </c>
      <c r="FF11" s="61">
        <v>10</v>
      </c>
      <c r="FG11" s="61">
        <v>9</v>
      </c>
      <c r="FH11" s="61">
        <v>6</v>
      </c>
      <c r="FI11" s="61">
        <v>6</v>
      </c>
      <c r="FJ11" s="62">
        <v>51</v>
      </c>
      <c r="FK11" s="63">
        <v>70</v>
      </c>
      <c r="FL11" s="60">
        <v>10</v>
      </c>
      <c r="FM11" s="61">
        <v>5</v>
      </c>
      <c r="FN11" s="62">
        <v>15</v>
      </c>
      <c r="FO11" s="231"/>
      <c r="FP11" s="61">
        <v>33</v>
      </c>
      <c r="FQ11" s="61">
        <v>21</v>
      </c>
      <c r="FR11" s="61">
        <v>14</v>
      </c>
      <c r="FS11" s="61">
        <v>10</v>
      </c>
      <c r="FT11" s="61">
        <v>6</v>
      </c>
      <c r="FU11" s="62">
        <v>84</v>
      </c>
      <c r="FV11" s="63">
        <v>99</v>
      </c>
      <c r="FW11" s="60">
        <v>0</v>
      </c>
      <c r="FX11" s="61">
        <v>0</v>
      </c>
      <c r="FY11" s="62">
        <v>0</v>
      </c>
      <c r="FZ11" s="231"/>
      <c r="GA11" s="61">
        <v>0</v>
      </c>
      <c r="GB11" s="61">
        <v>0</v>
      </c>
      <c r="GC11" s="61">
        <v>0</v>
      </c>
      <c r="GD11" s="61">
        <v>0</v>
      </c>
      <c r="GE11" s="61">
        <v>0</v>
      </c>
      <c r="GF11" s="62">
        <v>0</v>
      </c>
      <c r="GG11" s="63">
        <v>0</v>
      </c>
      <c r="GH11" s="60">
        <v>27</v>
      </c>
      <c r="GI11" s="61">
        <v>32</v>
      </c>
      <c r="GJ11" s="62">
        <v>59</v>
      </c>
      <c r="GK11" s="231"/>
      <c r="GL11" s="61">
        <v>73</v>
      </c>
      <c r="GM11" s="61">
        <v>41</v>
      </c>
      <c r="GN11" s="61">
        <v>30</v>
      </c>
      <c r="GO11" s="61">
        <v>21</v>
      </c>
      <c r="GP11" s="61">
        <v>15</v>
      </c>
      <c r="GQ11" s="62">
        <v>180</v>
      </c>
      <c r="GR11" s="63">
        <v>239</v>
      </c>
      <c r="GS11" s="113">
        <v>254</v>
      </c>
      <c r="GT11" s="72">
        <v>210</v>
      </c>
      <c r="GU11" s="73">
        <v>464</v>
      </c>
      <c r="GV11" s="228"/>
      <c r="GW11" s="72">
        <v>550</v>
      </c>
      <c r="GX11" s="72">
        <v>374</v>
      </c>
      <c r="GY11" s="72">
        <v>212</v>
      </c>
      <c r="GZ11" s="72">
        <v>185</v>
      </c>
      <c r="HA11" s="72">
        <v>113</v>
      </c>
      <c r="HB11" s="74">
        <v>1434</v>
      </c>
      <c r="HC11" s="75">
        <v>1898</v>
      </c>
      <c r="HD11" s="60">
        <v>2</v>
      </c>
      <c r="HE11" s="61">
        <v>1</v>
      </c>
      <c r="HF11" s="62">
        <v>3</v>
      </c>
      <c r="HG11" s="231"/>
      <c r="HH11" s="61">
        <v>6</v>
      </c>
      <c r="HI11" s="61">
        <v>3</v>
      </c>
      <c r="HJ11" s="61">
        <v>2</v>
      </c>
      <c r="HK11" s="61">
        <v>1</v>
      </c>
      <c r="HL11" s="61">
        <v>0</v>
      </c>
      <c r="HM11" s="62">
        <v>12</v>
      </c>
      <c r="HN11" s="63">
        <v>15</v>
      </c>
      <c r="HO11" s="60">
        <v>10</v>
      </c>
      <c r="HP11" s="61">
        <v>8</v>
      </c>
      <c r="HQ11" s="62">
        <v>18</v>
      </c>
      <c r="HR11" s="231"/>
      <c r="HS11" s="61">
        <v>17</v>
      </c>
      <c r="HT11" s="61">
        <v>14</v>
      </c>
      <c r="HU11" s="61">
        <v>11</v>
      </c>
      <c r="HV11" s="61">
        <v>2</v>
      </c>
      <c r="HW11" s="61">
        <v>3</v>
      </c>
      <c r="HX11" s="62">
        <v>47</v>
      </c>
      <c r="HY11" s="63">
        <v>65</v>
      </c>
      <c r="HZ11" s="60">
        <v>18</v>
      </c>
      <c r="IA11" s="61">
        <v>17</v>
      </c>
      <c r="IB11" s="62">
        <v>35</v>
      </c>
      <c r="IC11" s="231"/>
      <c r="ID11" s="61">
        <v>47</v>
      </c>
      <c r="IE11" s="61">
        <v>34</v>
      </c>
      <c r="IF11" s="61">
        <v>16</v>
      </c>
      <c r="IG11" s="61">
        <v>16</v>
      </c>
      <c r="IH11" s="61">
        <v>11</v>
      </c>
      <c r="II11" s="62">
        <v>124</v>
      </c>
      <c r="IJ11" s="63">
        <v>159</v>
      </c>
      <c r="IK11" s="60">
        <v>45</v>
      </c>
      <c r="IL11" s="61">
        <v>36</v>
      </c>
      <c r="IM11" s="62">
        <v>81</v>
      </c>
      <c r="IN11" s="231"/>
      <c r="IO11" s="61">
        <v>102</v>
      </c>
      <c r="IP11" s="61">
        <v>73</v>
      </c>
      <c r="IQ11" s="61">
        <v>37</v>
      </c>
      <c r="IR11" s="61">
        <v>26</v>
      </c>
      <c r="IS11" s="61">
        <v>25</v>
      </c>
      <c r="IT11" s="62">
        <v>263</v>
      </c>
      <c r="IU11" s="63">
        <v>344</v>
      </c>
      <c r="IV11" s="60">
        <v>98</v>
      </c>
      <c r="IW11" s="61">
        <v>87</v>
      </c>
      <c r="IX11" s="62">
        <v>185</v>
      </c>
      <c r="IY11" s="231"/>
      <c r="IZ11" s="61">
        <v>191</v>
      </c>
      <c r="JA11" s="61">
        <v>107</v>
      </c>
      <c r="JB11" s="61">
        <v>62</v>
      </c>
      <c r="JC11" s="61">
        <v>55</v>
      </c>
      <c r="JD11" s="61">
        <v>35</v>
      </c>
      <c r="JE11" s="62">
        <v>450</v>
      </c>
      <c r="JF11" s="63">
        <v>635</v>
      </c>
      <c r="JG11" s="60">
        <v>81</v>
      </c>
      <c r="JH11" s="61">
        <v>61</v>
      </c>
      <c r="JI11" s="62">
        <v>142</v>
      </c>
      <c r="JJ11" s="231"/>
      <c r="JK11" s="61">
        <v>187</v>
      </c>
      <c r="JL11" s="61">
        <v>143</v>
      </c>
      <c r="JM11" s="61">
        <v>84</v>
      </c>
      <c r="JN11" s="61">
        <v>85</v>
      </c>
      <c r="JO11" s="61">
        <v>39</v>
      </c>
      <c r="JP11" s="62">
        <v>538</v>
      </c>
      <c r="JQ11" s="63">
        <v>680</v>
      </c>
      <c r="JR11" s="60">
        <v>0</v>
      </c>
      <c r="JS11" s="61">
        <v>0</v>
      </c>
      <c r="JT11" s="62">
        <v>0</v>
      </c>
      <c r="JU11" s="231"/>
      <c r="JV11" s="61">
        <v>0</v>
      </c>
      <c r="JW11" s="61">
        <v>0</v>
      </c>
      <c r="JX11" s="61">
        <v>0</v>
      </c>
      <c r="JY11" s="61">
        <v>0</v>
      </c>
      <c r="JZ11" s="61">
        <v>0</v>
      </c>
      <c r="KA11" s="62">
        <v>0</v>
      </c>
      <c r="KB11" s="63">
        <v>0</v>
      </c>
      <c r="KC11" s="60">
        <v>254</v>
      </c>
      <c r="KD11" s="61">
        <v>210</v>
      </c>
      <c r="KE11" s="62">
        <v>464</v>
      </c>
      <c r="KF11" s="231"/>
      <c r="KG11" s="61">
        <v>550</v>
      </c>
      <c r="KH11" s="61">
        <v>374</v>
      </c>
      <c r="KI11" s="61">
        <v>212</v>
      </c>
      <c r="KJ11" s="61">
        <v>185</v>
      </c>
      <c r="KK11" s="61">
        <v>113</v>
      </c>
      <c r="KL11" s="62">
        <v>1434</v>
      </c>
      <c r="KM11" s="63">
        <v>1898</v>
      </c>
    </row>
    <row r="12" spans="2:299" ht="21" customHeight="1" x14ac:dyDescent="0.2">
      <c r="B12" s="472" t="s">
        <v>8</v>
      </c>
      <c r="C12" s="293">
        <v>105</v>
      </c>
      <c r="D12" s="72">
        <v>72</v>
      </c>
      <c r="E12" s="73">
        <v>177</v>
      </c>
      <c r="F12" s="228"/>
      <c r="G12" s="72">
        <v>142</v>
      </c>
      <c r="H12" s="72">
        <v>110</v>
      </c>
      <c r="I12" s="72">
        <v>97</v>
      </c>
      <c r="J12" s="72">
        <v>62</v>
      </c>
      <c r="K12" s="72">
        <v>42</v>
      </c>
      <c r="L12" s="74">
        <v>453</v>
      </c>
      <c r="M12" s="75">
        <v>630</v>
      </c>
      <c r="N12" s="60">
        <v>2</v>
      </c>
      <c r="O12" s="61">
        <v>2</v>
      </c>
      <c r="P12" s="62">
        <v>4</v>
      </c>
      <c r="Q12" s="231"/>
      <c r="R12" s="61">
        <v>3</v>
      </c>
      <c r="S12" s="61">
        <v>1</v>
      </c>
      <c r="T12" s="61">
        <v>5</v>
      </c>
      <c r="U12" s="61">
        <v>1</v>
      </c>
      <c r="V12" s="61">
        <v>0</v>
      </c>
      <c r="W12" s="62">
        <v>10</v>
      </c>
      <c r="X12" s="63">
        <v>14</v>
      </c>
      <c r="Y12" s="60">
        <v>1</v>
      </c>
      <c r="Z12" s="61">
        <v>6</v>
      </c>
      <c r="AA12" s="62">
        <v>7</v>
      </c>
      <c r="AB12" s="228"/>
      <c r="AC12" s="61">
        <v>11</v>
      </c>
      <c r="AD12" s="61">
        <v>8</v>
      </c>
      <c r="AE12" s="61">
        <v>2</v>
      </c>
      <c r="AF12" s="61">
        <v>5</v>
      </c>
      <c r="AG12" s="61">
        <v>2</v>
      </c>
      <c r="AH12" s="62">
        <v>28</v>
      </c>
      <c r="AI12" s="63">
        <v>35</v>
      </c>
      <c r="AJ12" s="60">
        <v>6</v>
      </c>
      <c r="AK12" s="61">
        <v>4</v>
      </c>
      <c r="AL12" s="62">
        <v>10</v>
      </c>
      <c r="AM12" s="228"/>
      <c r="AN12" s="61">
        <v>12</v>
      </c>
      <c r="AO12" s="61">
        <v>9</v>
      </c>
      <c r="AP12" s="61">
        <v>2</v>
      </c>
      <c r="AQ12" s="61">
        <v>12</v>
      </c>
      <c r="AR12" s="61">
        <v>4</v>
      </c>
      <c r="AS12" s="62">
        <v>39</v>
      </c>
      <c r="AT12" s="63">
        <v>49</v>
      </c>
      <c r="AU12" s="60">
        <v>20</v>
      </c>
      <c r="AV12" s="61">
        <v>8</v>
      </c>
      <c r="AW12" s="62">
        <v>28</v>
      </c>
      <c r="AX12" s="228"/>
      <c r="AY12" s="61">
        <v>28</v>
      </c>
      <c r="AZ12" s="61">
        <v>28</v>
      </c>
      <c r="BA12" s="61">
        <v>13</v>
      </c>
      <c r="BB12" s="61">
        <v>9</v>
      </c>
      <c r="BC12" s="61">
        <v>10</v>
      </c>
      <c r="BD12" s="62">
        <v>88</v>
      </c>
      <c r="BE12" s="63">
        <v>116</v>
      </c>
      <c r="BF12" s="60">
        <v>37</v>
      </c>
      <c r="BG12" s="61">
        <v>23</v>
      </c>
      <c r="BH12" s="62">
        <v>60</v>
      </c>
      <c r="BI12" s="231"/>
      <c r="BJ12" s="61">
        <v>35</v>
      </c>
      <c r="BK12" s="61">
        <v>19</v>
      </c>
      <c r="BL12" s="61">
        <v>27</v>
      </c>
      <c r="BM12" s="61">
        <v>13</v>
      </c>
      <c r="BN12" s="61">
        <v>12</v>
      </c>
      <c r="BO12" s="62">
        <v>106</v>
      </c>
      <c r="BP12" s="63">
        <v>166</v>
      </c>
      <c r="BQ12" s="60">
        <v>39</v>
      </c>
      <c r="BR12" s="61">
        <v>29</v>
      </c>
      <c r="BS12" s="62">
        <v>68</v>
      </c>
      <c r="BT12" s="231"/>
      <c r="BU12" s="61">
        <v>53</v>
      </c>
      <c r="BV12" s="61">
        <v>45</v>
      </c>
      <c r="BW12" s="61">
        <v>48</v>
      </c>
      <c r="BX12" s="61">
        <v>22</v>
      </c>
      <c r="BY12" s="61">
        <v>14</v>
      </c>
      <c r="BZ12" s="62">
        <v>182</v>
      </c>
      <c r="CA12" s="63">
        <v>250</v>
      </c>
      <c r="CB12" s="60">
        <v>0</v>
      </c>
      <c r="CC12" s="61">
        <v>0</v>
      </c>
      <c r="CD12" s="62">
        <v>0</v>
      </c>
      <c r="CE12" s="231"/>
      <c r="CF12" s="61">
        <v>0</v>
      </c>
      <c r="CG12" s="61">
        <v>0</v>
      </c>
      <c r="CH12" s="61">
        <v>0</v>
      </c>
      <c r="CI12" s="61">
        <v>0</v>
      </c>
      <c r="CJ12" s="61">
        <v>0</v>
      </c>
      <c r="CK12" s="62">
        <v>0</v>
      </c>
      <c r="CL12" s="63">
        <v>0</v>
      </c>
      <c r="CM12" s="60">
        <v>105</v>
      </c>
      <c r="CN12" s="61">
        <v>72</v>
      </c>
      <c r="CO12" s="62">
        <v>177</v>
      </c>
      <c r="CP12" s="231"/>
      <c r="CQ12" s="61">
        <v>142</v>
      </c>
      <c r="CR12" s="61">
        <v>110</v>
      </c>
      <c r="CS12" s="61">
        <v>97</v>
      </c>
      <c r="CT12" s="61">
        <v>62</v>
      </c>
      <c r="CU12" s="61">
        <v>42</v>
      </c>
      <c r="CV12" s="62">
        <v>453</v>
      </c>
      <c r="CW12" s="63">
        <v>630</v>
      </c>
      <c r="CX12" s="113">
        <v>12</v>
      </c>
      <c r="CY12" s="72">
        <v>7</v>
      </c>
      <c r="CZ12" s="73">
        <v>19</v>
      </c>
      <c r="DA12" s="228"/>
      <c r="DB12" s="72">
        <v>23</v>
      </c>
      <c r="DC12" s="72">
        <v>26</v>
      </c>
      <c r="DD12" s="72">
        <v>22</v>
      </c>
      <c r="DE12" s="72">
        <v>10</v>
      </c>
      <c r="DF12" s="72">
        <v>2</v>
      </c>
      <c r="DG12" s="74">
        <v>83</v>
      </c>
      <c r="DH12" s="75">
        <v>102</v>
      </c>
      <c r="DI12" s="60">
        <v>2</v>
      </c>
      <c r="DJ12" s="61">
        <v>0</v>
      </c>
      <c r="DK12" s="62">
        <v>2</v>
      </c>
      <c r="DL12" s="231"/>
      <c r="DM12" s="61">
        <v>0</v>
      </c>
      <c r="DN12" s="61">
        <v>1</v>
      </c>
      <c r="DO12" s="61">
        <v>0</v>
      </c>
      <c r="DP12" s="61">
        <v>1</v>
      </c>
      <c r="DQ12" s="61">
        <v>0</v>
      </c>
      <c r="DR12" s="62">
        <v>2</v>
      </c>
      <c r="DS12" s="63">
        <v>4</v>
      </c>
      <c r="DT12" s="60">
        <v>1</v>
      </c>
      <c r="DU12" s="61">
        <v>1</v>
      </c>
      <c r="DV12" s="62">
        <v>2</v>
      </c>
      <c r="DW12" s="231"/>
      <c r="DX12" s="61">
        <v>1</v>
      </c>
      <c r="DY12" s="61">
        <v>1</v>
      </c>
      <c r="DZ12" s="61">
        <v>1</v>
      </c>
      <c r="EA12" s="61">
        <v>0</v>
      </c>
      <c r="EB12" s="61">
        <v>0</v>
      </c>
      <c r="EC12" s="62">
        <v>3</v>
      </c>
      <c r="ED12" s="63">
        <v>5</v>
      </c>
      <c r="EE12" s="60">
        <v>0</v>
      </c>
      <c r="EF12" s="61">
        <v>0</v>
      </c>
      <c r="EG12" s="62">
        <v>0</v>
      </c>
      <c r="EH12" s="231"/>
      <c r="EI12" s="61">
        <v>4</v>
      </c>
      <c r="EJ12" s="61">
        <v>3</v>
      </c>
      <c r="EK12" s="61">
        <v>1</v>
      </c>
      <c r="EL12" s="61">
        <v>1</v>
      </c>
      <c r="EM12" s="61">
        <v>0</v>
      </c>
      <c r="EN12" s="62">
        <v>9</v>
      </c>
      <c r="EO12" s="63">
        <v>9</v>
      </c>
      <c r="EP12" s="60">
        <v>2</v>
      </c>
      <c r="EQ12" s="61">
        <v>1</v>
      </c>
      <c r="ER12" s="62">
        <v>3</v>
      </c>
      <c r="ES12" s="231"/>
      <c r="ET12" s="61">
        <v>4</v>
      </c>
      <c r="EU12" s="61">
        <v>4</v>
      </c>
      <c r="EV12" s="61">
        <v>3</v>
      </c>
      <c r="EW12" s="61">
        <v>0</v>
      </c>
      <c r="EX12" s="61">
        <v>0</v>
      </c>
      <c r="EY12" s="62">
        <v>11</v>
      </c>
      <c r="EZ12" s="63">
        <v>14</v>
      </c>
      <c r="FA12" s="60">
        <v>4</v>
      </c>
      <c r="FB12" s="61">
        <v>4</v>
      </c>
      <c r="FC12" s="62">
        <v>8</v>
      </c>
      <c r="FD12" s="231"/>
      <c r="FE12" s="61">
        <v>6</v>
      </c>
      <c r="FF12" s="61">
        <v>7</v>
      </c>
      <c r="FG12" s="61">
        <v>4</v>
      </c>
      <c r="FH12" s="61">
        <v>1</v>
      </c>
      <c r="FI12" s="61">
        <v>0</v>
      </c>
      <c r="FJ12" s="62">
        <v>18</v>
      </c>
      <c r="FK12" s="63">
        <v>26</v>
      </c>
      <c r="FL12" s="60">
        <v>3</v>
      </c>
      <c r="FM12" s="61">
        <v>1</v>
      </c>
      <c r="FN12" s="62">
        <v>4</v>
      </c>
      <c r="FO12" s="231"/>
      <c r="FP12" s="61">
        <v>8</v>
      </c>
      <c r="FQ12" s="61">
        <v>10</v>
      </c>
      <c r="FR12" s="61">
        <v>13</v>
      </c>
      <c r="FS12" s="61">
        <v>7</v>
      </c>
      <c r="FT12" s="61">
        <v>2</v>
      </c>
      <c r="FU12" s="62">
        <v>40</v>
      </c>
      <c r="FV12" s="63">
        <v>44</v>
      </c>
      <c r="FW12" s="60">
        <v>0</v>
      </c>
      <c r="FX12" s="61">
        <v>0</v>
      </c>
      <c r="FY12" s="62">
        <v>0</v>
      </c>
      <c r="FZ12" s="231"/>
      <c r="GA12" s="61">
        <v>0</v>
      </c>
      <c r="GB12" s="61">
        <v>0</v>
      </c>
      <c r="GC12" s="61">
        <v>0</v>
      </c>
      <c r="GD12" s="61">
        <v>0</v>
      </c>
      <c r="GE12" s="61">
        <v>0</v>
      </c>
      <c r="GF12" s="62">
        <v>0</v>
      </c>
      <c r="GG12" s="63">
        <v>0</v>
      </c>
      <c r="GH12" s="60">
        <v>12</v>
      </c>
      <c r="GI12" s="61">
        <v>7</v>
      </c>
      <c r="GJ12" s="62">
        <v>19</v>
      </c>
      <c r="GK12" s="231"/>
      <c r="GL12" s="61">
        <v>23</v>
      </c>
      <c r="GM12" s="61">
        <v>26</v>
      </c>
      <c r="GN12" s="61">
        <v>22</v>
      </c>
      <c r="GO12" s="61">
        <v>10</v>
      </c>
      <c r="GP12" s="61">
        <v>2</v>
      </c>
      <c r="GQ12" s="62">
        <v>83</v>
      </c>
      <c r="GR12" s="63">
        <v>102</v>
      </c>
      <c r="GS12" s="113">
        <v>117</v>
      </c>
      <c r="GT12" s="72">
        <v>79</v>
      </c>
      <c r="GU12" s="73">
        <v>196</v>
      </c>
      <c r="GV12" s="228"/>
      <c r="GW12" s="72">
        <v>165</v>
      </c>
      <c r="GX12" s="72">
        <v>136</v>
      </c>
      <c r="GY12" s="72">
        <v>119</v>
      </c>
      <c r="GZ12" s="72">
        <v>72</v>
      </c>
      <c r="HA12" s="72">
        <v>44</v>
      </c>
      <c r="HB12" s="74">
        <v>536</v>
      </c>
      <c r="HC12" s="75">
        <v>732</v>
      </c>
      <c r="HD12" s="60">
        <v>4</v>
      </c>
      <c r="HE12" s="61">
        <v>2</v>
      </c>
      <c r="HF12" s="62">
        <v>6</v>
      </c>
      <c r="HG12" s="231"/>
      <c r="HH12" s="61">
        <v>3</v>
      </c>
      <c r="HI12" s="61">
        <v>2</v>
      </c>
      <c r="HJ12" s="61">
        <v>5</v>
      </c>
      <c r="HK12" s="61">
        <v>2</v>
      </c>
      <c r="HL12" s="61">
        <v>0</v>
      </c>
      <c r="HM12" s="62">
        <v>12</v>
      </c>
      <c r="HN12" s="63">
        <v>18</v>
      </c>
      <c r="HO12" s="60">
        <v>2</v>
      </c>
      <c r="HP12" s="61">
        <v>7</v>
      </c>
      <c r="HQ12" s="62">
        <v>9</v>
      </c>
      <c r="HR12" s="231"/>
      <c r="HS12" s="61">
        <v>12</v>
      </c>
      <c r="HT12" s="61">
        <v>9</v>
      </c>
      <c r="HU12" s="61">
        <v>3</v>
      </c>
      <c r="HV12" s="61">
        <v>5</v>
      </c>
      <c r="HW12" s="61">
        <v>2</v>
      </c>
      <c r="HX12" s="62">
        <v>31</v>
      </c>
      <c r="HY12" s="63">
        <v>40</v>
      </c>
      <c r="HZ12" s="60">
        <v>6</v>
      </c>
      <c r="IA12" s="61">
        <v>4</v>
      </c>
      <c r="IB12" s="62">
        <v>10</v>
      </c>
      <c r="IC12" s="231"/>
      <c r="ID12" s="61">
        <v>16</v>
      </c>
      <c r="IE12" s="61">
        <v>12</v>
      </c>
      <c r="IF12" s="61">
        <v>3</v>
      </c>
      <c r="IG12" s="61">
        <v>13</v>
      </c>
      <c r="IH12" s="61">
        <v>4</v>
      </c>
      <c r="II12" s="62">
        <v>48</v>
      </c>
      <c r="IJ12" s="63">
        <v>58</v>
      </c>
      <c r="IK12" s="60">
        <v>22</v>
      </c>
      <c r="IL12" s="61">
        <v>9</v>
      </c>
      <c r="IM12" s="62">
        <v>31</v>
      </c>
      <c r="IN12" s="231"/>
      <c r="IO12" s="61">
        <v>32</v>
      </c>
      <c r="IP12" s="61">
        <v>32</v>
      </c>
      <c r="IQ12" s="61">
        <v>16</v>
      </c>
      <c r="IR12" s="61">
        <v>9</v>
      </c>
      <c r="IS12" s="61">
        <v>10</v>
      </c>
      <c r="IT12" s="62">
        <v>99</v>
      </c>
      <c r="IU12" s="63">
        <v>130</v>
      </c>
      <c r="IV12" s="60">
        <v>41</v>
      </c>
      <c r="IW12" s="61">
        <v>27</v>
      </c>
      <c r="IX12" s="62">
        <v>68</v>
      </c>
      <c r="IY12" s="231"/>
      <c r="IZ12" s="61">
        <v>41</v>
      </c>
      <c r="JA12" s="61">
        <v>26</v>
      </c>
      <c r="JB12" s="61">
        <v>31</v>
      </c>
      <c r="JC12" s="61">
        <v>14</v>
      </c>
      <c r="JD12" s="61">
        <v>12</v>
      </c>
      <c r="JE12" s="62">
        <v>124</v>
      </c>
      <c r="JF12" s="63">
        <v>192</v>
      </c>
      <c r="JG12" s="60">
        <v>42</v>
      </c>
      <c r="JH12" s="61">
        <v>30</v>
      </c>
      <c r="JI12" s="62">
        <v>72</v>
      </c>
      <c r="JJ12" s="231"/>
      <c r="JK12" s="61">
        <v>61</v>
      </c>
      <c r="JL12" s="61">
        <v>55</v>
      </c>
      <c r="JM12" s="61">
        <v>61</v>
      </c>
      <c r="JN12" s="61">
        <v>29</v>
      </c>
      <c r="JO12" s="61">
        <v>16</v>
      </c>
      <c r="JP12" s="62">
        <v>222</v>
      </c>
      <c r="JQ12" s="63">
        <v>294</v>
      </c>
      <c r="JR12" s="60">
        <v>0</v>
      </c>
      <c r="JS12" s="61">
        <v>0</v>
      </c>
      <c r="JT12" s="62">
        <v>0</v>
      </c>
      <c r="JU12" s="231"/>
      <c r="JV12" s="61">
        <v>0</v>
      </c>
      <c r="JW12" s="61">
        <v>0</v>
      </c>
      <c r="JX12" s="61">
        <v>0</v>
      </c>
      <c r="JY12" s="61">
        <v>0</v>
      </c>
      <c r="JZ12" s="61">
        <v>0</v>
      </c>
      <c r="KA12" s="62">
        <v>0</v>
      </c>
      <c r="KB12" s="63">
        <v>0</v>
      </c>
      <c r="KC12" s="60">
        <v>117</v>
      </c>
      <c r="KD12" s="61">
        <v>79</v>
      </c>
      <c r="KE12" s="62">
        <v>196</v>
      </c>
      <c r="KF12" s="231"/>
      <c r="KG12" s="61">
        <v>165</v>
      </c>
      <c r="KH12" s="61">
        <v>136</v>
      </c>
      <c r="KI12" s="61">
        <v>119</v>
      </c>
      <c r="KJ12" s="61">
        <v>72</v>
      </c>
      <c r="KK12" s="61">
        <v>44</v>
      </c>
      <c r="KL12" s="62">
        <v>536</v>
      </c>
      <c r="KM12" s="63">
        <v>732</v>
      </c>
    </row>
    <row r="13" spans="2:299" ht="21" customHeight="1" x14ac:dyDescent="0.2">
      <c r="B13" s="472" t="s">
        <v>9</v>
      </c>
      <c r="C13" s="293">
        <v>192</v>
      </c>
      <c r="D13" s="72">
        <v>97</v>
      </c>
      <c r="E13" s="73">
        <v>289</v>
      </c>
      <c r="F13" s="228"/>
      <c r="G13" s="72">
        <v>210</v>
      </c>
      <c r="H13" s="72">
        <v>120</v>
      </c>
      <c r="I13" s="72">
        <v>121</v>
      </c>
      <c r="J13" s="72">
        <v>88</v>
      </c>
      <c r="K13" s="72">
        <v>51</v>
      </c>
      <c r="L13" s="74">
        <v>590</v>
      </c>
      <c r="M13" s="75">
        <v>879</v>
      </c>
      <c r="N13" s="60">
        <v>0</v>
      </c>
      <c r="O13" s="61">
        <v>0</v>
      </c>
      <c r="P13" s="62">
        <v>0</v>
      </c>
      <c r="Q13" s="231"/>
      <c r="R13" s="61">
        <v>0</v>
      </c>
      <c r="S13" s="61">
        <v>0</v>
      </c>
      <c r="T13" s="61">
        <v>2</v>
      </c>
      <c r="U13" s="61">
        <v>0</v>
      </c>
      <c r="V13" s="61">
        <v>0</v>
      </c>
      <c r="W13" s="62">
        <v>2</v>
      </c>
      <c r="X13" s="63">
        <v>2</v>
      </c>
      <c r="Y13" s="60">
        <v>7</v>
      </c>
      <c r="Z13" s="61">
        <v>0</v>
      </c>
      <c r="AA13" s="62">
        <v>7</v>
      </c>
      <c r="AB13" s="228"/>
      <c r="AC13" s="61">
        <v>2</v>
      </c>
      <c r="AD13" s="61">
        <v>4</v>
      </c>
      <c r="AE13" s="61">
        <v>1</v>
      </c>
      <c r="AF13" s="61">
        <v>0</v>
      </c>
      <c r="AG13" s="61">
        <v>2</v>
      </c>
      <c r="AH13" s="62">
        <v>9</v>
      </c>
      <c r="AI13" s="63">
        <v>16</v>
      </c>
      <c r="AJ13" s="60">
        <v>9</v>
      </c>
      <c r="AK13" s="61">
        <v>4</v>
      </c>
      <c r="AL13" s="62">
        <v>13</v>
      </c>
      <c r="AM13" s="228"/>
      <c r="AN13" s="61">
        <v>10</v>
      </c>
      <c r="AO13" s="61">
        <v>10</v>
      </c>
      <c r="AP13" s="61">
        <v>7</v>
      </c>
      <c r="AQ13" s="61">
        <v>8</v>
      </c>
      <c r="AR13" s="61">
        <v>5</v>
      </c>
      <c r="AS13" s="62">
        <v>40</v>
      </c>
      <c r="AT13" s="63">
        <v>53</v>
      </c>
      <c r="AU13" s="60">
        <v>35</v>
      </c>
      <c r="AV13" s="61">
        <v>22</v>
      </c>
      <c r="AW13" s="62">
        <v>57</v>
      </c>
      <c r="AX13" s="228"/>
      <c r="AY13" s="61">
        <v>32</v>
      </c>
      <c r="AZ13" s="61">
        <v>12</v>
      </c>
      <c r="BA13" s="61">
        <v>12</v>
      </c>
      <c r="BB13" s="61">
        <v>9</v>
      </c>
      <c r="BC13" s="61">
        <v>7</v>
      </c>
      <c r="BD13" s="62">
        <v>72</v>
      </c>
      <c r="BE13" s="63">
        <v>129</v>
      </c>
      <c r="BF13" s="60">
        <v>69</v>
      </c>
      <c r="BG13" s="61">
        <v>40</v>
      </c>
      <c r="BH13" s="62">
        <v>109</v>
      </c>
      <c r="BI13" s="231"/>
      <c r="BJ13" s="61">
        <v>76</v>
      </c>
      <c r="BK13" s="61">
        <v>38</v>
      </c>
      <c r="BL13" s="61">
        <v>38</v>
      </c>
      <c r="BM13" s="61">
        <v>26</v>
      </c>
      <c r="BN13" s="61">
        <v>10</v>
      </c>
      <c r="BO13" s="62">
        <v>188</v>
      </c>
      <c r="BP13" s="63">
        <v>297</v>
      </c>
      <c r="BQ13" s="60">
        <v>72</v>
      </c>
      <c r="BR13" s="61">
        <v>31</v>
      </c>
      <c r="BS13" s="62">
        <v>103</v>
      </c>
      <c r="BT13" s="231"/>
      <c r="BU13" s="61">
        <v>90</v>
      </c>
      <c r="BV13" s="61">
        <v>56</v>
      </c>
      <c r="BW13" s="61">
        <v>61</v>
      </c>
      <c r="BX13" s="61">
        <v>45</v>
      </c>
      <c r="BY13" s="61">
        <v>27</v>
      </c>
      <c r="BZ13" s="62">
        <v>279</v>
      </c>
      <c r="CA13" s="63">
        <v>382</v>
      </c>
      <c r="CB13" s="60">
        <v>0</v>
      </c>
      <c r="CC13" s="61">
        <v>0</v>
      </c>
      <c r="CD13" s="62">
        <v>0</v>
      </c>
      <c r="CE13" s="231"/>
      <c r="CF13" s="61">
        <v>0</v>
      </c>
      <c r="CG13" s="61">
        <v>0</v>
      </c>
      <c r="CH13" s="61">
        <v>0</v>
      </c>
      <c r="CI13" s="61">
        <v>0</v>
      </c>
      <c r="CJ13" s="61">
        <v>0</v>
      </c>
      <c r="CK13" s="62">
        <v>0</v>
      </c>
      <c r="CL13" s="63">
        <v>0</v>
      </c>
      <c r="CM13" s="60">
        <v>192</v>
      </c>
      <c r="CN13" s="61">
        <v>97</v>
      </c>
      <c r="CO13" s="62">
        <v>289</v>
      </c>
      <c r="CP13" s="231"/>
      <c r="CQ13" s="61">
        <v>210</v>
      </c>
      <c r="CR13" s="61">
        <v>120</v>
      </c>
      <c r="CS13" s="61">
        <v>121</v>
      </c>
      <c r="CT13" s="61">
        <v>88</v>
      </c>
      <c r="CU13" s="61">
        <v>51</v>
      </c>
      <c r="CV13" s="62">
        <v>590</v>
      </c>
      <c r="CW13" s="63">
        <v>879</v>
      </c>
      <c r="CX13" s="113">
        <v>27</v>
      </c>
      <c r="CY13" s="72">
        <v>21</v>
      </c>
      <c r="CZ13" s="73">
        <v>48</v>
      </c>
      <c r="DA13" s="228"/>
      <c r="DB13" s="72">
        <v>27</v>
      </c>
      <c r="DC13" s="72">
        <v>26</v>
      </c>
      <c r="DD13" s="72">
        <v>26</v>
      </c>
      <c r="DE13" s="72">
        <v>13</v>
      </c>
      <c r="DF13" s="72">
        <v>8</v>
      </c>
      <c r="DG13" s="74">
        <v>100</v>
      </c>
      <c r="DH13" s="75">
        <v>148</v>
      </c>
      <c r="DI13" s="60">
        <v>0</v>
      </c>
      <c r="DJ13" s="61">
        <v>0</v>
      </c>
      <c r="DK13" s="62">
        <v>0</v>
      </c>
      <c r="DL13" s="231"/>
      <c r="DM13" s="61">
        <v>0</v>
      </c>
      <c r="DN13" s="61">
        <v>1</v>
      </c>
      <c r="DO13" s="61">
        <v>1</v>
      </c>
      <c r="DP13" s="61">
        <v>0</v>
      </c>
      <c r="DQ13" s="61">
        <v>0</v>
      </c>
      <c r="DR13" s="62">
        <v>2</v>
      </c>
      <c r="DS13" s="63">
        <v>2</v>
      </c>
      <c r="DT13" s="60">
        <v>4</v>
      </c>
      <c r="DU13" s="61">
        <v>4</v>
      </c>
      <c r="DV13" s="62">
        <v>8</v>
      </c>
      <c r="DW13" s="231"/>
      <c r="DX13" s="61">
        <v>1</v>
      </c>
      <c r="DY13" s="61">
        <v>1</v>
      </c>
      <c r="DZ13" s="61">
        <v>1</v>
      </c>
      <c r="EA13" s="61">
        <v>0</v>
      </c>
      <c r="EB13" s="61">
        <v>0</v>
      </c>
      <c r="EC13" s="62">
        <v>3</v>
      </c>
      <c r="ED13" s="63">
        <v>11</v>
      </c>
      <c r="EE13" s="60">
        <v>5</v>
      </c>
      <c r="EF13" s="61">
        <v>2</v>
      </c>
      <c r="EG13" s="62">
        <v>7</v>
      </c>
      <c r="EH13" s="231"/>
      <c r="EI13" s="61">
        <v>0</v>
      </c>
      <c r="EJ13" s="61">
        <v>3</v>
      </c>
      <c r="EK13" s="61">
        <v>1</v>
      </c>
      <c r="EL13" s="61">
        <v>0</v>
      </c>
      <c r="EM13" s="61">
        <v>1</v>
      </c>
      <c r="EN13" s="62">
        <v>5</v>
      </c>
      <c r="EO13" s="63">
        <v>12</v>
      </c>
      <c r="EP13" s="60">
        <v>7</v>
      </c>
      <c r="EQ13" s="61">
        <v>3</v>
      </c>
      <c r="ER13" s="62">
        <v>10</v>
      </c>
      <c r="ES13" s="231"/>
      <c r="ET13" s="61">
        <v>7</v>
      </c>
      <c r="EU13" s="61">
        <v>3</v>
      </c>
      <c r="EV13" s="61">
        <v>3</v>
      </c>
      <c r="EW13" s="61">
        <v>1</v>
      </c>
      <c r="EX13" s="61">
        <v>1</v>
      </c>
      <c r="EY13" s="62">
        <v>15</v>
      </c>
      <c r="EZ13" s="63">
        <v>25</v>
      </c>
      <c r="FA13" s="60">
        <v>5</v>
      </c>
      <c r="FB13" s="61">
        <v>8</v>
      </c>
      <c r="FC13" s="62">
        <v>13</v>
      </c>
      <c r="FD13" s="231"/>
      <c r="FE13" s="61">
        <v>7</v>
      </c>
      <c r="FF13" s="61">
        <v>10</v>
      </c>
      <c r="FG13" s="61">
        <v>4</v>
      </c>
      <c r="FH13" s="61">
        <v>2</v>
      </c>
      <c r="FI13" s="61">
        <v>3</v>
      </c>
      <c r="FJ13" s="62">
        <v>26</v>
      </c>
      <c r="FK13" s="63">
        <v>39</v>
      </c>
      <c r="FL13" s="60">
        <v>6</v>
      </c>
      <c r="FM13" s="61">
        <v>4</v>
      </c>
      <c r="FN13" s="62">
        <v>10</v>
      </c>
      <c r="FO13" s="231"/>
      <c r="FP13" s="61">
        <v>12</v>
      </c>
      <c r="FQ13" s="61">
        <v>8</v>
      </c>
      <c r="FR13" s="61">
        <v>16</v>
      </c>
      <c r="FS13" s="61">
        <v>10</v>
      </c>
      <c r="FT13" s="61">
        <v>3</v>
      </c>
      <c r="FU13" s="62">
        <v>49</v>
      </c>
      <c r="FV13" s="63">
        <v>59</v>
      </c>
      <c r="FW13" s="60">
        <v>0</v>
      </c>
      <c r="FX13" s="61">
        <v>0</v>
      </c>
      <c r="FY13" s="62">
        <v>0</v>
      </c>
      <c r="FZ13" s="231"/>
      <c r="GA13" s="61">
        <v>0</v>
      </c>
      <c r="GB13" s="61">
        <v>0</v>
      </c>
      <c r="GC13" s="61">
        <v>0</v>
      </c>
      <c r="GD13" s="61">
        <v>0</v>
      </c>
      <c r="GE13" s="61">
        <v>0</v>
      </c>
      <c r="GF13" s="62">
        <v>0</v>
      </c>
      <c r="GG13" s="63">
        <v>0</v>
      </c>
      <c r="GH13" s="60">
        <v>27</v>
      </c>
      <c r="GI13" s="61">
        <v>21</v>
      </c>
      <c r="GJ13" s="62">
        <v>48</v>
      </c>
      <c r="GK13" s="231"/>
      <c r="GL13" s="61">
        <v>27</v>
      </c>
      <c r="GM13" s="61">
        <v>26</v>
      </c>
      <c r="GN13" s="61">
        <v>26</v>
      </c>
      <c r="GO13" s="61">
        <v>13</v>
      </c>
      <c r="GP13" s="61">
        <v>8</v>
      </c>
      <c r="GQ13" s="62">
        <v>100</v>
      </c>
      <c r="GR13" s="63">
        <v>148</v>
      </c>
      <c r="GS13" s="113">
        <v>219</v>
      </c>
      <c r="GT13" s="72">
        <v>118</v>
      </c>
      <c r="GU13" s="73">
        <v>337</v>
      </c>
      <c r="GV13" s="228"/>
      <c r="GW13" s="72">
        <v>237</v>
      </c>
      <c r="GX13" s="72">
        <v>146</v>
      </c>
      <c r="GY13" s="72">
        <v>147</v>
      </c>
      <c r="GZ13" s="72">
        <v>101</v>
      </c>
      <c r="HA13" s="72">
        <v>59</v>
      </c>
      <c r="HB13" s="74">
        <v>690</v>
      </c>
      <c r="HC13" s="75">
        <v>1027</v>
      </c>
      <c r="HD13" s="60">
        <v>0</v>
      </c>
      <c r="HE13" s="61">
        <v>0</v>
      </c>
      <c r="HF13" s="62">
        <v>0</v>
      </c>
      <c r="HG13" s="231"/>
      <c r="HH13" s="61">
        <v>0</v>
      </c>
      <c r="HI13" s="61">
        <v>1</v>
      </c>
      <c r="HJ13" s="61">
        <v>3</v>
      </c>
      <c r="HK13" s="61">
        <v>0</v>
      </c>
      <c r="HL13" s="61">
        <v>0</v>
      </c>
      <c r="HM13" s="62">
        <v>4</v>
      </c>
      <c r="HN13" s="63">
        <v>4</v>
      </c>
      <c r="HO13" s="60">
        <v>11</v>
      </c>
      <c r="HP13" s="61">
        <v>4</v>
      </c>
      <c r="HQ13" s="62">
        <v>15</v>
      </c>
      <c r="HR13" s="231"/>
      <c r="HS13" s="61">
        <v>3</v>
      </c>
      <c r="HT13" s="61">
        <v>5</v>
      </c>
      <c r="HU13" s="61">
        <v>2</v>
      </c>
      <c r="HV13" s="61">
        <v>0</v>
      </c>
      <c r="HW13" s="61">
        <v>2</v>
      </c>
      <c r="HX13" s="62">
        <v>12</v>
      </c>
      <c r="HY13" s="63">
        <v>27</v>
      </c>
      <c r="HZ13" s="60">
        <v>14</v>
      </c>
      <c r="IA13" s="61">
        <v>6</v>
      </c>
      <c r="IB13" s="62">
        <v>20</v>
      </c>
      <c r="IC13" s="231"/>
      <c r="ID13" s="61">
        <v>10</v>
      </c>
      <c r="IE13" s="61">
        <v>13</v>
      </c>
      <c r="IF13" s="61">
        <v>8</v>
      </c>
      <c r="IG13" s="61">
        <v>8</v>
      </c>
      <c r="IH13" s="61">
        <v>6</v>
      </c>
      <c r="II13" s="62">
        <v>45</v>
      </c>
      <c r="IJ13" s="63">
        <v>65</v>
      </c>
      <c r="IK13" s="60">
        <v>42</v>
      </c>
      <c r="IL13" s="61">
        <v>25</v>
      </c>
      <c r="IM13" s="62">
        <v>67</v>
      </c>
      <c r="IN13" s="231"/>
      <c r="IO13" s="61">
        <v>39</v>
      </c>
      <c r="IP13" s="61">
        <v>15</v>
      </c>
      <c r="IQ13" s="61">
        <v>15</v>
      </c>
      <c r="IR13" s="61">
        <v>10</v>
      </c>
      <c r="IS13" s="61">
        <v>8</v>
      </c>
      <c r="IT13" s="62">
        <v>87</v>
      </c>
      <c r="IU13" s="63">
        <v>154</v>
      </c>
      <c r="IV13" s="60">
        <v>74</v>
      </c>
      <c r="IW13" s="61">
        <v>48</v>
      </c>
      <c r="IX13" s="62">
        <v>122</v>
      </c>
      <c r="IY13" s="231"/>
      <c r="IZ13" s="61">
        <v>83</v>
      </c>
      <c r="JA13" s="61">
        <v>48</v>
      </c>
      <c r="JB13" s="61">
        <v>42</v>
      </c>
      <c r="JC13" s="61">
        <v>28</v>
      </c>
      <c r="JD13" s="61">
        <v>13</v>
      </c>
      <c r="JE13" s="62">
        <v>214</v>
      </c>
      <c r="JF13" s="63">
        <v>336</v>
      </c>
      <c r="JG13" s="60">
        <v>78</v>
      </c>
      <c r="JH13" s="61">
        <v>35</v>
      </c>
      <c r="JI13" s="62">
        <v>113</v>
      </c>
      <c r="JJ13" s="231"/>
      <c r="JK13" s="61">
        <v>102</v>
      </c>
      <c r="JL13" s="61">
        <v>64</v>
      </c>
      <c r="JM13" s="61">
        <v>77</v>
      </c>
      <c r="JN13" s="61">
        <v>55</v>
      </c>
      <c r="JO13" s="61">
        <v>30</v>
      </c>
      <c r="JP13" s="62">
        <v>328</v>
      </c>
      <c r="JQ13" s="63">
        <v>441</v>
      </c>
      <c r="JR13" s="60">
        <v>0</v>
      </c>
      <c r="JS13" s="61">
        <v>0</v>
      </c>
      <c r="JT13" s="62">
        <v>0</v>
      </c>
      <c r="JU13" s="231"/>
      <c r="JV13" s="61">
        <v>0</v>
      </c>
      <c r="JW13" s="61">
        <v>0</v>
      </c>
      <c r="JX13" s="61">
        <v>0</v>
      </c>
      <c r="JY13" s="61">
        <v>0</v>
      </c>
      <c r="JZ13" s="61">
        <v>0</v>
      </c>
      <c r="KA13" s="62">
        <v>0</v>
      </c>
      <c r="KB13" s="63">
        <v>0</v>
      </c>
      <c r="KC13" s="60">
        <v>219</v>
      </c>
      <c r="KD13" s="61">
        <v>118</v>
      </c>
      <c r="KE13" s="62">
        <v>337</v>
      </c>
      <c r="KF13" s="231"/>
      <c r="KG13" s="61">
        <v>237</v>
      </c>
      <c r="KH13" s="61">
        <v>146</v>
      </c>
      <c r="KI13" s="61">
        <v>147</v>
      </c>
      <c r="KJ13" s="61">
        <v>101</v>
      </c>
      <c r="KK13" s="61">
        <v>59</v>
      </c>
      <c r="KL13" s="62">
        <v>690</v>
      </c>
      <c r="KM13" s="63">
        <v>1027</v>
      </c>
    </row>
    <row r="14" spans="2:299" ht="21" customHeight="1" x14ac:dyDescent="0.2">
      <c r="B14" s="472" t="s">
        <v>10</v>
      </c>
      <c r="C14" s="293">
        <v>354</v>
      </c>
      <c r="D14" s="72">
        <v>203</v>
      </c>
      <c r="E14" s="73">
        <v>557</v>
      </c>
      <c r="F14" s="228"/>
      <c r="G14" s="72">
        <v>329</v>
      </c>
      <c r="H14" s="72">
        <v>170</v>
      </c>
      <c r="I14" s="72">
        <v>131</v>
      </c>
      <c r="J14" s="72">
        <v>141</v>
      </c>
      <c r="K14" s="72">
        <v>85</v>
      </c>
      <c r="L14" s="74">
        <v>856</v>
      </c>
      <c r="M14" s="75">
        <v>1413</v>
      </c>
      <c r="N14" s="60">
        <v>3</v>
      </c>
      <c r="O14" s="61">
        <v>4</v>
      </c>
      <c r="P14" s="62">
        <v>7</v>
      </c>
      <c r="Q14" s="231"/>
      <c r="R14" s="61">
        <v>4</v>
      </c>
      <c r="S14" s="61">
        <v>4</v>
      </c>
      <c r="T14" s="61">
        <v>1</v>
      </c>
      <c r="U14" s="61">
        <v>3</v>
      </c>
      <c r="V14" s="61">
        <v>1</v>
      </c>
      <c r="W14" s="62">
        <v>13</v>
      </c>
      <c r="X14" s="63">
        <v>20</v>
      </c>
      <c r="Y14" s="60">
        <v>12</v>
      </c>
      <c r="Z14" s="61">
        <v>7</v>
      </c>
      <c r="AA14" s="62">
        <v>19</v>
      </c>
      <c r="AB14" s="228"/>
      <c r="AC14" s="61">
        <v>14</v>
      </c>
      <c r="AD14" s="61">
        <v>11</v>
      </c>
      <c r="AE14" s="61">
        <v>3</v>
      </c>
      <c r="AF14" s="61">
        <v>4</v>
      </c>
      <c r="AG14" s="61">
        <v>6</v>
      </c>
      <c r="AH14" s="62">
        <v>38</v>
      </c>
      <c r="AI14" s="63">
        <v>57</v>
      </c>
      <c r="AJ14" s="60">
        <v>28</v>
      </c>
      <c r="AK14" s="61">
        <v>18</v>
      </c>
      <c r="AL14" s="62">
        <v>46</v>
      </c>
      <c r="AM14" s="228"/>
      <c r="AN14" s="61">
        <v>22</v>
      </c>
      <c r="AO14" s="61">
        <v>14</v>
      </c>
      <c r="AP14" s="61">
        <v>7</v>
      </c>
      <c r="AQ14" s="61">
        <v>15</v>
      </c>
      <c r="AR14" s="61">
        <v>10</v>
      </c>
      <c r="AS14" s="62">
        <v>68</v>
      </c>
      <c r="AT14" s="63">
        <v>114</v>
      </c>
      <c r="AU14" s="60">
        <v>71</v>
      </c>
      <c r="AV14" s="61">
        <v>36</v>
      </c>
      <c r="AW14" s="62">
        <v>107</v>
      </c>
      <c r="AX14" s="228"/>
      <c r="AY14" s="61">
        <v>69</v>
      </c>
      <c r="AZ14" s="61">
        <v>30</v>
      </c>
      <c r="BA14" s="61">
        <v>24</v>
      </c>
      <c r="BB14" s="61">
        <v>21</v>
      </c>
      <c r="BC14" s="61">
        <v>13</v>
      </c>
      <c r="BD14" s="62">
        <v>157</v>
      </c>
      <c r="BE14" s="63">
        <v>264</v>
      </c>
      <c r="BF14" s="60">
        <v>142</v>
      </c>
      <c r="BG14" s="61">
        <v>78</v>
      </c>
      <c r="BH14" s="62">
        <v>220</v>
      </c>
      <c r="BI14" s="231"/>
      <c r="BJ14" s="61">
        <v>106</v>
      </c>
      <c r="BK14" s="61">
        <v>43</v>
      </c>
      <c r="BL14" s="61">
        <v>32</v>
      </c>
      <c r="BM14" s="61">
        <v>37</v>
      </c>
      <c r="BN14" s="61">
        <v>21</v>
      </c>
      <c r="BO14" s="62">
        <v>239</v>
      </c>
      <c r="BP14" s="63">
        <v>459</v>
      </c>
      <c r="BQ14" s="60">
        <v>98</v>
      </c>
      <c r="BR14" s="61">
        <v>60</v>
      </c>
      <c r="BS14" s="62">
        <v>158</v>
      </c>
      <c r="BT14" s="231"/>
      <c r="BU14" s="61">
        <v>114</v>
      </c>
      <c r="BV14" s="61">
        <v>68</v>
      </c>
      <c r="BW14" s="61">
        <v>64</v>
      </c>
      <c r="BX14" s="61">
        <v>61</v>
      </c>
      <c r="BY14" s="61">
        <v>34</v>
      </c>
      <c r="BZ14" s="62">
        <v>341</v>
      </c>
      <c r="CA14" s="63">
        <v>499</v>
      </c>
      <c r="CB14" s="60">
        <v>0</v>
      </c>
      <c r="CC14" s="61">
        <v>0</v>
      </c>
      <c r="CD14" s="62">
        <v>0</v>
      </c>
      <c r="CE14" s="231"/>
      <c r="CF14" s="61">
        <v>0</v>
      </c>
      <c r="CG14" s="61">
        <v>0</v>
      </c>
      <c r="CH14" s="61">
        <v>0</v>
      </c>
      <c r="CI14" s="61">
        <v>0</v>
      </c>
      <c r="CJ14" s="61">
        <v>0</v>
      </c>
      <c r="CK14" s="62">
        <v>0</v>
      </c>
      <c r="CL14" s="63">
        <v>0</v>
      </c>
      <c r="CM14" s="60">
        <v>354</v>
      </c>
      <c r="CN14" s="61">
        <v>203</v>
      </c>
      <c r="CO14" s="62">
        <v>557</v>
      </c>
      <c r="CP14" s="231"/>
      <c r="CQ14" s="61">
        <v>329</v>
      </c>
      <c r="CR14" s="61">
        <v>170</v>
      </c>
      <c r="CS14" s="61">
        <v>131</v>
      </c>
      <c r="CT14" s="61">
        <v>141</v>
      </c>
      <c r="CU14" s="61">
        <v>85</v>
      </c>
      <c r="CV14" s="62">
        <v>856</v>
      </c>
      <c r="CW14" s="63">
        <v>1413</v>
      </c>
      <c r="CX14" s="113">
        <v>46</v>
      </c>
      <c r="CY14" s="72">
        <v>30</v>
      </c>
      <c r="CZ14" s="73">
        <v>76</v>
      </c>
      <c r="DA14" s="228"/>
      <c r="DB14" s="72">
        <v>46</v>
      </c>
      <c r="DC14" s="72">
        <v>20</v>
      </c>
      <c r="DD14" s="72">
        <v>22</v>
      </c>
      <c r="DE14" s="72">
        <v>26</v>
      </c>
      <c r="DF14" s="72">
        <v>20</v>
      </c>
      <c r="DG14" s="74">
        <v>134</v>
      </c>
      <c r="DH14" s="75">
        <v>210</v>
      </c>
      <c r="DI14" s="60">
        <v>2</v>
      </c>
      <c r="DJ14" s="61">
        <v>2</v>
      </c>
      <c r="DK14" s="62">
        <v>4</v>
      </c>
      <c r="DL14" s="231"/>
      <c r="DM14" s="61">
        <v>0</v>
      </c>
      <c r="DN14" s="61">
        <v>0</v>
      </c>
      <c r="DO14" s="61">
        <v>1</v>
      </c>
      <c r="DP14" s="61">
        <v>0</v>
      </c>
      <c r="DQ14" s="61">
        <v>1</v>
      </c>
      <c r="DR14" s="62">
        <v>2</v>
      </c>
      <c r="DS14" s="63">
        <v>6</v>
      </c>
      <c r="DT14" s="60">
        <v>2</v>
      </c>
      <c r="DU14" s="61">
        <v>1</v>
      </c>
      <c r="DV14" s="62">
        <v>3</v>
      </c>
      <c r="DW14" s="231"/>
      <c r="DX14" s="61">
        <v>0</v>
      </c>
      <c r="DY14" s="61">
        <v>0</v>
      </c>
      <c r="DZ14" s="61">
        <v>1</v>
      </c>
      <c r="EA14" s="61">
        <v>2</v>
      </c>
      <c r="EB14" s="61">
        <v>0</v>
      </c>
      <c r="EC14" s="62">
        <v>3</v>
      </c>
      <c r="ED14" s="63">
        <v>6</v>
      </c>
      <c r="EE14" s="60">
        <v>4</v>
      </c>
      <c r="EF14" s="61">
        <v>2</v>
      </c>
      <c r="EG14" s="62">
        <v>6</v>
      </c>
      <c r="EH14" s="231"/>
      <c r="EI14" s="61">
        <v>2</v>
      </c>
      <c r="EJ14" s="61">
        <v>1</v>
      </c>
      <c r="EK14" s="61">
        <v>1</v>
      </c>
      <c r="EL14" s="61">
        <v>0</v>
      </c>
      <c r="EM14" s="61">
        <v>0</v>
      </c>
      <c r="EN14" s="62">
        <v>4</v>
      </c>
      <c r="EO14" s="63">
        <v>10</v>
      </c>
      <c r="EP14" s="60">
        <v>7</v>
      </c>
      <c r="EQ14" s="61">
        <v>4</v>
      </c>
      <c r="ER14" s="62">
        <v>11</v>
      </c>
      <c r="ES14" s="231"/>
      <c r="ET14" s="61">
        <v>6</v>
      </c>
      <c r="EU14" s="61">
        <v>2</v>
      </c>
      <c r="EV14" s="61">
        <v>4</v>
      </c>
      <c r="EW14" s="61">
        <v>4</v>
      </c>
      <c r="EX14" s="61">
        <v>2</v>
      </c>
      <c r="EY14" s="62">
        <v>18</v>
      </c>
      <c r="EZ14" s="63">
        <v>29</v>
      </c>
      <c r="FA14" s="60">
        <v>23</v>
      </c>
      <c r="FB14" s="61">
        <v>11</v>
      </c>
      <c r="FC14" s="62">
        <v>34</v>
      </c>
      <c r="FD14" s="231"/>
      <c r="FE14" s="61">
        <v>16</v>
      </c>
      <c r="FF14" s="61">
        <v>4</v>
      </c>
      <c r="FG14" s="61">
        <v>5</v>
      </c>
      <c r="FH14" s="61">
        <v>2</v>
      </c>
      <c r="FI14" s="61">
        <v>10</v>
      </c>
      <c r="FJ14" s="62">
        <v>37</v>
      </c>
      <c r="FK14" s="63">
        <v>71</v>
      </c>
      <c r="FL14" s="60">
        <v>8</v>
      </c>
      <c r="FM14" s="61">
        <v>10</v>
      </c>
      <c r="FN14" s="62">
        <v>18</v>
      </c>
      <c r="FO14" s="231"/>
      <c r="FP14" s="61">
        <v>22</v>
      </c>
      <c r="FQ14" s="61">
        <v>13</v>
      </c>
      <c r="FR14" s="61">
        <v>10</v>
      </c>
      <c r="FS14" s="61">
        <v>18</v>
      </c>
      <c r="FT14" s="61">
        <v>7</v>
      </c>
      <c r="FU14" s="62">
        <v>70</v>
      </c>
      <c r="FV14" s="63">
        <v>88</v>
      </c>
      <c r="FW14" s="60">
        <v>0</v>
      </c>
      <c r="FX14" s="61">
        <v>0</v>
      </c>
      <c r="FY14" s="62">
        <v>0</v>
      </c>
      <c r="FZ14" s="231"/>
      <c r="GA14" s="61">
        <v>0</v>
      </c>
      <c r="GB14" s="61">
        <v>0</v>
      </c>
      <c r="GC14" s="61">
        <v>0</v>
      </c>
      <c r="GD14" s="61">
        <v>0</v>
      </c>
      <c r="GE14" s="61">
        <v>0</v>
      </c>
      <c r="GF14" s="62">
        <v>0</v>
      </c>
      <c r="GG14" s="63">
        <v>0</v>
      </c>
      <c r="GH14" s="60">
        <v>46</v>
      </c>
      <c r="GI14" s="61">
        <v>30</v>
      </c>
      <c r="GJ14" s="62">
        <v>76</v>
      </c>
      <c r="GK14" s="231"/>
      <c r="GL14" s="61">
        <v>46</v>
      </c>
      <c r="GM14" s="61">
        <v>20</v>
      </c>
      <c r="GN14" s="61">
        <v>22</v>
      </c>
      <c r="GO14" s="61">
        <v>26</v>
      </c>
      <c r="GP14" s="61">
        <v>20</v>
      </c>
      <c r="GQ14" s="62">
        <v>134</v>
      </c>
      <c r="GR14" s="63">
        <v>210</v>
      </c>
      <c r="GS14" s="113">
        <v>400</v>
      </c>
      <c r="GT14" s="72">
        <v>233</v>
      </c>
      <c r="GU14" s="73">
        <v>633</v>
      </c>
      <c r="GV14" s="228"/>
      <c r="GW14" s="72">
        <v>375</v>
      </c>
      <c r="GX14" s="72">
        <v>190</v>
      </c>
      <c r="GY14" s="72">
        <v>153</v>
      </c>
      <c r="GZ14" s="72">
        <v>167</v>
      </c>
      <c r="HA14" s="72">
        <v>105</v>
      </c>
      <c r="HB14" s="74">
        <v>990</v>
      </c>
      <c r="HC14" s="75">
        <v>1623</v>
      </c>
      <c r="HD14" s="60">
        <v>5</v>
      </c>
      <c r="HE14" s="61">
        <v>6</v>
      </c>
      <c r="HF14" s="62">
        <v>11</v>
      </c>
      <c r="HG14" s="231"/>
      <c r="HH14" s="61">
        <v>4</v>
      </c>
      <c r="HI14" s="61">
        <v>4</v>
      </c>
      <c r="HJ14" s="61">
        <v>2</v>
      </c>
      <c r="HK14" s="61">
        <v>3</v>
      </c>
      <c r="HL14" s="61">
        <v>2</v>
      </c>
      <c r="HM14" s="62">
        <v>15</v>
      </c>
      <c r="HN14" s="63">
        <v>26</v>
      </c>
      <c r="HO14" s="60">
        <v>14</v>
      </c>
      <c r="HP14" s="61">
        <v>8</v>
      </c>
      <c r="HQ14" s="62">
        <v>22</v>
      </c>
      <c r="HR14" s="231"/>
      <c r="HS14" s="61">
        <v>14</v>
      </c>
      <c r="HT14" s="61">
        <v>11</v>
      </c>
      <c r="HU14" s="61">
        <v>4</v>
      </c>
      <c r="HV14" s="61">
        <v>6</v>
      </c>
      <c r="HW14" s="61">
        <v>6</v>
      </c>
      <c r="HX14" s="62">
        <v>41</v>
      </c>
      <c r="HY14" s="63">
        <v>63</v>
      </c>
      <c r="HZ14" s="60">
        <v>32</v>
      </c>
      <c r="IA14" s="61">
        <v>20</v>
      </c>
      <c r="IB14" s="62">
        <v>52</v>
      </c>
      <c r="IC14" s="231"/>
      <c r="ID14" s="61">
        <v>24</v>
      </c>
      <c r="IE14" s="61">
        <v>15</v>
      </c>
      <c r="IF14" s="61">
        <v>8</v>
      </c>
      <c r="IG14" s="61">
        <v>15</v>
      </c>
      <c r="IH14" s="61">
        <v>10</v>
      </c>
      <c r="II14" s="62">
        <v>72</v>
      </c>
      <c r="IJ14" s="63">
        <v>124</v>
      </c>
      <c r="IK14" s="60">
        <v>78</v>
      </c>
      <c r="IL14" s="61">
        <v>40</v>
      </c>
      <c r="IM14" s="62">
        <v>118</v>
      </c>
      <c r="IN14" s="231"/>
      <c r="IO14" s="61">
        <v>75</v>
      </c>
      <c r="IP14" s="61">
        <v>32</v>
      </c>
      <c r="IQ14" s="61">
        <v>28</v>
      </c>
      <c r="IR14" s="61">
        <v>25</v>
      </c>
      <c r="IS14" s="61">
        <v>15</v>
      </c>
      <c r="IT14" s="62">
        <v>175</v>
      </c>
      <c r="IU14" s="63">
        <v>293</v>
      </c>
      <c r="IV14" s="60">
        <v>165</v>
      </c>
      <c r="IW14" s="61">
        <v>89</v>
      </c>
      <c r="IX14" s="62">
        <v>254</v>
      </c>
      <c r="IY14" s="231"/>
      <c r="IZ14" s="61">
        <v>122</v>
      </c>
      <c r="JA14" s="61">
        <v>47</v>
      </c>
      <c r="JB14" s="61">
        <v>37</v>
      </c>
      <c r="JC14" s="61">
        <v>39</v>
      </c>
      <c r="JD14" s="61">
        <v>31</v>
      </c>
      <c r="JE14" s="62">
        <v>276</v>
      </c>
      <c r="JF14" s="63">
        <v>530</v>
      </c>
      <c r="JG14" s="60">
        <v>106</v>
      </c>
      <c r="JH14" s="61">
        <v>70</v>
      </c>
      <c r="JI14" s="62">
        <v>176</v>
      </c>
      <c r="JJ14" s="231"/>
      <c r="JK14" s="61">
        <v>136</v>
      </c>
      <c r="JL14" s="61">
        <v>81</v>
      </c>
      <c r="JM14" s="61">
        <v>74</v>
      </c>
      <c r="JN14" s="61">
        <v>79</v>
      </c>
      <c r="JO14" s="61">
        <v>41</v>
      </c>
      <c r="JP14" s="62">
        <v>411</v>
      </c>
      <c r="JQ14" s="63">
        <v>587</v>
      </c>
      <c r="JR14" s="60">
        <v>0</v>
      </c>
      <c r="JS14" s="61">
        <v>0</v>
      </c>
      <c r="JT14" s="62">
        <v>0</v>
      </c>
      <c r="JU14" s="231"/>
      <c r="JV14" s="61">
        <v>0</v>
      </c>
      <c r="JW14" s="61">
        <v>0</v>
      </c>
      <c r="JX14" s="61">
        <v>0</v>
      </c>
      <c r="JY14" s="61">
        <v>0</v>
      </c>
      <c r="JZ14" s="61">
        <v>0</v>
      </c>
      <c r="KA14" s="62">
        <v>0</v>
      </c>
      <c r="KB14" s="63">
        <v>0</v>
      </c>
      <c r="KC14" s="60">
        <v>400</v>
      </c>
      <c r="KD14" s="61">
        <v>233</v>
      </c>
      <c r="KE14" s="62">
        <v>633</v>
      </c>
      <c r="KF14" s="231"/>
      <c r="KG14" s="61">
        <v>375</v>
      </c>
      <c r="KH14" s="61">
        <v>190</v>
      </c>
      <c r="KI14" s="61">
        <v>153</v>
      </c>
      <c r="KJ14" s="61">
        <v>167</v>
      </c>
      <c r="KK14" s="61">
        <v>105</v>
      </c>
      <c r="KL14" s="62">
        <v>990</v>
      </c>
      <c r="KM14" s="63">
        <v>1623</v>
      </c>
    </row>
    <row r="15" spans="2:299" ht="21" customHeight="1" x14ac:dyDescent="0.2">
      <c r="B15" s="472" t="s">
        <v>11</v>
      </c>
      <c r="C15" s="293">
        <v>84</v>
      </c>
      <c r="D15" s="72">
        <v>63</v>
      </c>
      <c r="E15" s="73">
        <v>147</v>
      </c>
      <c r="F15" s="228"/>
      <c r="G15" s="72">
        <v>136</v>
      </c>
      <c r="H15" s="72">
        <v>83</v>
      </c>
      <c r="I15" s="72">
        <v>55</v>
      </c>
      <c r="J15" s="72">
        <v>66</v>
      </c>
      <c r="K15" s="72">
        <v>23</v>
      </c>
      <c r="L15" s="74">
        <v>363</v>
      </c>
      <c r="M15" s="75">
        <v>510</v>
      </c>
      <c r="N15" s="60">
        <v>2</v>
      </c>
      <c r="O15" s="61">
        <v>0</v>
      </c>
      <c r="P15" s="62">
        <v>2</v>
      </c>
      <c r="Q15" s="231"/>
      <c r="R15" s="61">
        <v>6</v>
      </c>
      <c r="S15" s="61">
        <v>2</v>
      </c>
      <c r="T15" s="61">
        <v>1</v>
      </c>
      <c r="U15" s="61">
        <v>1</v>
      </c>
      <c r="V15" s="61">
        <v>0</v>
      </c>
      <c r="W15" s="62">
        <v>10</v>
      </c>
      <c r="X15" s="63">
        <v>12</v>
      </c>
      <c r="Y15" s="60">
        <v>5</v>
      </c>
      <c r="Z15" s="61">
        <v>4</v>
      </c>
      <c r="AA15" s="62">
        <v>9</v>
      </c>
      <c r="AB15" s="228"/>
      <c r="AC15" s="61">
        <v>7</v>
      </c>
      <c r="AD15" s="61">
        <v>4</v>
      </c>
      <c r="AE15" s="61">
        <v>10</v>
      </c>
      <c r="AF15" s="61">
        <v>7</v>
      </c>
      <c r="AG15" s="61">
        <v>2</v>
      </c>
      <c r="AH15" s="62">
        <v>30</v>
      </c>
      <c r="AI15" s="63">
        <v>39</v>
      </c>
      <c r="AJ15" s="60">
        <v>4</v>
      </c>
      <c r="AK15" s="61">
        <v>4</v>
      </c>
      <c r="AL15" s="62">
        <v>8</v>
      </c>
      <c r="AM15" s="228"/>
      <c r="AN15" s="61">
        <v>9</v>
      </c>
      <c r="AO15" s="61">
        <v>6</v>
      </c>
      <c r="AP15" s="61">
        <v>5</v>
      </c>
      <c r="AQ15" s="61">
        <v>5</v>
      </c>
      <c r="AR15" s="61">
        <v>1</v>
      </c>
      <c r="AS15" s="62">
        <v>26</v>
      </c>
      <c r="AT15" s="63">
        <v>34</v>
      </c>
      <c r="AU15" s="60">
        <v>13</v>
      </c>
      <c r="AV15" s="61">
        <v>10</v>
      </c>
      <c r="AW15" s="62">
        <v>23</v>
      </c>
      <c r="AX15" s="228"/>
      <c r="AY15" s="61">
        <v>22</v>
      </c>
      <c r="AZ15" s="61">
        <v>13</v>
      </c>
      <c r="BA15" s="61">
        <v>6</v>
      </c>
      <c r="BB15" s="61">
        <v>7</v>
      </c>
      <c r="BC15" s="61">
        <v>4</v>
      </c>
      <c r="BD15" s="62">
        <v>52</v>
      </c>
      <c r="BE15" s="63">
        <v>75</v>
      </c>
      <c r="BF15" s="60">
        <v>28</v>
      </c>
      <c r="BG15" s="61">
        <v>24</v>
      </c>
      <c r="BH15" s="62">
        <v>52</v>
      </c>
      <c r="BI15" s="231"/>
      <c r="BJ15" s="61">
        <v>41</v>
      </c>
      <c r="BK15" s="61">
        <v>23</v>
      </c>
      <c r="BL15" s="61">
        <v>11</v>
      </c>
      <c r="BM15" s="61">
        <v>27</v>
      </c>
      <c r="BN15" s="61">
        <v>11</v>
      </c>
      <c r="BO15" s="62">
        <v>113</v>
      </c>
      <c r="BP15" s="63">
        <v>165</v>
      </c>
      <c r="BQ15" s="60">
        <v>32</v>
      </c>
      <c r="BR15" s="61">
        <v>21</v>
      </c>
      <c r="BS15" s="62">
        <v>53</v>
      </c>
      <c r="BT15" s="231"/>
      <c r="BU15" s="61">
        <v>51</v>
      </c>
      <c r="BV15" s="61">
        <v>35</v>
      </c>
      <c r="BW15" s="61">
        <v>22</v>
      </c>
      <c r="BX15" s="61">
        <v>19</v>
      </c>
      <c r="BY15" s="61">
        <v>5</v>
      </c>
      <c r="BZ15" s="62">
        <v>132</v>
      </c>
      <c r="CA15" s="63">
        <v>185</v>
      </c>
      <c r="CB15" s="60">
        <v>0</v>
      </c>
      <c r="CC15" s="61">
        <v>0</v>
      </c>
      <c r="CD15" s="62">
        <v>0</v>
      </c>
      <c r="CE15" s="231"/>
      <c r="CF15" s="61">
        <v>0</v>
      </c>
      <c r="CG15" s="61">
        <v>0</v>
      </c>
      <c r="CH15" s="61">
        <v>0</v>
      </c>
      <c r="CI15" s="61">
        <v>0</v>
      </c>
      <c r="CJ15" s="61">
        <v>0</v>
      </c>
      <c r="CK15" s="62">
        <v>0</v>
      </c>
      <c r="CL15" s="63">
        <v>0</v>
      </c>
      <c r="CM15" s="60">
        <v>84</v>
      </c>
      <c r="CN15" s="61">
        <v>63</v>
      </c>
      <c r="CO15" s="62">
        <v>147</v>
      </c>
      <c r="CP15" s="231"/>
      <c r="CQ15" s="61">
        <v>136</v>
      </c>
      <c r="CR15" s="61">
        <v>83</v>
      </c>
      <c r="CS15" s="61">
        <v>55</v>
      </c>
      <c r="CT15" s="61">
        <v>66</v>
      </c>
      <c r="CU15" s="61">
        <v>23</v>
      </c>
      <c r="CV15" s="62">
        <v>363</v>
      </c>
      <c r="CW15" s="63">
        <v>510</v>
      </c>
      <c r="CX15" s="113">
        <v>9</v>
      </c>
      <c r="CY15" s="72">
        <v>10</v>
      </c>
      <c r="CZ15" s="73">
        <v>19</v>
      </c>
      <c r="DA15" s="228"/>
      <c r="DB15" s="72">
        <v>14</v>
      </c>
      <c r="DC15" s="72">
        <v>16</v>
      </c>
      <c r="DD15" s="72">
        <v>6</v>
      </c>
      <c r="DE15" s="72">
        <v>22</v>
      </c>
      <c r="DF15" s="72">
        <v>6</v>
      </c>
      <c r="DG15" s="74">
        <v>64</v>
      </c>
      <c r="DH15" s="75">
        <v>83</v>
      </c>
      <c r="DI15" s="60">
        <v>0</v>
      </c>
      <c r="DJ15" s="61">
        <v>0</v>
      </c>
      <c r="DK15" s="62">
        <v>0</v>
      </c>
      <c r="DL15" s="231"/>
      <c r="DM15" s="61">
        <v>0</v>
      </c>
      <c r="DN15" s="61">
        <v>0</v>
      </c>
      <c r="DO15" s="61">
        <v>0</v>
      </c>
      <c r="DP15" s="61">
        <v>0</v>
      </c>
      <c r="DQ15" s="61">
        <v>0</v>
      </c>
      <c r="DR15" s="62">
        <v>0</v>
      </c>
      <c r="DS15" s="63">
        <v>0</v>
      </c>
      <c r="DT15" s="60">
        <v>1</v>
      </c>
      <c r="DU15" s="61">
        <v>0</v>
      </c>
      <c r="DV15" s="62">
        <v>1</v>
      </c>
      <c r="DW15" s="231"/>
      <c r="DX15" s="61">
        <v>2</v>
      </c>
      <c r="DY15" s="61">
        <v>0</v>
      </c>
      <c r="DZ15" s="61">
        <v>1</v>
      </c>
      <c r="EA15" s="61">
        <v>1</v>
      </c>
      <c r="EB15" s="61">
        <v>0</v>
      </c>
      <c r="EC15" s="62">
        <v>4</v>
      </c>
      <c r="ED15" s="63">
        <v>5</v>
      </c>
      <c r="EE15" s="60">
        <v>1</v>
      </c>
      <c r="EF15" s="61">
        <v>0</v>
      </c>
      <c r="EG15" s="62">
        <v>1</v>
      </c>
      <c r="EH15" s="231"/>
      <c r="EI15" s="61">
        <v>1</v>
      </c>
      <c r="EJ15" s="61">
        <v>2</v>
      </c>
      <c r="EK15" s="61">
        <v>0</v>
      </c>
      <c r="EL15" s="61">
        <v>0</v>
      </c>
      <c r="EM15" s="61">
        <v>2</v>
      </c>
      <c r="EN15" s="62">
        <v>5</v>
      </c>
      <c r="EO15" s="63">
        <v>6</v>
      </c>
      <c r="EP15" s="60">
        <v>1</v>
      </c>
      <c r="EQ15" s="61">
        <v>2</v>
      </c>
      <c r="ER15" s="62">
        <v>3</v>
      </c>
      <c r="ES15" s="231"/>
      <c r="ET15" s="61">
        <v>1</v>
      </c>
      <c r="EU15" s="61">
        <v>2</v>
      </c>
      <c r="EV15" s="61">
        <v>0</v>
      </c>
      <c r="EW15" s="61">
        <v>0</v>
      </c>
      <c r="EX15" s="61">
        <v>1</v>
      </c>
      <c r="EY15" s="62">
        <v>4</v>
      </c>
      <c r="EZ15" s="63">
        <v>7</v>
      </c>
      <c r="FA15" s="60">
        <v>2</v>
      </c>
      <c r="FB15" s="61">
        <v>6</v>
      </c>
      <c r="FC15" s="62">
        <v>8</v>
      </c>
      <c r="FD15" s="231"/>
      <c r="FE15" s="61">
        <v>6</v>
      </c>
      <c r="FF15" s="61">
        <v>7</v>
      </c>
      <c r="FG15" s="61">
        <v>1</v>
      </c>
      <c r="FH15" s="61">
        <v>5</v>
      </c>
      <c r="FI15" s="61">
        <v>0</v>
      </c>
      <c r="FJ15" s="62">
        <v>19</v>
      </c>
      <c r="FK15" s="63">
        <v>27</v>
      </c>
      <c r="FL15" s="60">
        <v>4</v>
      </c>
      <c r="FM15" s="61">
        <v>2</v>
      </c>
      <c r="FN15" s="62">
        <v>6</v>
      </c>
      <c r="FO15" s="231"/>
      <c r="FP15" s="61">
        <v>4</v>
      </c>
      <c r="FQ15" s="61">
        <v>5</v>
      </c>
      <c r="FR15" s="61">
        <v>4</v>
      </c>
      <c r="FS15" s="61">
        <v>16</v>
      </c>
      <c r="FT15" s="61">
        <v>3</v>
      </c>
      <c r="FU15" s="62">
        <v>32</v>
      </c>
      <c r="FV15" s="63">
        <v>38</v>
      </c>
      <c r="FW15" s="60">
        <v>0</v>
      </c>
      <c r="FX15" s="61">
        <v>0</v>
      </c>
      <c r="FY15" s="62">
        <v>0</v>
      </c>
      <c r="FZ15" s="231"/>
      <c r="GA15" s="61">
        <v>0</v>
      </c>
      <c r="GB15" s="61">
        <v>0</v>
      </c>
      <c r="GC15" s="61">
        <v>0</v>
      </c>
      <c r="GD15" s="61">
        <v>0</v>
      </c>
      <c r="GE15" s="61">
        <v>0</v>
      </c>
      <c r="GF15" s="62">
        <v>0</v>
      </c>
      <c r="GG15" s="63">
        <v>0</v>
      </c>
      <c r="GH15" s="60">
        <v>9</v>
      </c>
      <c r="GI15" s="61">
        <v>10</v>
      </c>
      <c r="GJ15" s="62">
        <v>19</v>
      </c>
      <c r="GK15" s="231"/>
      <c r="GL15" s="61">
        <v>14</v>
      </c>
      <c r="GM15" s="61">
        <v>16</v>
      </c>
      <c r="GN15" s="61">
        <v>6</v>
      </c>
      <c r="GO15" s="61">
        <v>22</v>
      </c>
      <c r="GP15" s="61">
        <v>6</v>
      </c>
      <c r="GQ15" s="62">
        <v>64</v>
      </c>
      <c r="GR15" s="63">
        <v>83</v>
      </c>
      <c r="GS15" s="113">
        <v>93</v>
      </c>
      <c r="GT15" s="72">
        <v>73</v>
      </c>
      <c r="GU15" s="73">
        <v>166</v>
      </c>
      <c r="GV15" s="228"/>
      <c r="GW15" s="72">
        <v>150</v>
      </c>
      <c r="GX15" s="72">
        <v>99</v>
      </c>
      <c r="GY15" s="72">
        <v>61</v>
      </c>
      <c r="GZ15" s="72">
        <v>88</v>
      </c>
      <c r="HA15" s="72">
        <v>29</v>
      </c>
      <c r="HB15" s="74">
        <v>427</v>
      </c>
      <c r="HC15" s="75">
        <v>593</v>
      </c>
      <c r="HD15" s="60">
        <v>2</v>
      </c>
      <c r="HE15" s="61">
        <v>0</v>
      </c>
      <c r="HF15" s="62">
        <v>2</v>
      </c>
      <c r="HG15" s="231"/>
      <c r="HH15" s="61">
        <v>6</v>
      </c>
      <c r="HI15" s="61">
        <v>2</v>
      </c>
      <c r="HJ15" s="61">
        <v>1</v>
      </c>
      <c r="HK15" s="61">
        <v>1</v>
      </c>
      <c r="HL15" s="61">
        <v>0</v>
      </c>
      <c r="HM15" s="62">
        <v>10</v>
      </c>
      <c r="HN15" s="63">
        <v>12</v>
      </c>
      <c r="HO15" s="60">
        <v>6</v>
      </c>
      <c r="HP15" s="61">
        <v>4</v>
      </c>
      <c r="HQ15" s="62">
        <v>10</v>
      </c>
      <c r="HR15" s="231"/>
      <c r="HS15" s="61">
        <v>9</v>
      </c>
      <c r="HT15" s="61">
        <v>4</v>
      </c>
      <c r="HU15" s="61">
        <v>11</v>
      </c>
      <c r="HV15" s="61">
        <v>8</v>
      </c>
      <c r="HW15" s="61">
        <v>2</v>
      </c>
      <c r="HX15" s="62">
        <v>34</v>
      </c>
      <c r="HY15" s="63">
        <v>44</v>
      </c>
      <c r="HZ15" s="60">
        <v>5</v>
      </c>
      <c r="IA15" s="61">
        <v>4</v>
      </c>
      <c r="IB15" s="62">
        <v>9</v>
      </c>
      <c r="IC15" s="231"/>
      <c r="ID15" s="61">
        <v>10</v>
      </c>
      <c r="IE15" s="61">
        <v>8</v>
      </c>
      <c r="IF15" s="61">
        <v>5</v>
      </c>
      <c r="IG15" s="61">
        <v>5</v>
      </c>
      <c r="IH15" s="61">
        <v>3</v>
      </c>
      <c r="II15" s="62">
        <v>31</v>
      </c>
      <c r="IJ15" s="63">
        <v>40</v>
      </c>
      <c r="IK15" s="60">
        <v>14</v>
      </c>
      <c r="IL15" s="61">
        <v>12</v>
      </c>
      <c r="IM15" s="62">
        <v>26</v>
      </c>
      <c r="IN15" s="231"/>
      <c r="IO15" s="61">
        <v>23</v>
      </c>
      <c r="IP15" s="61">
        <v>15</v>
      </c>
      <c r="IQ15" s="61">
        <v>6</v>
      </c>
      <c r="IR15" s="61">
        <v>7</v>
      </c>
      <c r="IS15" s="61">
        <v>5</v>
      </c>
      <c r="IT15" s="62">
        <v>56</v>
      </c>
      <c r="IU15" s="63">
        <v>82</v>
      </c>
      <c r="IV15" s="60">
        <v>30</v>
      </c>
      <c r="IW15" s="61">
        <v>30</v>
      </c>
      <c r="IX15" s="62">
        <v>60</v>
      </c>
      <c r="IY15" s="231"/>
      <c r="IZ15" s="61">
        <v>47</v>
      </c>
      <c r="JA15" s="61">
        <v>30</v>
      </c>
      <c r="JB15" s="61">
        <v>12</v>
      </c>
      <c r="JC15" s="61">
        <v>32</v>
      </c>
      <c r="JD15" s="61">
        <v>11</v>
      </c>
      <c r="JE15" s="62">
        <v>132</v>
      </c>
      <c r="JF15" s="63">
        <v>192</v>
      </c>
      <c r="JG15" s="60">
        <v>36</v>
      </c>
      <c r="JH15" s="61">
        <v>23</v>
      </c>
      <c r="JI15" s="62">
        <v>59</v>
      </c>
      <c r="JJ15" s="231"/>
      <c r="JK15" s="61">
        <v>55</v>
      </c>
      <c r="JL15" s="61">
        <v>40</v>
      </c>
      <c r="JM15" s="61">
        <v>26</v>
      </c>
      <c r="JN15" s="61">
        <v>35</v>
      </c>
      <c r="JO15" s="61">
        <v>8</v>
      </c>
      <c r="JP15" s="62">
        <v>164</v>
      </c>
      <c r="JQ15" s="63">
        <v>223</v>
      </c>
      <c r="JR15" s="60">
        <v>0</v>
      </c>
      <c r="JS15" s="61">
        <v>0</v>
      </c>
      <c r="JT15" s="62">
        <v>0</v>
      </c>
      <c r="JU15" s="231"/>
      <c r="JV15" s="61">
        <v>0</v>
      </c>
      <c r="JW15" s="61">
        <v>0</v>
      </c>
      <c r="JX15" s="61">
        <v>0</v>
      </c>
      <c r="JY15" s="61">
        <v>0</v>
      </c>
      <c r="JZ15" s="61">
        <v>0</v>
      </c>
      <c r="KA15" s="62">
        <v>0</v>
      </c>
      <c r="KB15" s="63">
        <v>0</v>
      </c>
      <c r="KC15" s="60">
        <v>93</v>
      </c>
      <c r="KD15" s="61">
        <v>73</v>
      </c>
      <c r="KE15" s="62">
        <v>166</v>
      </c>
      <c r="KF15" s="231"/>
      <c r="KG15" s="61">
        <v>150</v>
      </c>
      <c r="KH15" s="61">
        <v>99</v>
      </c>
      <c r="KI15" s="61">
        <v>61</v>
      </c>
      <c r="KJ15" s="61">
        <v>88</v>
      </c>
      <c r="KK15" s="61">
        <v>29</v>
      </c>
      <c r="KL15" s="62">
        <v>427</v>
      </c>
      <c r="KM15" s="63">
        <v>593</v>
      </c>
    </row>
    <row r="16" spans="2:299" ht="21" customHeight="1" x14ac:dyDescent="0.2">
      <c r="B16" s="472" t="s">
        <v>12</v>
      </c>
      <c r="C16" s="293">
        <v>142</v>
      </c>
      <c r="D16" s="72">
        <v>133</v>
      </c>
      <c r="E16" s="73">
        <v>275</v>
      </c>
      <c r="F16" s="228"/>
      <c r="G16" s="72">
        <v>166</v>
      </c>
      <c r="H16" s="72">
        <v>125</v>
      </c>
      <c r="I16" s="72">
        <v>83</v>
      </c>
      <c r="J16" s="72">
        <v>93</v>
      </c>
      <c r="K16" s="72">
        <v>40</v>
      </c>
      <c r="L16" s="74">
        <v>507</v>
      </c>
      <c r="M16" s="75">
        <v>782</v>
      </c>
      <c r="N16" s="76">
        <v>4</v>
      </c>
      <c r="O16" s="61">
        <v>0</v>
      </c>
      <c r="P16" s="62">
        <v>4</v>
      </c>
      <c r="Q16" s="231"/>
      <c r="R16" s="61">
        <v>1</v>
      </c>
      <c r="S16" s="61">
        <v>2</v>
      </c>
      <c r="T16" s="61">
        <v>0</v>
      </c>
      <c r="U16" s="61">
        <v>3</v>
      </c>
      <c r="V16" s="61">
        <v>0</v>
      </c>
      <c r="W16" s="62">
        <v>6</v>
      </c>
      <c r="X16" s="63">
        <v>10</v>
      </c>
      <c r="Y16" s="60">
        <v>3</v>
      </c>
      <c r="Z16" s="61">
        <v>8</v>
      </c>
      <c r="AA16" s="62">
        <v>11</v>
      </c>
      <c r="AB16" s="228"/>
      <c r="AC16" s="61">
        <v>4</v>
      </c>
      <c r="AD16" s="61">
        <v>4</v>
      </c>
      <c r="AE16" s="61">
        <v>4</v>
      </c>
      <c r="AF16" s="61">
        <v>3</v>
      </c>
      <c r="AG16" s="61">
        <v>3</v>
      </c>
      <c r="AH16" s="62">
        <v>18</v>
      </c>
      <c r="AI16" s="63">
        <v>29</v>
      </c>
      <c r="AJ16" s="76">
        <v>4</v>
      </c>
      <c r="AK16" s="61">
        <v>18</v>
      </c>
      <c r="AL16" s="62">
        <v>22</v>
      </c>
      <c r="AM16" s="228"/>
      <c r="AN16" s="61">
        <v>11</v>
      </c>
      <c r="AO16" s="61">
        <v>5</v>
      </c>
      <c r="AP16" s="61">
        <v>7</v>
      </c>
      <c r="AQ16" s="61">
        <v>9</v>
      </c>
      <c r="AR16" s="61">
        <v>3</v>
      </c>
      <c r="AS16" s="62">
        <v>35</v>
      </c>
      <c r="AT16" s="63">
        <v>57</v>
      </c>
      <c r="AU16" s="60">
        <v>41</v>
      </c>
      <c r="AV16" s="61">
        <v>19</v>
      </c>
      <c r="AW16" s="62">
        <v>60</v>
      </c>
      <c r="AX16" s="228"/>
      <c r="AY16" s="61">
        <v>34</v>
      </c>
      <c r="AZ16" s="61">
        <v>24</v>
      </c>
      <c r="BA16" s="61">
        <v>11</v>
      </c>
      <c r="BB16" s="61">
        <v>17</v>
      </c>
      <c r="BC16" s="61">
        <v>6</v>
      </c>
      <c r="BD16" s="62">
        <v>92</v>
      </c>
      <c r="BE16" s="63">
        <v>152</v>
      </c>
      <c r="BF16" s="76">
        <v>46</v>
      </c>
      <c r="BG16" s="61">
        <v>41</v>
      </c>
      <c r="BH16" s="62">
        <v>87</v>
      </c>
      <c r="BI16" s="231"/>
      <c r="BJ16" s="61">
        <v>62</v>
      </c>
      <c r="BK16" s="61">
        <v>37</v>
      </c>
      <c r="BL16" s="61">
        <v>28</v>
      </c>
      <c r="BM16" s="61">
        <v>22</v>
      </c>
      <c r="BN16" s="61">
        <v>18</v>
      </c>
      <c r="BO16" s="62">
        <v>167</v>
      </c>
      <c r="BP16" s="63">
        <v>254</v>
      </c>
      <c r="BQ16" s="60">
        <v>44</v>
      </c>
      <c r="BR16" s="61">
        <v>47</v>
      </c>
      <c r="BS16" s="62">
        <v>91</v>
      </c>
      <c r="BT16" s="231"/>
      <c r="BU16" s="61">
        <v>54</v>
      </c>
      <c r="BV16" s="61">
        <v>53</v>
      </c>
      <c r="BW16" s="61">
        <v>33</v>
      </c>
      <c r="BX16" s="61">
        <v>39</v>
      </c>
      <c r="BY16" s="61">
        <v>10</v>
      </c>
      <c r="BZ16" s="62">
        <v>189</v>
      </c>
      <c r="CA16" s="63">
        <v>280</v>
      </c>
      <c r="CB16" s="60">
        <v>0</v>
      </c>
      <c r="CC16" s="61">
        <v>0</v>
      </c>
      <c r="CD16" s="62">
        <v>0</v>
      </c>
      <c r="CE16" s="231"/>
      <c r="CF16" s="61">
        <v>0</v>
      </c>
      <c r="CG16" s="61">
        <v>0</v>
      </c>
      <c r="CH16" s="61">
        <v>0</v>
      </c>
      <c r="CI16" s="61">
        <v>0</v>
      </c>
      <c r="CJ16" s="61">
        <v>0</v>
      </c>
      <c r="CK16" s="62">
        <v>0</v>
      </c>
      <c r="CL16" s="63">
        <v>0</v>
      </c>
      <c r="CM16" s="60">
        <v>142</v>
      </c>
      <c r="CN16" s="61">
        <v>133</v>
      </c>
      <c r="CO16" s="62">
        <v>275</v>
      </c>
      <c r="CP16" s="231"/>
      <c r="CQ16" s="61">
        <v>166</v>
      </c>
      <c r="CR16" s="61">
        <v>125</v>
      </c>
      <c r="CS16" s="61">
        <v>83</v>
      </c>
      <c r="CT16" s="61">
        <v>93</v>
      </c>
      <c r="CU16" s="61">
        <v>40</v>
      </c>
      <c r="CV16" s="62">
        <v>507</v>
      </c>
      <c r="CW16" s="63">
        <v>782</v>
      </c>
      <c r="CX16" s="113">
        <v>15</v>
      </c>
      <c r="CY16" s="72">
        <v>21</v>
      </c>
      <c r="CZ16" s="73">
        <v>36</v>
      </c>
      <c r="DA16" s="228"/>
      <c r="DB16" s="72">
        <v>17</v>
      </c>
      <c r="DC16" s="72">
        <v>18</v>
      </c>
      <c r="DD16" s="72">
        <v>11</v>
      </c>
      <c r="DE16" s="72">
        <v>12</v>
      </c>
      <c r="DF16" s="72">
        <v>8</v>
      </c>
      <c r="DG16" s="74">
        <v>66</v>
      </c>
      <c r="DH16" s="75">
        <v>102</v>
      </c>
      <c r="DI16" s="76">
        <v>1</v>
      </c>
      <c r="DJ16" s="61">
        <v>1</v>
      </c>
      <c r="DK16" s="62">
        <v>2</v>
      </c>
      <c r="DL16" s="231"/>
      <c r="DM16" s="61">
        <v>0</v>
      </c>
      <c r="DN16" s="61">
        <v>0</v>
      </c>
      <c r="DO16" s="61">
        <v>0</v>
      </c>
      <c r="DP16" s="61">
        <v>0</v>
      </c>
      <c r="DQ16" s="61">
        <v>0</v>
      </c>
      <c r="DR16" s="62">
        <v>0</v>
      </c>
      <c r="DS16" s="63">
        <v>2</v>
      </c>
      <c r="DT16" s="60">
        <v>2</v>
      </c>
      <c r="DU16" s="61">
        <v>0</v>
      </c>
      <c r="DV16" s="62">
        <v>2</v>
      </c>
      <c r="DW16" s="231"/>
      <c r="DX16" s="61">
        <v>0</v>
      </c>
      <c r="DY16" s="61">
        <v>0</v>
      </c>
      <c r="DZ16" s="61">
        <v>0</v>
      </c>
      <c r="EA16" s="61">
        <v>0</v>
      </c>
      <c r="EB16" s="61">
        <v>0</v>
      </c>
      <c r="EC16" s="62">
        <v>0</v>
      </c>
      <c r="ED16" s="63">
        <v>2</v>
      </c>
      <c r="EE16" s="76">
        <v>0</v>
      </c>
      <c r="EF16" s="61">
        <v>2</v>
      </c>
      <c r="EG16" s="62">
        <v>2</v>
      </c>
      <c r="EH16" s="231"/>
      <c r="EI16" s="61">
        <v>0</v>
      </c>
      <c r="EJ16" s="61">
        <v>1</v>
      </c>
      <c r="EK16" s="61">
        <v>1</v>
      </c>
      <c r="EL16" s="61">
        <v>0</v>
      </c>
      <c r="EM16" s="61">
        <v>0</v>
      </c>
      <c r="EN16" s="62">
        <v>2</v>
      </c>
      <c r="EO16" s="63">
        <v>4</v>
      </c>
      <c r="EP16" s="60">
        <v>7</v>
      </c>
      <c r="EQ16" s="61">
        <v>5</v>
      </c>
      <c r="ER16" s="62">
        <v>12</v>
      </c>
      <c r="ES16" s="231"/>
      <c r="ET16" s="61">
        <v>4</v>
      </c>
      <c r="EU16" s="61">
        <v>2</v>
      </c>
      <c r="EV16" s="61">
        <v>2</v>
      </c>
      <c r="EW16" s="61">
        <v>0</v>
      </c>
      <c r="EX16" s="61">
        <v>2</v>
      </c>
      <c r="EY16" s="62">
        <v>10</v>
      </c>
      <c r="EZ16" s="63">
        <v>22</v>
      </c>
      <c r="FA16" s="76">
        <v>1</v>
      </c>
      <c r="FB16" s="61">
        <v>10</v>
      </c>
      <c r="FC16" s="62">
        <v>11</v>
      </c>
      <c r="FD16" s="231"/>
      <c r="FE16" s="61">
        <v>2</v>
      </c>
      <c r="FF16" s="61">
        <v>4</v>
      </c>
      <c r="FG16" s="61">
        <v>2</v>
      </c>
      <c r="FH16" s="61">
        <v>2</v>
      </c>
      <c r="FI16" s="61">
        <v>2</v>
      </c>
      <c r="FJ16" s="62">
        <v>12</v>
      </c>
      <c r="FK16" s="63">
        <v>23</v>
      </c>
      <c r="FL16" s="60">
        <v>4</v>
      </c>
      <c r="FM16" s="61">
        <v>3</v>
      </c>
      <c r="FN16" s="62">
        <v>7</v>
      </c>
      <c r="FO16" s="231"/>
      <c r="FP16" s="61">
        <v>11</v>
      </c>
      <c r="FQ16" s="61">
        <v>11</v>
      </c>
      <c r="FR16" s="61">
        <v>6</v>
      </c>
      <c r="FS16" s="61">
        <v>10</v>
      </c>
      <c r="FT16" s="61">
        <v>4</v>
      </c>
      <c r="FU16" s="62">
        <v>42</v>
      </c>
      <c r="FV16" s="63">
        <v>49</v>
      </c>
      <c r="FW16" s="60">
        <v>0</v>
      </c>
      <c r="FX16" s="61">
        <v>0</v>
      </c>
      <c r="FY16" s="62">
        <v>0</v>
      </c>
      <c r="FZ16" s="231"/>
      <c r="GA16" s="61">
        <v>0</v>
      </c>
      <c r="GB16" s="61">
        <v>0</v>
      </c>
      <c r="GC16" s="61">
        <v>0</v>
      </c>
      <c r="GD16" s="61">
        <v>0</v>
      </c>
      <c r="GE16" s="61">
        <v>0</v>
      </c>
      <c r="GF16" s="62">
        <v>0</v>
      </c>
      <c r="GG16" s="63">
        <v>0</v>
      </c>
      <c r="GH16" s="60">
        <v>15</v>
      </c>
      <c r="GI16" s="61">
        <v>21</v>
      </c>
      <c r="GJ16" s="62">
        <v>36</v>
      </c>
      <c r="GK16" s="231"/>
      <c r="GL16" s="61">
        <v>17</v>
      </c>
      <c r="GM16" s="61">
        <v>18</v>
      </c>
      <c r="GN16" s="61">
        <v>11</v>
      </c>
      <c r="GO16" s="61">
        <v>12</v>
      </c>
      <c r="GP16" s="61">
        <v>8</v>
      </c>
      <c r="GQ16" s="62">
        <v>66</v>
      </c>
      <c r="GR16" s="63">
        <v>102</v>
      </c>
      <c r="GS16" s="113">
        <v>157</v>
      </c>
      <c r="GT16" s="72">
        <v>154</v>
      </c>
      <c r="GU16" s="73">
        <v>311</v>
      </c>
      <c r="GV16" s="228"/>
      <c r="GW16" s="72">
        <v>183</v>
      </c>
      <c r="GX16" s="72">
        <v>143</v>
      </c>
      <c r="GY16" s="72">
        <v>94</v>
      </c>
      <c r="GZ16" s="72">
        <v>105</v>
      </c>
      <c r="HA16" s="72">
        <v>48</v>
      </c>
      <c r="HB16" s="74">
        <v>573</v>
      </c>
      <c r="HC16" s="75">
        <v>884</v>
      </c>
      <c r="HD16" s="76">
        <v>5</v>
      </c>
      <c r="HE16" s="61">
        <v>1</v>
      </c>
      <c r="HF16" s="62">
        <v>6</v>
      </c>
      <c r="HG16" s="231"/>
      <c r="HH16" s="61">
        <v>1</v>
      </c>
      <c r="HI16" s="61">
        <v>2</v>
      </c>
      <c r="HJ16" s="61">
        <v>0</v>
      </c>
      <c r="HK16" s="61">
        <v>3</v>
      </c>
      <c r="HL16" s="61">
        <v>0</v>
      </c>
      <c r="HM16" s="62">
        <v>6</v>
      </c>
      <c r="HN16" s="63">
        <v>12</v>
      </c>
      <c r="HO16" s="60">
        <v>5</v>
      </c>
      <c r="HP16" s="61">
        <v>8</v>
      </c>
      <c r="HQ16" s="62">
        <v>13</v>
      </c>
      <c r="HR16" s="231"/>
      <c r="HS16" s="61">
        <v>4</v>
      </c>
      <c r="HT16" s="61">
        <v>4</v>
      </c>
      <c r="HU16" s="61">
        <v>4</v>
      </c>
      <c r="HV16" s="61">
        <v>3</v>
      </c>
      <c r="HW16" s="61">
        <v>3</v>
      </c>
      <c r="HX16" s="62">
        <v>18</v>
      </c>
      <c r="HY16" s="63">
        <v>31</v>
      </c>
      <c r="HZ16" s="76">
        <v>4</v>
      </c>
      <c r="IA16" s="61">
        <v>20</v>
      </c>
      <c r="IB16" s="62">
        <v>24</v>
      </c>
      <c r="IC16" s="231"/>
      <c r="ID16" s="61">
        <v>11</v>
      </c>
      <c r="IE16" s="61">
        <v>6</v>
      </c>
      <c r="IF16" s="61">
        <v>8</v>
      </c>
      <c r="IG16" s="61">
        <v>9</v>
      </c>
      <c r="IH16" s="61">
        <v>3</v>
      </c>
      <c r="II16" s="62">
        <v>37</v>
      </c>
      <c r="IJ16" s="63">
        <v>61</v>
      </c>
      <c r="IK16" s="60">
        <v>48</v>
      </c>
      <c r="IL16" s="61">
        <v>24</v>
      </c>
      <c r="IM16" s="62">
        <v>72</v>
      </c>
      <c r="IN16" s="231"/>
      <c r="IO16" s="61">
        <v>38</v>
      </c>
      <c r="IP16" s="61">
        <v>26</v>
      </c>
      <c r="IQ16" s="61">
        <v>13</v>
      </c>
      <c r="IR16" s="61">
        <v>17</v>
      </c>
      <c r="IS16" s="61">
        <v>8</v>
      </c>
      <c r="IT16" s="62">
        <v>102</v>
      </c>
      <c r="IU16" s="63">
        <v>174</v>
      </c>
      <c r="IV16" s="76">
        <v>47</v>
      </c>
      <c r="IW16" s="61">
        <v>51</v>
      </c>
      <c r="IX16" s="62">
        <v>98</v>
      </c>
      <c r="IY16" s="231"/>
      <c r="IZ16" s="61">
        <v>64</v>
      </c>
      <c r="JA16" s="61">
        <v>41</v>
      </c>
      <c r="JB16" s="61">
        <v>30</v>
      </c>
      <c r="JC16" s="61">
        <v>24</v>
      </c>
      <c r="JD16" s="61">
        <v>20</v>
      </c>
      <c r="JE16" s="62">
        <v>179</v>
      </c>
      <c r="JF16" s="63">
        <v>277</v>
      </c>
      <c r="JG16" s="60">
        <v>48</v>
      </c>
      <c r="JH16" s="61">
        <v>50</v>
      </c>
      <c r="JI16" s="62">
        <v>98</v>
      </c>
      <c r="JJ16" s="231"/>
      <c r="JK16" s="61">
        <v>65</v>
      </c>
      <c r="JL16" s="61">
        <v>64</v>
      </c>
      <c r="JM16" s="61">
        <v>39</v>
      </c>
      <c r="JN16" s="61">
        <v>49</v>
      </c>
      <c r="JO16" s="61">
        <v>14</v>
      </c>
      <c r="JP16" s="62">
        <v>231</v>
      </c>
      <c r="JQ16" s="63">
        <v>329</v>
      </c>
      <c r="JR16" s="60">
        <v>0</v>
      </c>
      <c r="JS16" s="61">
        <v>0</v>
      </c>
      <c r="JT16" s="62">
        <v>0</v>
      </c>
      <c r="JU16" s="231"/>
      <c r="JV16" s="61">
        <v>0</v>
      </c>
      <c r="JW16" s="61">
        <v>0</v>
      </c>
      <c r="JX16" s="61">
        <v>0</v>
      </c>
      <c r="JY16" s="61">
        <v>0</v>
      </c>
      <c r="JZ16" s="61">
        <v>0</v>
      </c>
      <c r="KA16" s="62">
        <v>0</v>
      </c>
      <c r="KB16" s="63">
        <v>0</v>
      </c>
      <c r="KC16" s="60">
        <v>157</v>
      </c>
      <c r="KD16" s="61">
        <v>154</v>
      </c>
      <c r="KE16" s="62">
        <v>311</v>
      </c>
      <c r="KF16" s="231"/>
      <c r="KG16" s="61">
        <v>183</v>
      </c>
      <c r="KH16" s="61">
        <v>143</v>
      </c>
      <c r="KI16" s="61">
        <v>94</v>
      </c>
      <c r="KJ16" s="61">
        <v>105</v>
      </c>
      <c r="KK16" s="61">
        <v>48</v>
      </c>
      <c r="KL16" s="62">
        <v>573</v>
      </c>
      <c r="KM16" s="63">
        <v>884</v>
      </c>
    </row>
    <row r="17" spans="2:299" ht="21" customHeight="1" x14ac:dyDescent="0.2">
      <c r="B17" s="472" t="s">
        <v>13</v>
      </c>
      <c r="C17" s="293">
        <v>42</v>
      </c>
      <c r="D17" s="72">
        <v>43</v>
      </c>
      <c r="E17" s="73">
        <v>85</v>
      </c>
      <c r="F17" s="228"/>
      <c r="G17" s="72">
        <v>74</v>
      </c>
      <c r="H17" s="72">
        <v>69</v>
      </c>
      <c r="I17" s="72">
        <v>54</v>
      </c>
      <c r="J17" s="72">
        <v>39</v>
      </c>
      <c r="K17" s="72">
        <v>24</v>
      </c>
      <c r="L17" s="74">
        <v>260</v>
      </c>
      <c r="M17" s="75">
        <v>345</v>
      </c>
      <c r="N17" s="60">
        <v>0</v>
      </c>
      <c r="O17" s="61">
        <v>1</v>
      </c>
      <c r="P17" s="62">
        <v>1</v>
      </c>
      <c r="Q17" s="231"/>
      <c r="R17" s="61">
        <v>1</v>
      </c>
      <c r="S17" s="61">
        <v>1</v>
      </c>
      <c r="T17" s="61">
        <v>0</v>
      </c>
      <c r="U17" s="61">
        <v>0</v>
      </c>
      <c r="V17" s="61">
        <v>0</v>
      </c>
      <c r="W17" s="62">
        <v>2</v>
      </c>
      <c r="X17" s="63">
        <v>3</v>
      </c>
      <c r="Y17" s="60">
        <v>2</v>
      </c>
      <c r="Z17" s="61">
        <v>0</v>
      </c>
      <c r="AA17" s="62">
        <v>2</v>
      </c>
      <c r="AB17" s="228"/>
      <c r="AC17" s="61">
        <v>3</v>
      </c>
      <c r="AD17" s="61">
        <v>0</v>
      </c>
      <c r="AE17" s="61">
        <v>3</v>
      </c>
      <c r="AF17" s="61">
        <v>1</v>
      </c>
      <c r="AG17" s="61">
        <v>3</v>
      </c>
      <c r="AH17" s="62">
        <v>10</v>
      </c>
      <c r="AI17" s="63">
        <v>12</v>
      </c>
      <c r="AJ17" s="60">
        <v>2</v>
      </c>
      <c r="AK17" s="61">
        <v>2</v>
      </c>
      <c r="AL17" s="62">
        <v>4</v>
      </c>
      <c r="AM17" s="228"/>
      <c r="AN17" s="61">
        <v>3</v>
      </c>
      <c r="AO17" s="61">
        <v>5</v>
      </c>
      <c r="AP17" s="61">
        <v>4</v>
      </c>
      <c r="AQ17" s="61">
        <v>0</v>
      </c>
      <c r="AR17" s="61">
        <v>1</v>
      </c>
      <c r="AS17" s="62">
        <v>13</v>
      </c>
      <c r="AT17" s="63">
        <v>17</v>
      </c>
      <c r="AU17" s="60">
        <v>8</v>
      </c>
      <c r="AV17" s="61">
        <v>7</v>
      </c>
      <c r="AW17" s="62">
        <v>15</v>
      </c>
      <c r="AX17" s="228"/>
      <c r="AY17" s="61">
        <v>17</v>
      </c>
      <c r="AZ17" s="61">
        <v>12</v>
      </c>
      <c r="BA17" s="61">
        <v>4</v>
      </c>
      <c r="BB17" s="61">
        <v>10</v>
      </c>
      <c r="BC17" s="61">
        <v>6</v>
      </c>
      <c r="BD17" s="62">
        <v>49</v>
      </c>
      <c r="BE17" s="63">
        <v>64</v>
      </c>
      <c r="BF17" s="60">
        <v>19</v>
      </c>
      <c r="BG17" s="61">
        <v>22</v>
      </c>
      <c r="BH17" s="62">
        <v>41</v>
      </c>
      <c r="BI17" s="231"/>
      <c r="BJ17" s="61">
        <v>23</v>
      </c>
      <c r="BK17" s="61">
        <v>18</v>
      </c>
      <c r="BL17" s="61">
        <v>23</v>
      </c>
      <c r="BM17" s="61">
        <v>14</v>
      </c>
      <c r="BN17" s="61">
        <v>4</v>
      </c>
      <c r="BO17" s="62">
        <v>82</v>
      </c>
      <c r="BP17" s="63">
        <v>123</v>
      </c>
      <c r="BQ17" s="60">
        <v>11</v>
      </c>
      <c r="BR17" s="61">
        <v>11</v>
      </c>
      <c r="BS17" s="62">
        <v>22</v>
      </c>
      <c r="BT17" s="231"/>
      <c r="BU17" s="61">
        <v>27</v>
      </c>
      <c r="BV17" s="61">
        <v>33</v>
      </c>
      <c r="BW17" s="61">
        <v>20</v>
      </c>
      <c r="BX17" s="61">
        <v>14</v>
      </c>
      <c r="BY17" s="61">
        <v>10</v>
      </c>
      <c r="BZ17" s="62">
        <v>104</v>
      </c>
      <c r="CA17" s="63">
        <v>126</v>
      </c>
      <c r="CB17" s="60">
        <v>0</v>
      </c>
      <c r="CC17" s="61">
        <v>0</v>
      </c>
      <c r="CD17" s="62">
        <v>0</v>
      </c>
      <c r="CE17" s="231"/>
      <c r="CF17" s="61">
        <v>0</v>
      </c>
      <c r="CG17" s="61">
        <v>0</v>
      </c>
      <c r="CH17" s="61">
        <v>0</v>
      </c>
      <c r="CI17" s="61">
        <v>0</v>
      </c>
      <c r="CJ17" s="61">
        <v>0</v>
      </c>
      <c r="CK17" s="62">
        <v>0</v>
      </c>
      <c r="CL17" s="63">
        <v>0</v>
      </c>
      <c r="CM17" s="60">
        <v>42</v>
      </c>
      <c r="CN17" s="61">
        <v>43</v>
      </c>
      <c r="CO17" s="62">
        <v>85</v>
      </c>
      <c r="CP17" s="231"/>
      <c r="CQ17" s="61">
        <v>74</v>
      </c>
      <c r="CR17" s="61">
        <v>69</v>
      </c>
      <c r="CS17" s="61">
        <v>54</v>
      </c>
      <c r="CT17" s="61">
        <v>39</v>
      </c>
      <c r="CU17" s="61">
        <v>24</v>
      </c>
      <c r="CV17" s="62">
        <v>260</v>
      </c>
      <c r="CW17" s="63">
        <v>345</v>
      </c>
      <c r="CX17" s="113">
        <v>10</v>
      </c>
      <c r="CY17" s="72">
        <v>6</v>
      </c>
      <c r="CZ17" s="73">
        <v>16</v>
      </c>
      <c r="DA17" s="228"/>
      <c r="DB17" s="72">
        <v>10</v>
      </c>
      <c r="DC17" s="72">
        <v>8</v>
      </c>
      <c r="DD17" s="72">
        <v>2</v>
      </c>
      <c r="DE17" s="72">
        <v>6</v>
      </c>
      <c r="DF17" s="72">
        <v>1</v>
      </c>
      <c r="DG17" s="74">
        <v>27</v>
      </c>
      <c r="DH17" s="75">
        <v>43</v>
      </c>
      <c r="DI17" s="60">
        <v>0</v>
      </c>
      <c r="DJ17" s="61">
        <v>0</v>
      </c>
      <c r="DK17" s="62">
        <v>0</v>
      </c>
      <c r="DL17" s="231"/>
      <c r="DM17" s="61">
        <v>0</v>
      </c>
      <c r="DN17" s="61">
        <v>0</v>
      </c>
      <c r="DO17" s="61">
        <v>0</v>
      </c>
      <c r="DP17" s="61">
        <v>0</v>
      </c>
      <c r="DQ17" s="61">
        <v>0</v>
      </c>
      <c r="DR17" s="62">
        <v>0</v>
      </c>
      <c r="DS17" s="63">
        <v>0</v>
      </c>
      <c r="DT17" s="60">
        <v>0</v>
      </c>
      <c r="DU17" s="61">
        <v>0</v>
      </c>
      <c r="DV17" s="62">
        <v>0</v>
      </c>
      <c r="DW17" s="231"/>
      <c r="DX17" s="61">
        <v>0</v>
      </c>
      <c r="DY17" s="61">
        <v>0</v>
      </c>
      <c r="DZ17" s="61">
        <v>0</v>
      </c>
      <c r="EA17" s="61">
        <v>0</v>
      </c>
      <c r="EB17" s="61">
        <v>0</v>
      </c>
      <c r="EC17" s="62">
        <v>0</v>
      </c>
      <c r="ED17" s="63">
        <v>0</v>
      </c>
      <c r="EE17" s="60">
        <v>2</v>
      </c>
      <c r="EF17" s="61">
        <v>0</v>
      </c>
      <c r="EG17" s="62">
        <v>2</v>
      </c>
      <c r="EH17" s="231"/>
      <c r="EI17" s="61">
        <v>2</v>
      </c>
      <c r="EJ17" s="61">
        <v>1</v>
      </c>
      <c r="EK17" s="61">
        <v>0</v>
      </c>
      <c r="EL17" s="61">
        <v>0</v>
      </c>
      <c r="EM17" s="61">
        <v>0</v>
      </c>
      <c r="EN17" s="62">
        <v>3</v>
      </c>
      <c r="EO17" s="63">
        <v>5</v>
      </c>
      <c r="EP17" s="60">
        <v>4</v>
      </c>
      <c r="EQ17" s="61">
        <v>2</v>
      </c>
      <c r="ER17" s="62">
        <v>6</v>
      </c>
      <c r="ES17" s="231"/>
      <c r="ET17" s="61">
        <v>2</v>
      </c>
      <c r="EU17" s="61">
        <v>0</v>
      </c>
      <c r="EV17" s="61">
        <v>0</v>
      </c>
      <c r="EW17" s="61">
        <v>0</v>
      </c>
      <c r="EX17" s="61">
        <v>0</v>
      </c>
      <c r="EY17" s="62">
        <v>2</v>
      </c>
      <c r="EZ17" s="63">
        <v>8</v>
      </c>
      <c r="FA17" s="60">
        <v>2</v>
      </c>
      <c r="FB17" s="61">
        <v>2</v>
      </c>
      <c r="FC17" s="62">
        <v>4</v>
      </c>
      <c r="FD17" s="231"/>
      <c r="FE17" s="61">
        <v>2</v>
      </c>
      <c r="FF17" s="61">
        <v>2</v>
      </c>
      <c r="FG17" s="61">
        <v>2</v>
      </c>
      <c r="FH17" s="61">
        <v>1</v>
      </c>
      <c r="FI17" s="61">
        <v>0</v>
      </c>
      <c r="FJ17" s="62">
        <v>7</v>
      </c>
      <c r="FK17" s="63">
        <v>11</v>
      </c>
      <c r="FL17" s="60">
        <v>2</v>
      </c>
      <c r="FM17" s="61">
        <v>2</v>
      </c>
      <c r="FN17" s="62">
        <v>4</v>
      </c>
      <c r="FO17" s="231"/>
      <c r="FP17" s="61">
        <v>4</v>
      </c>
      <c r="FQ17" s="61">
        <v>5</v>
      </c>
      <c r="FR17" s="61">
        <v>0</v>
      </c>
      <c r="FS17" s="61">
        <v>5</v>
      </c>
      <c r="FT17" s="61">
        <v>1</v>
      </c>
      <c r="FU17" s="62">
        <v>15</v>
      </c>
      <c r="FV17" s="63">
        <v>19</v>
      </c>
      <c r="FW17" s="60">
        <v>0</v>
      </c>
      <c r="FX17" s="61">
        <v>0</v>
      </c>
      <c r="FY17" s="62">
        <v>0</v>
      </c>
      <c r="FZ17" s="231"/>
      <c r="GA17" s="61">
        <v>0</v>
      </c>
      <c r="GB17" s="61">
        <v>0</v>
      </c>
      <c r="GC17" s="61">
        <v>0</v>
      </c>
      <c r="GD17" s="61">
        <v>0</v>
      </c>
      <c r="GE17" s="61">
        <v>0</v>
      </c>
      <c r="GF17" s="62">
        <v>0</v>
      </c>
      <c r="GG17" s="63">
        <v>0</v>
      </c>
      <c r="GH17" s="60">
        <v>10</v>
      </c>
      <c r="GI17" s="61">
        <v>6</v>
      </c>
      <c r="GJ17" s="62">
        <v>16</v>
      </c>
      <c r="GK17" s="231"/>
      <c r="GL17" s="61">
        <v>10</v>
      </c>
      <c r="GM17" s="61">
        <v>8</v>
      </c>
      <c r="GN17" s="61">
        <v>2</v>
      </c>
      <c r="GO17" s="61">
        <v>6</v>
      </c>
      <c r="GP17" s="61">
        <v>1</v>
      </c>
      <c r="GQ17" s="62">
        <v>27</v>
      </c>
      <c r="GR17" s="63">
        <v>43</v>
      </c>
      <c r="GS17" s="113">
        <v>52</v>
      </c>
      <c r="GT17" s="72">
        <v>49</v>
      </c>
      <c r="GU17" s="73">
        <v>101</v>
      </c>
      <c r="GV17" s="228"/>
      <c r="GW17" s="72">
        <v>84</v>
      </c>
      <c r="GX17" s="72">
        <v>77</v>
      </c>
      <c r="GY17" s="72">
        <v>56</v>
      </c>
      <c r="GZ17" s="72">
        <v>45</v>
      </c>
      <c r="HA17" s="72">
        <v>25</v>
      </c>
      <c r="HB17" s="74">
        <v>287</v>
      </c>
      <c r="HC17" s="75">
        <v>388</v>
      </c>
      <c r="HD17" s="60">
        <v>0</v>
      </c>
      <c r="HE17" s="61">
        <v>1</v>
      </c>
      <c r="HF17" s="62">
        <v>1</v>
      </c>
      <c r="HG17" s="231"/>
      <c r="HH17" s="61">
        <v>1</v>
      </c>
      <c r="HI17" s="61">
        <v>1</v>
      </c>
      <c r="HJ17" s="61">
        <v>0</v>
      </c>
      <c r="HK17" s="61">
        <v>0</v>
      </c>
      <c r="HL17" s="61">
        <v>0</v>
      </c>
      <c r="HM17" s="62">
        <v>2</v>
      </c>
      <c r="HN17" s="63">
        <v>3</v>
      </c>
      <c r="HO17" s="60">
        <v>2</v>
      </c>
      <c r="HP17" s="61">
        <v>0</v>
      </c>
      <c r="HQ17" s="62">
        <v>2</v>
      </c>
      <c r="HR17" s="231"/>
      <c r="HS17" s="61">
        <v>3</v>
      </c>
      <c r="HT17" s="61">
        <v>0</v>
      </c>
      <c r="HU17" s="61">
        <v>3</v>
      </c>
      <c r="HV17" s="61">
        <v>1</v>
      </c>
      <c r="HW17" s="61">
        <v>3</v>
      </c>
      <c r="HX17" s="62">
        <v>10</v>
      </c>
      <c r="HY17" s="63">
        <v>12</v>
      </c>
      <c r="HZ17" s="60">
        <v>4</v>
      </c>
      <c r="IA17" s="61">
        <v>2</v>
      </c>
      <c r="IB17" s="62">
        <v>6</v>
      </c>
      <c r="IC17" s="231"/>
      <c r="ID17" s="61">
        <v>5</v>
      </c>
      <c r="IE17" s="61">
        <v>6</v>
      </c>
      <c r="IF17" s="61">
        <v>4</v>
      </c>
      <c r="IG17" s="61">
        <v>0</v>
      </c>
      <c r="IH17" s="61">
        <v>1</v>
      </c>
      <c r="II17" s="62">
        <v>16</v>
      </c>
      <c r="IJ17" s="63">
        <v>22</v>
      </c>
      <c r="IK17" s="60">
        <v>12</v>
      </c>
      <c r="IL17" s="61">
        <v>9</v>
      </c>
      <c r="IM17" s="62">
        <v>21</v>
      </c>
      <c r="IN17" s="231"/>
      <c r="IO17" s="61">
        <v>19</v>
      </c>
      <c r="IP17" s="61">
        <v>12</v>
      </c>
      <c r="IQ17" s="61">
        <v>4</v>
      </c>
      <c r="IR17" s="61">
        <v>10</v>
      </c>
      <c r="IS17" s="61">
        <v>6</v>
      </c>
      <c r="IT17" s="62">
        <v>51</v>
      </c>
      <c r="IU17" s="63">
        <v>72</v>
      </c>
      <c r="IV17" s="60">
        <v>21</v>
      </c>
      <c r="IW17" s="61">
        <v>24</v>
      </c>
      <c r="IX17" s="62">
        <v>45</v>
      </c>
      <c r="IY17" s="231"/>
      <c r="IZ17" s="61">
        <v>25</v>
      </c>
      <c r="JA17" s="61">
        <v>20</v>
      </c>
      <c r="JB17" s="61">
        <v>25</v>
      </c>
      <c r="JC17" s="61">
        <v>15</v>
      </c>
      <c r="JD17" s="61">
        <v>4</v>
      </c>
      <c r="JE17" s="62">
        <v>89</v>
      </c>
      <c r="JF17" s="63">
        <v>134</v>
      </c>
      <c r="JG17" s="60">
        <v>13</v>
      </c>
      <c r="JH17" s="61">
        <v>13</v>
      </c>
      <c r="JI17" s="62">
        <v>26</v>
      </c>
      <c r="JJ17" s="231"/>
      <c r="JK17" s="61">
        <v>31</v>
      </c>
      <c r="JL17" s="61">
        <v>38</v>
      </c>
      <c r="JM17" s="61">
        <v>20</v>
      </c>
      <c r="JN17" s="61">
        <v>19</v>
      </c>
      <c r="JO17" s="61">
        <v>11</v>
      </c>
      <c r="JP17" s="62">
        <v>119</v>
      </c>
      <c r="JQ17" s="63">
        <v>145</v>
      </c>
      <c r="JR17" s="60">
        <v>0</v>
      </c>
      <c r="JS17" s="61">
        <v>0</v>
      </c>
      <c r="JT17" s="62">
        <v>0</v>
      </c>
      <c r="JU17" s="231"/>
      <c r="JV17" s="61">
        <v>0</v>
      </c>
      <c r="JW17" s="61">
        <v>0</v>
      </c>
      <c r="JX17" s="61">
        <v>0</v>
      </c>
      <c r="JY17" s="61">
        <v>0</v>
      </c>
      <c r="JZ17" s="61">
        <v>0</v>
      </c>
      <c r="KA17" s="62">
        <v>0</v>
      </c>
      <c r="KB17" s="63">
        <v>0</v>
      </c>
      <c r="KC17" s="60">
        <v>52</v>
      </c>
      <c r="KD17" s="61">
        <v>49</v>
      </c>
      <c r="KE17" s="62">
        <v>101</v>
      </c>
      <c r="KF17" s="231"/>
      <c r="KG17" s="61">
        <v>84</v>
      </c>
      <c r="KH17" s="61">
        <v>77</v>
      </c>
      <c r="KI17" s="61">
        <v>56</v>
      </c>
      <c r="KJ17" s="61">
        <v>45</v>
      </c>
      <c r="KK17" s="61">
        <v>25</v>
      </c>
      <c r="KL17" s="62">
        <v>287</v>
      </c>
      <c r="KM17" s="63">
        <v>388</v>
      </c>
    </row>
    <row r="18" spans="2:299" ht="21" customHeight="1" x14ac:dyDescent="0.2">
      <c r="B18" s="472" t="s">
        <v>15</v>
      </c>
      <c r="C18" s="293">
        <v>26</v>
      </c>
      <c r="D18" s="72">
        <v>24</v>
      </c>
      <c r="E18" s="73">
        <v>50</v>
      </c>
      <c r="F18" s="228"/>
      <c r="G18" s="72">
        <v>43</v>
      </c>
      <c r="H18" s="72">
        <v>27</v>
      </c>
      <c r="I18" s="72">
        <v>24</v>
      </c>
      <c r="J18" s="72">
        <v>23</v>
      </c>
      <c r="K18" s="72">
        <v>7</v>
      </c>
      <c r="L18" s="74">
        <v>124</v>
      </c>
      <c r="M18" s="75">
        <v>174</v>
      </c>
      <c r="N18" s="60">
        <v>0</v>
      </c>
      <c r="O18" s="61">
        <v>2</v>
      </c>
      <c r="P18" s="62">
        <v>2</v>
      </c>
      <c r="Q18" s="231"/>
      <c r="R18" s="61">
        <v>1</v>
      </c>
      <c r="S18" s="61">
        <v>1</v>
      </c>
      <c r="T18" s="61">
        <v>0</v>
      </c>
      <c r="U18" s="61">
        <v>2</v>
      </c>
      <c r="V18" s="61">
        <v>0</v>
      </c>
      <c r="W18" s="62">
        <v>4</v>
      </c>
      <c r="X18" s="63">
        <v>6</v>
      </c>
      <c r="Y18" s="60">
        <v>2</v>
      </c>
      <c r="Z18" s="61">
        <v>2</v>
      </c>
      <c r="AA18" s="62">
        <v>4</v>
      </c>
      <c r="AB18" s="228"/>
      <c r="AC18" s="61">
        <v>3</v>
      </c>
      <c r="AD18" s="61">
        <v>1</v>
      </c>
      <c r="AE18" s="61">
        <v>2</v>
      </c>
      <c r="AF18" s="61">
        <v>2</v>
      </c>
      <c r="AG18" s="61">
        <v>1</v>
      </c>
      <c r="AH18" s="62">
        <v>9</v>
      </c>
      <c r="AI18" s="63">
        <v>13</v>
      </c>
      <c r="AJ18" s="60">
        <v>3</v>
      </c>
      <c r="AK18" s="61">
        <v>1</v>
      </c>
      <c r="AL18" s="62">
        <v>4</v>
      </c>
      <c r="AM18" s="228"/>
      <c r="AN18" s="61">
        <v>5</v>
      </c>
      <c r="AO18" s="61">
        <v>2</v>
      </c>
      <c r="AP18" s="61">
        <v>3</v>
      </c>
      <c r="AQ18" s="61">
        <v>1</v>
      </c>
      <c r="AR18" s="61">
        <v>1</v>
      </c>
      <c r="AS18" s="62">
        <v>12</v>
      </c>
      <c r="AT18" s="63">
        <v>16</v>
      </c>
      <c r="AU18" s="60">
        <v>9</v>
      </c>
      <c r="AV18" s="61">
        <v>4</v>
      </c>
      <c r="AW18" s="62">
        <v>13</v>
      </c>
      <c r="AX18" s="228"/>
      <c r="AY18" s="61">
        <v>10</v>
      </c>
      <c r="AZ18" s="61">
        <v>7</v>
      </c>
      <c r="BA18" s="61">
        <v>4</v>
      </c>
      <c r="BB18" s="61">
        <v>5</v>
      </c>
      <c r="BC18" s="61">
        <v>2</v>
      </c>
      <c r="BD18" s="62">
        <v>28</v>
      </c>
      <c r="BE18" s="63">
        <v>41</v>
      </c>
      <c r="BF18" s="60">
        <v>4</v>
      </c>
      <c r="BG18" s="61">
        <v>9</v>
      </c>
      <c r="BH18" s="62">
        <v>13</v>
      </c>
      <c r="BI18" s="231"/>
      <c r="BJ18" s="61">
        <v>10</v>
      </c>
      <c r="BK18" s="61">
        <v>4</v>
      </c>
      <c r="BL18" s="61">
        <v>6</v>
      </c>
      <c r="BM18" s="61">
        <v>4</v>
      </c>
      <c r="BN18" s="61">
        <v>1</v>
      </c>
      <c r="BO18" s="62">
        <v>25</v>
      </c>
      <c r="BP18" s="63">
        <v>38</v>
      </c>
      <c r="BQ18" s="60">
        <v>8</v>
      </c>
      <c r="BR18" s="61">
        <v>6</v>
      </c>
      <c r="BS18" s="62">
        <v>14</v>
      </c>
      <c r="BT18" s="231"/>
      <c r="BU18" s="61">
        <v>14</v>
      </c>
      <c r="BV18" s="61">
        <v>12</v>
      </c>
      <c r="BW18" s="61">
        <v>9</v>
      </c>
      <c r="BX18" s="61">
        <v>9</v>
      </c>
      <c r="BY18" s="61">
        <v>2</v>
      </c>
      <c r="BZ18" s="62">
        <v>46</v>
      </c>
      <c r="CA18" s="63">
        <v>60</v>
      </c>
      <c r="CB18" s="60">
        <v>0</v>
      </c>
      <c r="CC18" s="61">
        <v>0</v>
      </c>
      <c r="CD18" s="62">
        <v>0</v>
      </c>
      <c r="CE18" s="231"/>
      <c r="CF18" s="61">
        <v>0</v>
      </c>
      <c r="CG18" s="61">
        <v>0</v>
      </c>
      <c r="CH18" s="61">
        <v>0</v>
      </c>
      <c r="CI18" s="61">
        <v>0</v>
      </c>
      <c r="CJ18" s="61">
        <v>0</v>
      </c>
      <c r="CK18" s="62">
        <v>0</v>
      </c>
      <c r="CL18" s="63">
        <v>0</v>
      </c>
      <c r="CM18" s="60">
        <v>26</v>
      </c>
      <c r="CN18" s="61">
        <v>24</v>
      </c>
      <c r="CO18" s="62">
        <v>50</v>
      </c>
      <c r="CP18" s="231"/>
      <c r="CQ18" s="61">
        <v>43</v>
      </c>
      <c r="CR18" s="61">
        <v>27</v>
      </c>
      <c r="CS18" s="61">
        <v>24</v>
      </c>
      <c r="CT18" s="61">
        <v>23</v>
      </c>
      <c r="CU18" s="61">
        <v>7</v>
      </c>
      <c r="CV18" s="62">
        <v>124</v>
      </c>
      <c r="CW18" s="63">
        <v>174</v>
      </c>
      <c r="CX18" s="113">
        <v>5</v>
      </c>
      <c r="CY18" s="72">
        <v>5</v>
      </c>
      <c r="CZ18" s="73">
        <v>10</v>
      </c>
      <c r="DA18" s="228"/>
      <c r="DB18" s="72">
        <v>6</v>
      </c>
      <c r="DC18" s="72">
        <v>4</v>
      </c>
      <c r="DD18" s="72">
        <v>2</v>
      </c>
      <c r="DE18" s="72">
        <v>5</v>
      </c>
      <c r="DF18" s="72">
        <v>2</v>
      </c>
      <c r="DG18" s="74">
        <v>19</v>
      </c>
      <c r="DH18" s="75">
        <v>29</v>
      </c>
      <c r="DI18" s="60">
        <v>0</v>
      </c>
      <c r="DJ18" s="61">
        <v>0</v>
      </c>
      <c r="DK18" s="62">
        <v>0</v>
      </c>
      <c r="DL18" s="231"/>
      <c r="DM18" s="61">
        <v>1</v>
      </c>
      <c r="DN18" s="61">
        <v>0</v>
      </c>
      <c r="DO18" s="61">
        <v>0</v>
      </c>
      <c r="DP18" s="61">
        <v>0</v>
      </c>
      <c r="DQ18" s="61">
        <v>0</v>
      </c>
      <c r="DR18" s="62">
        <v>1</v>
      </c>
      <c r="DS18" s="63">
        <v>1</v>
      </c>
      <c r="DT18" s="60">
        <v>1</v>
      </c>
      <c r="DU18" s="61">
        <v>0</v>
      </c>
      <c r="DV18" s="62">
        <v>1</v>
      </c>
      <c r="DW18" s="231"/>
      <c r="DX18" s="61">
        <v>0</v>
      </c>
      <c r="DY18" s="61">
        <v>0</v>
      </c>
      <c r="DZ18" s="61">
        <v>0</v>
      </c>
      <c r="EA18" s="61">
        <v>0</v>
      </c>
      <c r="EB18" s="61">
        <v>0</v>
      </c>
      <c r="EC18" s="62">
        <v>0</v>
      </c>
      <c r="ED18" s="63">
        <v>1</v>
      </c>
      <c r="EE18" s="60">
        <v>1</v>
      </c>
      <c r="EF18" s="61">
        <v>1</v>
      </c>
      <c r="EG18" s="62">
        <v>2</v>
      </c>
      <c r="EH18" s="231"/>
      <c r="EI18" s="61">
        <v>1</v>
      </c>
      <c r="EJ18" s="61">
        <v>0</v>
      </c>
      <c r="EK18" s="61">
        <v>0</v>
      </c>
      <c r="EL18" s="61">
        <v>1</v>
      </c>
      <c r="EM18" s="61">
        <v>0</v>
      </c>
      <c r="EN18" s="62">
        <v>2</v>
      </c>
      <c r="EO18" s="63">
        <v>4</v>
      </c>
      <c r="EP18" s="60">
        <v>0</v>
      </c>
      <c r="EQ18" s="61">
        <v>1</v>
      </c>
      <c r="ER18" s="62">
        <v>1</v>
      </c>
      <c r="ES18" s="231"/>
      <c r="ET18" s="61">
        <v>1</v>
      </c>
      <c r="EU18" s="61">
        <v>0</v>
      </c>
      <c r="EV18" s="61">
        <v>1</v>
      </c>
      <c r="EW18" s="61">
        <v>0</v>
      </c>
      <c r="EX18" s="61">
        <v>0</v>
      </c>
      <c r="EY18" s="62">
        <v>2</v>
      </c>
      <c r="EZ18" s="63">
        <v>3</v>
      </c>
      <c r="FA18" s="60">
        <v>2</v>
      </c>
      <c r="FB18" s="61">
        <v>1</v>
      </c>
      <c r="FC18" s="62">
        <v>3</v>
      </c>
      <c r="FD18" s="231"/>
      <c r="FE18" s="61">
        <v>1</v>
      </c>
      <c r="FF18" s="61">
        <v>0</v>
      </c>
      <c r="FG18" s="61">
        <v>0</v>
      </c>
      <c r="FH18" s="61">
        <v>1</v>
      </c>
      <c r="FI18" s="61">
        <v>1</v>
      </c>
      <c r="FJ18" s="62">
        <v>3</v>
      </c>
      <c r="FK18" s="63">
        <v>6</v>
      </c>
      <c r="FL18" s="60">
        <v>1</v>
      </c>
      <c r="FM18" s="61">
        <v>2</v>
      </c>
      <c r="FN18" s="62">
        <v>3</v>
      </c>
      <c r="FO18" s="231"/>
      <c r="FP18" s="61">
        <v>2</v>
      </c>
      <c r="FQ18" s="61">
        <v>4</v>
      </c>
      <c r="FR18" s="61">
        <v>1</v>
      </c>
      <c r="FS18" s="61">
        <v>3</v>
      </c>
      <c r="FT18" s="61">
        <v>1</v>
      </c>
      <c r="FU18" s="62">
        <v>11</v>
      </c>
      <c r="FV18" s="63">
        <v>14</v>
      </c>
      <c r="FW18" s="60">
        <v>0</v>
      </c>
      <c r="FX18" s="61">
        <v>0</v>
      </c>
      <c r="FY18" s="62">
        <v>0</v>
      </c>
      <c r="FZ18" s="231"/>
      <c r="GA18" s="61">
        <v>0</v>
      </c>
      <c r="GB18" s="61">
        <v>0</v>
      </c>
      <c r="GC18" s="61">
        <v>0</v>
      </c>
      <c r="GD18" s="61">
        <v>0</v>
      </c>
      <c r="GE18" s="61">
        <v>0</v>
      </c>
      <c r="GF18" s="62">
        <v>0</v>
      </c>
      <c r="GG18" s="63">
        <v>0</v>
      </c>
      <c r="GH18" s="60">
        <v>5</v>
      </c>
      <c r="GI18" s="61">
        <v>5</v>
      </c>
      <c r="GJ18" s="62">
        <v>10</v>
      </c>
      <c r="GK18" s="231"/>
      <c r="GL18" s="61">
        <v>6</v>
      </c>
      <c r="GM18" s="61">
        <v>4</v>
      </c>
      <c r="GN18" s="61">
        <v>2</v>
      </c>
      <c r="GO18" s="61">
        <v>5</v>
      </c>
      <c r="GP18" s="61">
        <v>2</v>
      </c>
      <c r="GQ18" s="62">
        <v>19</v>
      </c>
      <c r="GR18" s="63">
        <v>29</v>
      </c>
      <c r="GS18" s="113">
        <v>31</v>
      </c>
      <c r="GT18" s="72">
        <v>29</v>
      </c>
      <c r="GU18" s="73">
        <v>60</v>
      </c>
      <c r="GV18" s="228"/>
      <c r="GW18" s="72">
        <v>49</v>
      </c>
      <c r="GX18" s="72">
        <v>31</v>
      </c>
      <c r="GY18" s="72">
        <v>26</v>
      </c>
      <c r="GZ18" s="72">
        <v>28</v>
      </c>
      <c r="HA18" s="72">
        <v>9</v>
      </c>
      <c r="HB18" s="74">
        <v>143</v>
      </c>
      <c r="HC18" s="75">
        <v>203</v>
      </c>
      <c r="HD18" s="60">
        <v>0</v>
      </c>
      <c r="HE18" s="61">
        <v>2</v>
      </c>
      <c r="HF18" s="62">
        <v>2</v>
      </c>
      <c r="HG18" s="231"/>
      <c r="HH18" s="61">
        <v>2</v>
      </c>
      <c r="HI18" s="61">
        <v>1</v>
      </c>
      <c r="HJ18" s="61">
        <v>0</v>
      </c>
      <c r="HK18" s="61">
        <v>2</v>
      </c>
      <c r="HL18" s="61">
        <v>0</v>
      </c>
      <c r="HM18" s="62">
        <v>5</v>
      </c>
      <c r="HN18" s="63">
        <v>7</v>
      </c>
      <c r="HO18" s="60">
        <v>3</v>
      </c>
      <c r="HP18" s="61">
        <v>2</v>
      </c>
      <c r="HQ18" s="62">
        <v>5</v>
      </c>
      <c r="HR18" s="231"/>
      <c r="HS18" s="61">
        <v>3</v>
      </c>
      <c r="HT18" s="61">
        <v>1</v>
      </c>
      <c r="HU18" s="61">
        <v>2</v>
      </c>
      <c r="HV18" s="61">
        <v>2</v>
      </c>
      <c r="HW18" s="61">
        <v>1</v>
      </c>
      <c r="HX18" s="62">
        <v>9</v>
      </c>
      <c r="HY18" s="63">
        <v>14</v>
      </c>
      <c r="HZ18" s="60">
        <v>4</v>
      </c>
      <c r="IA18" s="61">
        <v>2</v>
      </c>
      <c r="IB18" s="62">
        <v>6</v>
      </c>
      <c r="IC18" s="231"/>
      <c r="ID18" s="61">
        <v>6</v>
      </c>
      <c r="IE18" s="61">
        <v>2</v>
      </c>
      <c r="IF18" s="61">
        <v>3</v>
      </c>
      <c r="IG18" s="61">
        <v>2</v>
      </c>
      <c r="IH18" s="61">
        <v>1</v>
      </c>
      <c r="II18" s="62">
        <v>14</v>
      </c>
      <c r="IJ18" s="63">
        <v>20</v>
      </c>
      <c r="IK18" s="60">
        <v>9</v>
      </c>
      <c r="IL18" s="61">
        <v>5</v>
      </c>
      <c r="IM18" s="62">
        <v>14</v>
      </c>
      <c r="IN18" s="231"/>
      <c r="IO18" s="61">
        <v>11</v>
      </c>
      <c r="IP18" s="61">
        <v>7</v>
      </c>
      <c r="IQ18" s="61">
        <v>5</v>
      </c>
      <c r="IR18" s="61">
        <v>5</v>
      </c>
      <c r="IS18" s="61">
        <v>2</v>
      </c>
      <c r="IT18" s="62">
        <v>30</v>
      </c>
      <c r="IU18" s="63">
        <v>44</v>
      </c>
      <c r="IV18" s="60">
        <v>6</v>
      </c>
      <c r="IW18" s="61">
        <v>10</v>
      </c>
      <c r="IX18" s="62">
        <v>16</v>
      </c>
      <c r="IY18" s="231"/>
      <c r="IZ18" s="61">
        <v>11</v>
      </c>
      <c r="JA18" s="61">
        <v>4</v>
      </c>
      <c r="JB18" s="61">
        <v>6</v>
      </c>
      <c r="JC18" s="61">
        <v>5</v>
      </c>
      <c r="JD18" s="61">
        <v>2</v>
      </c>
      <c r="JE18" s="62">
        <v>28</v>
      </c>
      <c r="JF18" s="63">
        <v>44</v>
      </c>
      <c r="JG18" s="60">
        <v>9</v>
      </c>
      <c r="JH18" s="61">
        <v>8</v>
      </c>
      <c r="JI18" s="62">
        <v>17</v>
      </c>
      <c r="JJ18" s="231"/>
      <c r="JK18" s="61">
        <v>16</v>
      </c>
      <c r="JL18" s="61">
        <v>16</v>
      </c>
      <c r="JM18" s="61">
        <v>10</v>
      </c>
      <c r="JN18" s="61">
        <v>12</v>
      </c>
      <c r="JO18" s="61">
        <v>3</v>
      </c>
      <c r="JP18" s="62">
        <v>57</v>
      </c>
      <c r="JQ18" s="63">
        <v>74</v>
      </c>
      <c r="JR18" s="60">
        <v>0</v>
      </c>
      <c r="JS18" s="61">
        <v>0</v>
      </c>
      <c r="JT18" s="62">
        <v>0</v>
      </c>
      <c r="JU18" s="231"/>
      <c r="JV18" s="61">
        <v>0</v>
      </c>
      <c r="JW18" s="61">
        <v>0</v>
      </c>
      <c r="JX18" s="61">
        <v>0</v>
      </c>
      <c r="JY18" s="61">
        <v>0</v>
      </c>
      <c r="JZ18" s="61">
        <v>0</v>
      </c>
      <c r="KA18" s="62">
        <v>0</v>
      </c>
      <c r="KB18" s="63">
        <v>0</v>
      </c>
      <c r="KC18" s="60">
        <v>31</v>
      </c>
      <c r="KD18" s="61">
        <v>29</v>
      </c>
      <c r="KE18" s="62">
        <v>60</v>
      </c>
      <c r="KF18" s="231"/>
      <c r="KG18" s="61">
        <v>49</v>
      </c>
      <c r="KH18" s="61">
        <v>31</v>
      </c>
      <c r="KI18" s="61">
        <v>26</v>
      </c>
      <c r="KJ18" s="61">
        <v>28</v>
      </c>
      <c r="KK18" s="61">
        <v>9</v>
      </c>
      <c r="KL18" s="62">
        <v>143</v>
      </c>
      <c r="KM18" s="63">
        <v>203</v>
      </c>
    </row>
    <row r="19" spans="2:299" ht="21" customHeight="1" x14ac:dyDescent="0.2">
      <c r="B19" s="472" t="s">
        <v>16</v>
      </c>
      <c r="C19" s="293">
        <v>37</v>
      </c>
      <c r="D19" s="72">
        <v>48</v>
      </c>
      <c r="E19" s="73">
        <v>85</v>
      </c>
      <c r="F19" s="228"/>
      <c r="G19" s="72">
        <v>68</v>
      </c>
      <c r="H19" s="72">
        <v>101</v>
      </c>
      <c r="I19" s="72">
        <v>53</v>
      </c>
      <c r="J19" s="72">
        <v>40</v>
      </c>
      <c r="K19" s="72">
        <v>22</v>
      </c>
      <c r="L19" s="74">
        <v>284</v>
      </c>
      <c r="M19" s="75">
        <v>369</v>
      </c>
      <c r="N19" s="60">
        <v>2</v>
      </c>
      <c r="O19" s="61">
        <v>0</v>
      </c>
      <c r="P19" s="62">
        <v>2</v>
      </c>
      <c r="Q19" s="231"/>
      <c r="R19" s="61">
        <v>1</v>
      </c>
      <c r="S19" s="61">
        <v>2</v>
      </c>
      <c r="T19" s="61">
        <v>1</v>
      </c>
      <c r="U19" s="61">
        <v>0</v>
      </c>
      <c r="V19" s="61">
        <v>1</v>
      </c>
      <c r="W19" s="62">
        <v>5</v>
      </c>
      <c r="X19" s="63">
        <v>7</v>
      </c>
      <c r="Y19" s="60">
        <v>3</v>
      </c>
      <c r="Z19" s="61">
        <v>4</v>
      </c>
      <c r="AA19" s="62">
        <v>7</v>
      </c>
      <c r="AB19" s="228"/>
      <c r="AC19" s="61">
        <v>2</v>
      </c>
      <c r="AD19" s="61">
        <v>7</v>
      </c>
      <c r="AE19" s="61">
        <v>3</v>
      </c>
      <c r="AF19" s="61">
        <v>0</v>
      </c>
      <c r="AG19" s="61">
        <v>3</v>
      </c>
      <c r="AH19" s="62">
        <v>15</v>
      </c>
      <c r="AI19" s="63">
        <v>22</v>
      </c>
      <c r="AJ19" s="60">
        <v>5</v>
      </c>
      <c r="AK19" s="61">
        <v>5</v>
      </c>
      <c r="AL19" s="62">
        <v>10</v>
      </c>
      <c r="AM19" s="228"/>
      <c r="AN19" s="61">
        <v>5</v>
      </c>
      <c r="AO19" s="61">
        <v>8</v>
      </c>
      <c r="AP19" s="61">
        <v>11</v>
      </c>
      <c r="AQ19" s="61">
        <v>3</v>
      </c>
      <c r="AR19" s="61">
        <v>3</v>
      </c>
      <c r="AS19" s="62">
        <v>30</v>
      </c>
      <c r="AT19" s="63">
        <v>40</v>
      </c>
      <c r="AU19" s="60">
        <v>10</v>
      </c>
      <c r="AV19" s="61">
        <v>9</v>
      </c>
      <c r="AW19" s="62">
        <v>19</v>
      </c>
      <c r="AX19" s="228"/>
      <c r="AY19" s="61">
        <v>13</v>
      </c>
      <c r="AZ19" s="61">
        <v>26</v>
      </c>
      <c r="BA19" s="61">
        <v>10</v>
      </c>
      <c r="BB19" s="61">
        <v>8</v>
      </c>
      <c r="BC19" s="61">
        <v>5</v>
      </c>
      <c r="BD19" s="62">
        <v>62</v>
      </c>
      <c r="BE19" s="63">
        <v>81</v>
      </c>
      <c r="BF19" s="60">
        <v>9</v>
      </c>
      <c r="BG19" s="61">
        <v>15</v>
      </c>
      <c r="BH19" s="62">
        <v>24</v>
      </c>
      <c r="BI19" s="231"/>
      <c r="BJ19" s="61">
        <v>24</v>
      </c>
      <c r="BK19" s="61">
        <v>21</v>
      </c>
      <c r="BL19" s="61">
        <v>10</v>
      </c>
      <c r="BM19" s="61">
        <v>7</v>
      </c>
      <c r="BN19" s="61">
        <v>2</v>
      </c>
      <c r="BO19" s="62">
        <v>64</v>
      </c>
      <c r="BP19" s="63">
        <v>88</v>
      </c>
      <c r="BQ19" s="60">
        <v>8</v>
      </c>
      <c r="BR19" s="61">
        <v>15</v>
      </c>
      <c r="BS19" s="62">
        <v>23</v>
      </c>
      <c r="BT19" s="231"/>
      <c r="BU19" s="61">
        <v>23</v>
      </c>
      <c r="BV19" s="61">
        <v>37</v>
      </c>
      <c r="BW19" s="61">
        <v>18</v>
      </c>
      <c r="BX19" s="61">
        <v>22</v>
      </c>
      <c r="BY19" s="61">
        <v>8</v>
      </c>
      <c r="BZ19" s="62">
        <v>108</v>
      </c>
      <c r="CA19" s="63">
        <v>131</v>
      </c>
      <c r="CB19" s="60">
        <v>0</v>
      </c>
      <c r="CC19" s="61">
        <v>0</v>
      </c>
      <c r="CD19" s="62">
        <v>0</v>
      </c>
      <c r="CE19" s="231"/>
      <c r="CF19" s="61">
        <v>0</v>
      </c>
      <c r="CG19" s="61">
        <v>0</v>
      </c>
      <c r="CH19" s="61">
        <v>0</v>
      </c>
      <c r="CI19" s="61">
        <v>0</v>
      </c>
      <c r="CJ19" s="61">
        <v>0</v>
      </c>
      <c r="CK19" s="62">
        <v>0</v>
      </c>
      <c r="CL19" s="63">
        <v>0</v>
      </c>
      <c r="CM19" s="60">
        <v>37</v>
      </c>
      <c r="CN19" s="61">
        <v>48</v>
      </c>
      <c r="CO19" s="62">
        <v>85</v>
      </c>
      <c r="CP19" s="231"/>
      <c r="CQ19" s="61">
        <v>68</v>
      </c>
      <c r="CR19" s="61">
        <v>101</v>
      </c>
      <c r="CS19" s="61">
        <v>53</v>
      </c>
      <c r="CT19" s="61">
        <v>40</v>
      </c>
      <c r="CU19" s="61">
        <v>22</v>
      </c>
      <c r="CV19" s="62">
        <v>284</v>
      </c>
      <c r="CW19" s="63">
        <v>369</v>
      </c>
      <c r="CX19" s="113">
        <v>9</v>
      </c>
      <c r="CY19" s="72">
        <v>12</v>
      </c>
      <c r="CZ19" s="73">
        <v>21</v>
      </c>
      <c r="DA19" s="228"/>
      <c r="DB19" s="72">
        <v>4</v>
      </c>
      <c r="DC19" s="72">
        <v>10</v>
      </c>
      <c r="DD19" s="72">
        <v>9</v>
      </c>
      <c r="DE19" s="72">
        <v>11</v>
      </c>
      <c r="DF19" s="72">
        <v>9</v>
      </c>
      <c r="DG19" s="74">
        <v>43</v>
      </c>
      <c r="DH19" s="75">
        <v>64</v>
      </c>
      <c r="DI19" s="60">
        <v>0</v>
      </c>
      <c r="DJ19" s="61">
        <v>1</v>
      </c>
      <c r="DK19" s="62">
        <v>1</v>
      </c>
      <c r="DL19" s="231"/>
      <c r="DM19" s="61">
        <v>0</v>
      </c>
      <c r="DN19" s="61">
        <v>0</v>
      </c>
      <c r="DO19" s="61">
        <v>0</v>
      </c>
      <c r="DP19" s="61">
        <v>0</v>
      </c>
      <c r="DQ19" s="61">
        <v>0</v>
      </c>
      <c r="DR19" s="62">
        <v>0</v>
      </c>
      <c r="DS19" s="63">
        <v>1</v>
      </c>
      <c r="DT19" s="60">
        <v>0</v>
      </c>
      <c r="DU19" s="61">
        <v>2</v>
      </c>
      <c r="DV19" s="62">
        <v>2</v>
      </c>
      <c r="DW19" s="231"/>
      <c r="DX19" s="61">
        <v>0</v>
      </c>
      <c r="DY19" s="61">
        <v>0</v>
      </c>
      <c r="DZ19" s="61">
        <v>0</v>
      </c>
      <c r="EA19" s="61">
        <v>0</v>
      </c>
      <c r="EB19" s="61">
        <v>1</v>
      </c>
      <c r="EC19" s="62">
        <v>1</v>
      </c>
      <c r="ED19" s="63">
        <v>3</v>
      </c>
      <c r="EE19" s="60">
        <v>1</v>
      </c>
      <c r="EF19" s="61">
        <v>1</v>
      </c>
      <c r="EG19" s="62">
        <v>2</v>
      </c>
      <c r="EH19" s="231"/>
      <c r="EI19" s="61">
        <v>0</v>
      </c>
      <c r="EJ19" s="61">
        <v>0</v>
      </c>
      <c r="EK19" s="61">
        <v>2</v>
      </c>
      <c r="EL19" s="61">
        <v>1</v>
      </c>
      <c r="EM19" s="61">
        <v>1</v>
      </c>
      <c r="EN19" s="62">
        <v>4</v>
      </c>
      <c r="EO19" s="63">
        <v>6</v>
      </c>
      <c r="EP19" s="60">
        <v>2</v>
      </c>
      <c r="EQ19" s="61">
        <v>2</v>
      </c>
      <c r="ER19" s="62">
        <v>4</v>
      </c>
      <c r="ES19" s="231"/>
      <c r="ET19" s="61">
        <v>2</v>
      </c>
      <c r="EU19" s="61">
        <v>6</v>
      </c>
      <c r="EV19" s="61">
        <v>1</v>
      </c>
      <c r="EW19" s="61">
        <v>2</v>
      </c>
      <c r="EX19" s="61">
        <v>1</v>
      </c>
      <c r="EY19" s="62">
        <v>12</v>
      </c>
      <c r="EZ19" s="63">
        <v>16</v>
      </c>
      <c r="FA19" s="60">
        <v>4</v>
      </c>
      <c r="FB19" s="61">
        <v>4</v>
      </c>
      <c r="FC19" s="62">
        <v>8</v>
      </c>
      <c r="FD19" s="231"/>
      <c r="FE19" s="61">
        <v>0</v>
      </c>
      <c r="FF19" s="61">
        <v>3</v>
      </c>
      <c r="FG19" s="61">
        <v>2</v>
      </c>
      <c r="FH19" s="61">
        <v>3</v>
      </c>
      <c r="FI19" s="61">
        <v>2</v>
      </c>
      <c r="FJ19" s="62">
        <v>10</v>
      </c>
      <c r="FK19" s="63">
        <v>18</v>
      </c>
      <c r="FL19" s="60">
        <v>2</v>
      </c>
      <c r="FM19" s="61">
        <v>2</v>
      </c>
      <c r="FN19" s="62">
        <v>4</v>
      </c>
      <c r="FO19" s="231"/>
      <c r="FP19" s="61">
        <v>2</v>
      </c>
      <c r="FQ19" s="61">
        <v>1</v>
      </c>
      <c r="FR19" s="61">
        <v>4</v>
      </c>
      <c r="FS19" s="61">
        <v>5</v>
      </c>
      <c r="FT19" s="61">
        <v>4</v>
      </c>
      <c r="FU19" s="62">
        <v>16</v>
      </c>
      <c r="FV19" s="63">
        <v>20</v>
      </c>
      <c r="FW19" s="60">
        <v>0</v>
      </c>
      <c r="FX19" s="61">
        <v>0</v>
      </c>
      <c r="FY19" s="62">
        <v>0</v>
      </c>
      <c r="FZ19" s="231"/>
      <c r="GA19" s="61">
        <v>0</v>
      </c>
      <c r="GB19" s="61">
        <v>0</v>
      </c>
      <c r="GC19" s="61">
        <v>0</v>
      </c>
      <c r="GD19" s="61">
        <v>0</v>
      </c>
      <c r="GE19" s="61">
        <v>0</v>
      </c>
      <c r="GF19" s="62">
        <v>0</v>
      </c>
      <c r="GG19" s="63">
        <v>0</v>
      </c>
      <c r="GH19" s="60">
        <v>9</v>
      </c>
      <c r="GI19" s="61">
        <v>12</v>
      </c>
      <c r="GJ19" s="62">
        <v>21</v>
      </c>
      <c r="GK19" s="231"/>
      <c r="GL19" s="61">
        <v>4</v>
      </c>
      <c r="GM19" s="61">
        <v>10</v>
      </c>
      <c r="GN19" s="61">
        <v>9</v>
      </c>
      <c r="GO19" s="61">
        <v>11</v>
      </c>
      <c r="GP19" s="61">
        <v>9</v>
      </c>
      <c r="GQ19" s="62">
        <v>43</v>
      </c>
      <c r="GR19" s="63">
        <v>64</v>
      </c>
      <c r="GS19" s="113">
        <v>46</v>
      </c>
      <c r="GT19" s="72">
        <v>60</v>
      </c>
      <c r="GU19" s="73">
        <v>106</v>
      </c>
      <c r="GV19" s="228"/>
      <c r="GW19" s="72">
        <v>72</v>
      </c>
      <c r="GX19" s="72">
        <v>111</v>
      </c>
      <c r="GY19" s="72">
        <v>62</v>
      </c>
      <c r="GZ19" s="72">
        <v>51</v>
      </c>
      <c r="HA19" s="72">
        <v>31</v>
      </c>
      <c r="HB19" s="74">
        <v>327</v>
      </c>
      <c r="HC19" s="75">
        <v>433</v>
      </c>
      <c r="HD19" s="60">
        <v>2</v>
      </c>
      <c r="HE19" s="61">
        <v>1</v>
      </c>
      <c r="HF19" s="62">
        <v>3</v>
      </c>
      <c r="HG19" s="231"/>
      <c r="HH19" s="61">
        <v>1</v>
      </c>
      <c r="HI19" s="61">
        <v>2</v>
      </c>
      <c r="HJ19" s="61">
        <v>1</v>
      </c>
      <c r="HK19" s="61">
        <v>0</v>
      </c>
      <c r="HL19" s="61">
        <v>1</v>
      </c>
      <c r="HM19" s="62">
        <v>5</v>
      </c>
      <c r="HN19" s="63">
        <v>8</v>
      </c>
      <c r="HO19" s="60">
        <v>3</v>
      </c>
      <c r="HP19" s="61">
        <v>6</v>
      </c>
      <c r="HQ19" s="62">
        <v>9</v>
      </c>
      <c r="HR19" s="231"/>
      <c r="HS19" s="61">
        <v>2</v>
      </c>
      <c r="HT19" s="61">
        <v>7</v>
      </c>
      <c r="HU19" s="61">
        <v>3</v>
      </c>
      <c r="HV19" s="61">
        <v>0</v>
      </c>
      <c r="HW19" s="61">
        <v>4</v>
      </c>
      <c r="HX19" s="62">
        <v>16</v>
      </c>
      <c r="HY19" s="63">
        <v>25</v>
      </c>
      <c r="HZ19" s="60">
        <v>6</v>
      </c>
      <c r="IA19" s="61">
        <v>6</v>
      </c>
      <c r="IB19" s="62">
        <v>12</v>
      </c>
      <c r="IC19" s="231"/>
      <c r="ID19" s="61">
        <v>5</v>
      </c>
      <c r="IE19" s="61">
        <v>8</v>
      </c>
      <c r="IF19" s="61">
        <v>13</v>
      </c>
      <c r="IG19" s="61">
        <v>4</v>
      </c>
      <c r="IH19" s="61">
        <v>4</v>
      </c>
      <c r="II19" s="62">
        <v>34</v>
      </c>
      <c r="IJ19" s="63">
        <v>46</v>
      </c>
      <c r="IK19" s="60">
        <v>12</v>
      </c>
      <c r="IL19" s="61">
        <v>11</v>
      </c>
      <c r="IM19" s="62">
        <v>23</v>
      </c>
      <c r="IN19" s="231"/>
      <c r="IO19" s="61">
        <v>15</v>
      </c>
      <c r="IP19" s="61">
        <v>32</v>
      </c>
      <c r="IQ19" s="61">
        <v>11</v>
      </c>
      <c r="IR19" s="61">
        <v>10</v>
      </c>
      <c r="IS19" s="61">
        <v>6</v>
      </c>
      <c r="IT19" s="62">
        <v>74</v>
      </c>
      <c r="IU19" s="63">
        <v>97</v>
      </c>
      <c r="IV19" s="60">
        <v>13</v>
      </c>
      <c r="IW19" s="61">
        <v>19</v>
      </c>
      <c r="IX19" s="62">
        <v>32</v>
      </c>
      <c r="IY19" s="231"/>
      <c r="IZ19" s="61">
        <v>24</v>
      </c>
      <c r="JA19" s="61">
        <v>24</v>
      </c>
      <c r="JB19" s="61">
        <v>12</v>
      </c>
      <c r="JC19" s="61">
        <v>10</v>
      </c>
      <c r="JD19" s="61">
        <v>4</v>
      </c>
      <c r="JE19" s="62">
        <v>74</v>
      </c>
      <c r="JF19" s="63">
        <v>106</v>
      </c>
      <c r="JG19" s="60">
        <v>10</v>
      </c>
      <c r="JH19" s="61">
        <v>17</v>
      </c>
      <c r="JI19" s="62">
        <v>27</v>
      </c>
      <c r="JJ19" s="231"/>
      <c r="JK19" s="61">
        <v>25</v>
      </c>
      <c r="JL19" s="61">
        <v>38</v>
      </c>
      <c r="JM19" s="61">
        <v>22</v>
      </c>
      <c r="JN19" s="61">
        <v>27</v>
      </c>
      <c r="JO19" s="61">
        <v>12</v>
      </c>
      <c r="JP19" s="62">
        <v>124</v>
      </c>
      <c r="JQ19" s="63">
        <v>151</v>
      </c>
      <c r="JR19" s="60">
        <v>0</v>
      </c>
      <c r="JS19" s="61">
        <v>0</v>
      </c>
      <c r="JT19" s="62">
        <v>0</v>
      </c>
      <c r="JU19" s="231"/>
      <c r="JV19" s="61">
        <v>0</v>
      </c>
      <c r="JW19" s="61">
        <v>0</v>
      </c>
      <c r="JX19" s="61">
        <v>0</v>
      </c>
      <c r="JY19" s="61">
        <v>0</v>
      </c>
      <c r="JZ19" s="61">
        <v>0</v>
      </c>
      <c r="KA19" s="62">
        <v>0</v>
      </c>
      <c r="KB19" s="63">
        <v>0</v>
      </c>
      <c r="KC19" s="60">
        <v>46</v>
      </c>
      <c r="KD19" s="61">
        <v>60</v>
      </c>
      <c r="KE19" s="62">
        <v>106</v>
      </c>
      <c r="KF19" s="231"/>
      <c r="KG19" s="61">
        <v>72</v>
      </c>
      <c r="KH19" s="61">
        <v>111</v>
      </c>
      <c r="KI19" s="61">
        <v>62</v>
      </c>
      <c r="KJ19" s="61">
        <v>51</v>
      </c>
      <c r="KK19" s="61">
        <v>31</v>
      </c>
      <c r="KL19" s="62">
        <v>327</v>
      </c>
      <c r="KM19" s="63">
        <v>433</v>
      </c>
    </row>
    <row r="20" spans="2:299" ht="21" customHeight="1" x14ac:dyDescent="0.2">
      <c r="B20" s="472" t="s">
        <v>17</v>
      </c>
      <c r="C20" s="293">
        <v>64</v>
      </c>
      <c r="D20" s="72">
        <v>49</v>
      </c>
      <c r="E20" s="73">
        <v>113</v>
      </c>
      <c r="F20" s="228"/>
      <c r="G20" s="72">
        <v>110</v>
      </c>
      <c r="H20" s="72">
        <v>109</v>
      </c>
      <c r="I20" s="72">
        <v>68</v>
      </c>
      <c r="J20" s="72">
        <v>39</v>
      </c>
      <c r="K20" s="72">
        <v>33</v>
      </c>
      <c r="L20" s="74">
        <v>359</v>
      </c>
      <c r="M20" s="75">
        <v>472</v>
      </c>
      <c r="N20" s="60">
        <v>0</v>
      </c>
      <c r="O20" s="61">
        <v>3</v>
      </c>
      <c r="P20" s="62">
        <v>3</v>
      </c>
      <c r="Q20" s="231"/>
      <c r="R20" s="61">
        <v>4</v>
      </c>
      <c r="S20" s="61">
        <v>1</v>
      </c>
      <c r="T20" s="61">
        <v>2</v>
      </c>
      <c r="U20" s="61">
        <v>0</v>
      </c>
      <c r="V20" s="61">
        <v>2</v>
      </c>
      <c r="W20" s="62">
        <v>9</v>
      </c>
      <c r="X20" s="63">
        <v>12</v>
      </c>
      <c r="Y20" s="60">
        <v>3</v>
      </c>
      <c r="Z20" s="61">
        <v>1</v>
      </c>
      <c r="AA20" s="62">
        <v>4</v>
      </c>
      <c r="AB20" s="228"/>
      <c r="AC20" s="61">
        <v>6</v>
      </c>
      <c r="AD20" s="61">
        <v>2</v>
      </c>
      <c r="AE20" s="61">
        <v>4</v>
      </c>
      <c r="AF20" s="61">
        <v>3</v>
      </c>
      <c r="AG20" s="61">
        <v>1</v>
      </c>
      <c r="AH20" s="62">
        <v>16</v>
      </c>
      <c r="AI20" s="63">
        <v>20</v>
      </c>
      <c r="AJ20" s="60">
        <v>8</v>
      </c>
      <c r="AK20" s="61">
        <v>5</v>
      </c>
      <c r="AL20" s="62">
        <v>13</v>
      </c>
      <c r="AM20" s="228"/>
      <c r="AN20" s="61">
        <v>10</v>
      </c>
      <c r="AO20" s="61">
        <v>16</v>
      </c>
      <c r="AP20" s="61">
        <v>3</v>
      </c>
      <c r="AQ20" s="61">
        <v>2</v>
      </c>
      <c r="AR20" s="61">
        <v>2</v>
      </c>
      <c r="AS20" s="62">
        <v>33</v>
      </c>
      <c r="AT20" s="63">
        <v>46</v>
      </c>
      <c r="AU20" s="60">
        <v>18</v>
      </c>
      <c r="AV20" s="61">
        <v>13</v>
      </c>
      <c r="AW20" s="62">
        <v>31</v>
      </c>
      <c r="AX20" s="228"/>
      <c r="AY20" s="61">
        <v>27</v>
      </c>
      <c r="AZ20" s="61">
        <v>30</v>
      </c>
      <c r="BA20" s="61">
        <v>15</v>
      </c>
      <c r="BB20" s="61">
        <v>8</v>
      </c>
      <c r="BC20" s="61">
        <v>5</v>
      </c>
      <c r="BD20" s="62">
        <v>85</v>
      </c>
      <c r="BE20" s="63">
        <v>116</v>
      </c>
      <c r="BF20" s="60">
        <v>16</v>
      </c>
      <c r="BG20" s="61">
        <v>12</v>
      </c>
      <c r="BH20" s="62">
        <v>28</v>
      </c>
      <c r="BI20" s="231"/>
      <c r="BJ20" s="61">
        <v>32</v>
      </c>
      <c r="BK20" s="61">
        <v>33</v>
      </c>
      <c r="BL20" s="61">
        <v>24</v>
      </c>
      <c r="BM20" s="61">
        <v>12</v>
      </c>
      <c r="BN20" s="61">
        <v>8</v>
      </c>
      <c r="BO20" s="62">
        <v>109</v>
      </c>
      <c r="BP20" s="63">
        <v>137</v>
      </c>
      <c r="BQ20" s="60">
        <v>19</v>
      </c>
      <c r="BR20" s="61">
        <v>15</v>
      </c>
      <c r="BS20" s="62">
        <v>34</v>
      </c>
      <c r="BT20" s="231"/>
      <c r="BU20" s="61">
        <v>31</v>
      </c>
      <c r="BV20" s="61">
        <v>27</v>
      </c>
      <c r="BW20" s="61">
        <v>20</v>
      </c>
      <c r="BX20" s="61">
        <v>14</v>
      </c>
      <c r="BY20" s="61">
        <v>15</v>
      </c>
      <c r="BZ20" s="62">
        <v>107</v>
      </c>
      <c r="CA20" s="63">
        <v>141</v>
      </c>
      <c r="CB20" s="60">
        <v>0</v>
      </c>
      <c r="CC20" s="61">
        <v>0</v>
      </c>
      <c r="CD20" s="62">
        <v>0</v>
      </c>
      <c r="CE20" s="231"/>
      <c r="CF20" s="61">
        <v>0</v>
      </c>
      <c r="CG20" s="61">
        <v>0</v>
      </c>
      <c r="CH20" s="61">
        <v>0</v>
      </c>
      <c r="CI20" s="61">
        <v>0</v>
      </c>
      <c r="CJ20" s="61">
        <v>0</v>
      </c>
      <c r="CK20" s="62">
        <v>0</v>
      </c>
      <c r="CL20" s="63">
        <v>0</v>
      </c>
      <c r="CM20" s="60">
        <v>64</v>
      </c>
      <c r="CN20" s="61">
        <v>49</v>
      </c>
      <c r="CO20" s="62">
        <v>113</v>
      </c>
      <c r="CP20" s="231"/>
      <c r="CQ20" s="61">
        <v>110</v>
      </c>
      <c r="CR20" s="61">
        <v>109</v>
      </c>
      <c r="CS20" s="61">
        <v>68</v>
      </c>
      <c r="CT20" s="61">
        <v>39</v>
      </c>
      <c r="CU20" s="61">
        <v>33</v>
      </c>
      <c r="CV20" s="62">
        <v>359</v>
      </c>
      <c r="CW20" s="63">
        <v>472</v>
      </c>
      <c r="CX20" s="113">
        <v>10</v>
      </c>
      <c r="CY20" s="72">
        <v>8</v>
      </c>
      <c r="CZ20" s="73">
        <v>18</v>
      </c>
      <c r="DA20" s="228"/>
      <c r="DB20" s="72">
        <v>8</v>
      </c>
      <c r="DC20" s="72">
        <v>18</v>
      </c>
      <c r="DD20" s="72">
        <v>9</v>
      </c>
      <c r="DE20" s="72">
        <v>12</v>
      </c>
      <c r="DF20" s="72">
        <v>5</v>
      </c>
      <c r="DG20" s="74">
        <v>52</v>
      </c>
      <c r="DH20" s="75">
        <v>70</v>
      </c>
      <c r="DI20" s="60">
        <v>0</v>
      </c>
      <c r="DJ20" s="61">
        <v>0</v>
      </c>
      <c r="DK20" s="62">
        <v>0</v>
      </c>
      <c r="DL20" s="231"/>
      <c r="DM20" s="61">
        <v>0</v>
      </c>
      <c r="DN20" s="61">
        <v>2</v>
      </c>
      <c r="DO20" s="61">
        <v>0</v>
      </c>
      <c r="DP20" s="61">
        <v>0</v>
      </c>
      <c r="DQ20" s="61">
        <v>1</v>
      </c>
      <c r="DR20" s="62">
        <v>3</v>
      </c>
      <c r="DS20" s="63">
        <v>3</v>
      </c>
      <c r="DT20" s="60">
        <v>0</v>
      </c>
      <c r="DU20" s="61">
        <v>2</v>
      </c>
      <c r="DV20" s="62">
        <v>2</v>
      </c>
      <c r="DW20" s="231"/>
      <c r="DX20" s="61">
        <v>0</v>
      </c>
      <c r="DY20" s="61">
        <v>1</v>
      </c>
      <c r="DZ20" s="61">
        <v>1</v>
      </c>
      <c r="EA20" s="61">
        <v>0</v>
      </c>
      <c r="EB20" s="61">
        <v>0</v>
      </c>
      <c r="EC20" s="62">
        <v>2</v>
      </c>
      <c r="ED20" s="63">
        <v>4</v>
      </c>
      <c r="EE20" s="60">
        <v>4</v>
      </c>
      <c r="EF20" s="61">
        <v>2</v>
      </c>
      <c r="EG20" s="62">
        <v>6</v>
      </c>
      <c r="EH20" s="231"/>
      <c r="EI20" s="61">
        <v>1</v>
      </c>
      <c r="EJ20" s="61">
        <v>0</v>
      </c>
      <c r="EK20" s="61">
        <v>1</v>
      </c>
      <c r="EL20" s="61">
        <v>0</v>
      </c>
      <c r="EM20" s="61">
        <v>0</v>
      </c>
      <c r="EN20" s="62">
        <v>2</v>
      </c>
      <c r="EO20" s="63">
        <v>8</v>
      </c>
      <c r="EP20" s="60">
        <v>3</v>
      </c>
      <c r="EQ20" s="61">
        <v>1</v>
      </c>
      <c r="ER20" s="62">
        <v>4</v>
      </c>
      <c r="ES20" s="231"/>
      <c r="ET20" s="61">
        <v>3</v>
      </c>
      <c r="EU20" s="61">
        <v>2</v>
      </c>
      <c r="EV20" s="61">
        <v>2</v>
      </c>
      <c r="EW20" s="61">
        <v>1</v>
      </c>
      <c r="EX20" s="61">
        <v>1</v>
      </c>
      <c r="EY20" s="62">
        <v>9</v>
      </c>
      <c r="EZ20" s="63">
        <v>13</v>
      </c>
      <c r="FA20" s="60">
        <v>3</v>
      </c>
      <c r="FB20" s="61">
        <v>1</v>
      </c>
      <c r="FC20" s="62">
        <v>4</v>
      </c>
      <c r="FD20" s="231"/>
      <c r="FE20" s="61">
        <v>2</v>
      </c>
      <c r="FF20" s="61">
        <v>5</v>
      </c>
      <c r="FG20" s="61">
        <v>0</v>
      </c>
      <c r="FH20" s="61">
        <v>3</v>
      </c>
      <c r="FI20" s="61">
        <v>0</v>
      </c>
      <c r="FJ20" s="62">
        <v>10</v>
      </c>
      <c r="FK20" s="63">
        <v>14</v>
      </c>
      <c r="FL20" s="60">
        <v>0</v>
      </c>
      <c r="FM20" s="61">
        <v>2</v>
      </c>
      <c r="FN20" s="62">
        <v>2</v>
      </c>
      <c r="FO20" s="231"/>
      <c r="FP20" s="61">
        <v>2</v>
      </c>
      <c r="FQ20" s="61">
        <v>8</v>
      </c>
      <c r="FR20" s="61">
        <v>5</v>
      </c>
      <c r="FS20" s="61">
        <v>8</v>
      </c>
      <c r="FT20" s="61">
        <v>3</v>
      </c>
      <c r="FU20" s="62">
        <v>26</v>
      </c>
      <c r="FV20" s="63">
        <v>28</v>
      </c>
      <c r="FW20" s="60">
        <v>0</v>
      </c>
      <c r="FX20" s="61">
        <v>0</v>
      </c>
      <c r="FY20" s="62">
        <v>0</v>
      </c>
      <c r="FZ20" s="231"/>
      <c r="GA20" s="61">
        <v>0</v>
      </c>
      <c r="GB20" s="61">
        <v>0</v>
      </c>
      <c r="GC20" s="61">
        <v>0</v>
      </c>
      <c r="GD20" s="61">
        <v>0</v>
      </c>
      <c r="GE20" s="61">
        <v>0</v>
      </c>
      <c r="GF20" s="62">
        <v>0</v>
      </c>
      <c r="GG20" s="63">
        <v>0</v>
      </c>
      <c r="GH20" s="60">
        <v>10</v>
      </c>
      <c r="GI20" s="61">
        <v>8</v>
      </c>
      <c r="GJ20" s="62">
        <v>18</v>
      </c>
      <c r="GK20" s="231"/>
      <c r="GL20" s="61">
        <v>8</v>
      </c>
      <c r="GM20" s="61">
        <v>18</v>
      </c>
      <c r="GN20" s="61">
        <v>9</v>
      </c>
      <c r="GO20" s="61">
        <v>12</v>
      </c>
      <c r="GP20" s="61">
        <v>5</v>
      </c>
      <c r="GQ20" s="62">
        <v>52</v>
      </c>
      <c r="GR20" s="63">
        <v>70</v>
      </c>
      <c r="GS20" s="113">
        <v>74</v>
      </c>
      <c r="GT20" s="72">
        <v>57</v>
      </c>
      <c r="GU20" s="73">
        <v>131</v>
      </c>
      <c r="GV20" s="228"/>
      <c r="GW20" s="72">
        <v>118</v>
      </c>
      <c r="GX20" s="72">
        <v>127</v>
      </c>
      <c r="GY20" s="72">
        <v>77</v>
      </c>
      <c r="GZ20" s="72">
        <v>51</v>
      </c>
      <c r="HA20" s="72">
        <v>38</v>
      </c>
      <c r="HB20" s="74">
        <v>411</v>
      </c>
      <c r="HC20" s="75">
        <v>542</v>
      </c>
      <c r="HD20" s="60">
        <v>0</v>
      </c>
      <c r="HE20" s="61">
        <v>3</v>
      </c>
      <c r="HF20" s="62">
        <v>3</v>
      </c>
      <c r="HG20" s="231"/>
      <c r="HH20" s="61">
        <v>4</v>
      </c>
      <c r="HI20" s="61">
        <v>3</v>
      </c>
      <c r="HJ20" s="61">
        <v>2</v>
      </c>
      <c r="HK20" s="61">
        <v>0</v>
      </c>
      <c r="HL20" s="61">
        <v>3</v>
      </c>
      <c r="HM20" s="62">
        <v>12</v>
      </c>
      <c r="HN20" s="63">
        <v>15</v>
      </c>
      <c r="HO20" s="60">
        <v>3</v>
      </c>
      <c r="HP20" s="61">
        <v>3</v>
      </c>
      <c r="HQ20" s="62">
        <v>6</v>
      </c>
      <c r="HR20" s="231"/>
      <c r="HS20" s="61">
        <v>6</v>
      </c>
      <c r="HT20" s="61">
        <v>3</v>
      </c>
      <c r="HU20" s="61">
        <v>5</v>
      </c>
      <c r="HV20" s="61">
        <v>3</v>
      </c>
      <c r="HW20" s="61">
        <v>1</v>
      </c>
      <c r="HX20" s="62">
        <v>18</v>
      </c>
      <c r="HY20" s="63">
        <v>24</v>
      </c>
      <c r="HZ20" s="60">
        <v>12</v>
      </c>
      <c r="IA20" s="61">
        <v>7</v>
      </c>
      <c r="IB20" s="62">
        <v>19</v>
      </c>
      <c r="IC20" s="231"/>
      <c r="ID20" s="61">
        <v>11</v>
      </c>
      <c r="IE20" s="61">
        <v>16</v>
      </c>
      <c r="IF20" s="61">
        <v>4</v>
      </c>
      <c r="IG20" s="61">
        <v>2</v>
      </c>
      <c r="IH20" s="61">
        <v>2</v>
      </c>
      <c r="II20" s="62">
        <v>35</v>
      </c>
      <c r="IJ20" s="63">
        <v>54</v>
      </c>
      <c r="IK20" s="60">
        <v>21</v>
      </c>
      <c r="IL20" s="61">
        <v>14</v>
      </c>
      <c r="IM20" s="62">
        <v>35</v>
      </c>
      <c r="IN20" s="231"/>
      <c r="IO20" s="61">
        <v>30</v>
      </c>
      <c r="IP20" s="61">
        <v>32</v>
      </c>
      <c r="IQ20" s="61">
        <v>17</v>
      </c>
      <c r="IR20" s="61">
        <v>9</v>
      </c>
      <c r="IS20" s="61">
        <v>6</v>
      </c>
      <c r="IT20" s="62">
        <v>94</v>
      </c>
      <c r="IU20" s="63">
        <v>129</v>
      </c>
      <c r="IV20" s="60">
        <v>19</v>
      </c>
      <c r="IW20" s="61">
        <v>13</v>
      </c>
      <c r="IX20" s="62">
        <v>32</v>
      </c>
      <c r="IY20" s="231"/>
      <c r="IZ20" s="61">
        <v>34</v>
      </c>
      <c r="JA20" s="61">
        <v>38</v>
      </c>
      <c r="JB20" s="61">
        <v>24</v>
      </c>
      <c r="JC20" s="61">
        <v>15</v>
      </c>
      <c r="JD20" s="61">
        <v>8</v>
      </c>
      <c r="JE20" s="62">
        <v>119</v>
      </c>
      <c r="JF20" s="63">
        <v>151</v>
      </c>
      <c r="JG20" s="60">
        <v>19</v>
      </c>
      <c r="JH20" s="61">
        <v>17</v>
      </c>
      <c r="JI20" s="62">
        <v>36</v>
      </c>
      <c r="JJ20" s="231"/>
      <c r="JK20" s="61">
        <v>33</v>
      </c>
      <c r="JL20" s="61">
        <v>35</v>
      </c>
      <c r="JM20" s="61">
        <v>25</v>
      </c>
      <c r="JN20" s="61">
        <v>22</v>
      </c>
      <c r="JO20" s="61">
        <v>18</v>
      </c>
      <c r="JP20" s="62">
        <v>133</v>
      </c>
      <c r="JQ20" s="63">
        <v>169</v>
      </c>
      <c r="JR20" s="60">
        <v>0</v>
      </c>
      <c r="JS20" s="61">
        <v>0</v>
      </c>
      <c r="JT20" s="62">
        <v>0</v>
      </c>
      <c r="JU20" s="231"/>
      <c r="JV20" s="61">
        <v>0</v>
      </c>
      <c r="JW20" s="61">
        <v>0</v>
      </c>
      <c r="JX20" s="61">
        <v>0</v>
      </c>
      <c r="JY20" s="61">
        <v>0</v>
      </c>
      <c r="JZ20" s="61">
        <v>0</v>
      </c>
      <c r="KA20" s="62">
        <v>0</v>
      </c>
      <c r="KB20" s="63">
        <v>0</v>
      </c>
      <c r="KC20" s="60">
        <v>74</v>
      </c>
      <c r="KD20" s="61">
        <v>57</v>
      </c>
      <c r="KE20" s="62">
        <v>131</v>
      </c>
      <c r="KF20" s="231"/>
      <c r="KG20" s="61">
        <v>118</v>
      </c>
      <c r="KH20" s="61">
        <v>127</v>
      </c>
      <c r="KI20" s="61">
        <v>77</v>
      </c>
      <c r="KJ20" s="61">
        <v>51</v>
      </c>
      <c r="KK20" s="61">
        <v>38</v>
      </c>
      <c r="KL20" s="62">
        <v>411</v>
      </c>
      <c r="KM20" s="63">
        <v>542</v>
      </c>
    </row>
    <row r="21" spans="2:299" ht="21" customHeight="1" x14ac:dyDescent="0.2">
      <c r="B21" s="472" t="s">
        <v>18</v>
      </c>
      <c r="C21" s="293">
        <v>67</v>
      </c>
      <c r="D21" s="72">
        <v>78</v>
      </c>
      <c r="E21" s="73">
        <v>145</v>
      </c>
      <c r="F21" s="228"/>
      <c r="G21" s="72">
        <v>162</v>
      </c>
      <c r="H21" s="72">
        <v>115</v>
      </c>
      <c r="I21" s="72">
        <v>79</v>
      </c>
      <c r="J21" s="72">
        <v>65</v>
      </c>
      <c r="K21" s="72">
        <v>32</v>
      </c>
      <c r="L21" s="74">
        <v>453</v>
      </c>
      <c r="M21" s="75">
        <v>598</v>
      </c>
      <c r="N21" s="60">
        <v>1</v>
      </c>
      <c r="O21" s="61">
        <v>1</v>
      </c>
      <c r="P21" s="62">
        <v>2</v>
      </c>
      <c r="Q21" s="231"/>
      <c r="R21" s="61">
        <v>4</v>
      </c>
      <c r="S21" s="61">
        <v>2</v>
      </c>
      <c r="T21" s="61">
        <v>1</v>
      </c>
      <c r="U21" s="61">
        <v>3</v>
      </c>
      <c r="V21" s="61">
        <v>2</v>
      </c>
      <c r="W21" s="62">
        <v>12</v>
      </c>
      <c r="X21" s="63">
        <v>14</v>
      </c>
      <c r="Y21" s="60">
        <v>2</v>
      </c>
      <c r="Z21" s="61">
        <v>3</v>
      </c>
      <c r="AA21" s="62">
        <v>5</v>
      </c>
      <c r="AB21" s="228"/>
      <c r="AC21" s="61">
        <v>7</v>
      </c>
      <c r="AD21" s="61">
        <v>5</v>
      </c>
      <c r="AE21" s="61">
        <v>3</v>
      </c>
      <c r="AF21" s="61">
        <v>6</v>
      </c>
      <c r="AG21" s="61">
        <v>3</v>
      </c>
      <c r="AH21" s="62">
        <v>24</v>
      </c>
      <c r="AI21" s="63">
        <v>29</v>
      </c>
      <c r="AJ21" s="60">
        <v>8</v>
      </c>
      <c r="AK21" s="61">
        <v>9</v>
      </c>
      <c r="AL21" s="62">
        <v>17</v>
      </c>
      <c r="AM21" s="228"/>
      <c r="AN21" s="61">
        <v>13</v>
      </c>
      <c r="AO21" s="61">
        <v>6</v>
      </c>
      <c r="AP21" s="61">
        <v>4</v>
      </c>
      <c r="AQ21" s="61">
        <v>3</v>
      </c>
      <c r="AR21" s="61">
        <v>1</v>
      </c>
      <c r="AS21" s="62">
        <v>27</v>
      </c>
      <c r="AT21" s="63">
        <v>44</v>
      </c>
      <c r="AU21" s="60">
        <v>15</v>
      </c>
      <c r="AV21" s="61">
        <v>12</v>
      </c>
      <c r="AW21" s="62">
        <v>27</v>
      </c>
      <c r="AX21" s="228"/>
      <c r="AY21" s="61">
        <v>25</v>
      </c>
      <c r="AZ21" s="61">
        <v>25</v>
      </c>
      <c r="BA21" s="61">
        <v>12</v>
      </c>
      <c r="BB21" s="61">
        <v>12</v>
      </c>
      <c r="BC21" s="61">
        <v>9</v>
      </c>
      <c r="BD21" s="62">
        <v>83</v>
      </c>
      <c r="BE21" s="63">
        <v>110</v>
      </c>
      <c r="BF21" s="60">
        <v>22</v>
      </c>
      <c r="BG21" s="61">
        <v>31</v>
      </c>
      <c r="BH21" s="62">
        <v>53</v>
      </c>
      <c r="BI21" s="231"/>
      <c r="BJ21" s="61">
        <v>60</v>
      </c>
      <c r="BK21" s="61">
        <v>39</v>
      </c>
      <c r="BL21" s="61">
        <v>26</v>
      </c>
      <c r="BM21" s="61">
        <v>22</v>
      </c>
      <c r="BN21" s="61">
        <v>8</v>
      </c>
      <c r="BO21" s="62">
        <v>155</v>
      </c>
      <c r="BP21" s="63">
        <v>208</v>
      </c>
      <c r="BQ21" s="60">
        <v>19</v>
      </c>
      <c r="BR21" s="61">
        <v>22</v>
      </c>
      <c r="BS21" s="62">
        <v>41</v>
      </c>
      <c r="BT21" s="231"/>
      <c r="BU21" s="61">
        <v>53</v>
      </c>
      <c r="BV21" s="61">
        <v>38</v>
      </c>
      <c r="BW21" s="61">
        <v>33</v>
      </c>
      <c r="BX21" s="61">
        <v>19</v>
      </c>
      <c r="BY21" s="61">
        <v>9</v>
      </c>
      <c r="BZ21" s="62">
        <v>152</v>
      </c>
      <c r="CA21" s="63">
        <v>193</v>
      </c>
      <c r="CB21" s="60">
        <v>0</v>
      </c>
      <c r="CC21" s="61">
        <v>0</v>
      </c>
      <c r="CD21" s="62">
        <v>0</v>
      </c>
      <c r="CE21" s="231"/>
      <c r="CF21" s="61">
        <v>0</v>
      </c>
      <c r="CG21" s="61">
        <v>0</v>
      </c>
      <c r="CH21" s="61">
        <v>0</v>
      </c>
      <c r="CI21" s="61">
        <v>0</v>
      </c>
      <c r="CJ21" s="61">
        <v>0</v>
      </c>
      <c r="CK21" s="62">
        <v>0</v>
      </c>
      <c r="CL21" s="63">
        <v>0</v>
      </c>
      <c r="CM21" s="60">
        <v>67</v>
      </c>
      <c r="CN21" s="61">
        <v>78</v>
      </c>
      <c r="CO21" s="62">
        <v>145</v>
      </c>
      <c r="CP21" s="231"/>
      <c r="CQ21" s="61">
        <v>162</v>
      </c>
      <c r="CR21" s="61">
        <v>115</v>
      </c>
      <c r="CS21" s="61">
        <v>79</v>
      </c>
      <c r="CT21" s="61">
        <v>65</v>
      </c>
      <c r="CU21" s="61">
        <v>32</v>
      </c>
      <c r="CV21" s="62">
        <v>453</v>
      </c>
      <c r="CW21" s="63">
        <v>598</v>
      </c>
      <c r="CX21" s="113">
        <v>9</v>
      </c>
      <c r="CY21" s="72">
        <v>19</v>
      </c>
      <c r="CZ21" s="73">
        <v>28</v>
      </c>
      <c r="DA21" s="228"/>
      <c r="DB21" s="72">
        <v>19</v>
      </c>
      <c r="DC21" s="72">
        <v>12</v>
      </c>
      <c r="DD21" s="72">
        <v>7</v>
      </c>
      <c r="DE21" s="72">
        <v>8</v>
      </c>
      <c r="DF21" s="72">
        <v>3</v>
      </c>
      <c r="DG21" s="74">
        <v>49</v>
      </c>
      <c r="DH21" s="75">
        <v>77</v>
      </c>
      <c r="DI21" s="60">
        <v>0</v>
      </c>
      <c r="DJ21" s="61">
        <v>0</v>
      </c>
      <c r="DK21" s="62">
        <v>0</v>
      </c>
      <c r="DL21" s="231"/>
      <c r="DM21" s="61">
        <v>1</v>
      </c>
      <c r="DN21" s="61">
        <v>0</v>
      </c>
      <c r="DO21" s="61">
        <v>0</v>
      </c>
      <c r="DP21" s="61">
        <v>0</v>
      </c>
      <c r="DQ21" s="61">
        <v>0</v>
      </c>
      <c r="DR21" s="62">
        <v>1</v>
      </c>
      <c r="DS21" s="63">
        <v>1</v>
      </c>
      <c r="DT21" s="60">
        <v>0</v>
      </c>
      <c r="DU21" s="61">
        <v>5</v>
      </c>
      <c r="DV21" s="62">
        <v>5</v>
      </c>
      <c r="DW21" s="231"/>
      <c r="DX21" s="61">
        <v>1</v>
      </c>
      <c r="DY21" s="61">
        <v>1</v>
      </c>
      <c r="DZ21" s="61">
        <v>1</v>
      </c>
      <c r="EA21" s="61">
        <v>0</v>
      </c>
      <c r="EB21" s="61">
        <v>0</v>
      </c>
      <c r="EC21" s="62">
        <v>3</v>
      </c>
      <c r="ED21" s="63">
        <v>8</v>
      </c>
      <c r="EE21" s="60">
        <v>1</v>
      </c>
      <c r="EF21" s="61">
        <v>3</v>
      </c>
      <c r="EG21" s="62">
        <v>4</v>
      </c>
      <c r="EH21" s="231"/>
      <c r="EI21" s="61">
        <v>2</v>
      </c>
      <c r="EJ21" s="61">
        <v>0</v>
      </c>
      <c r="EK21" s="61">
        <v>0</v>
      </c>
      <c r="EL21" s="61">
        <v>1</v>
      </c>
      <c r="EM21" s="61">
        <v>0</v>
      </c>
      <c r="EN21" s="62">
        <v>3</v>
      </c>
      <c r="EO21" s="63">
        <v>7</v>
      </c>
      <c r="EP21" s="60">
        <v>4</v>
      </c>
      <c r="EQ21" s="61">
        <v>7</v>
      </c>
      <c r="ER21" s="62">
        <v>11</v>
      </c>
      <c r="ES21" s="231"/>
      <c r="ET21" s="61">
        <v>4</v>
      </c>
      <c r="EU21" s="61">
        <v>1</v>
      </c>
      <c r="EV21" s="61">
        <v>2</v>
      </c>
      <c r="EW21" s="61">
        <v>0</v>
      </c>
      <c r="EX21" s="61">
        <v>0</v>
      </c>
      <c r="EY21" s="62">
        <v>7</v>
      </c>
      <c r="EZ21" s="63">
        <v>18</v>
      </c>
      <c r="FA21" s="60">
        <v>1</v>
      </c>
      <c r="FB21" s="61">
        <v>2</v>
      </c>
      <c r="FC21" s="62">
        <v>3</v>
      </c>
      <c r="FD21" s="231"/>
      <c r="FE21" s="61">
        <v>7</v>
      </c>
      <c r="FF21" s="61">
        <v>8</v>
      </c>
      <c r="FG21" s="61">
        <v>2</v>
      </c>
      <c r="FH21" s="61">
        <v>2</v>
      </c>
      <c r="FI21" s="61">
        <v>1</v>
      </c>
      <c r="FJ21" s="62">
        <v>20</v>
      </c>
      <c r="FK21" s="63">
        <v>23</v>
      </c>
      <c r="FL21" s="60">
        <v>3</v>
      </c>
      <c r="FM21" s="61">
        <v>2</v>
      </c>
      <c r="FN21" s="62">
        <v>5</v>
      </c>
      <c r="FO21" s="231"/>
      <c r="FP21" s="61">
        <v>4</v>
      </c>
      <c r="FQ21" s="61">
        <v>2</v>
      </c>
      <c r="FR21" s="61">
        <v>2</v>
      </c>
      <c r="FS21" s="61">
        <v>5</v>
      </c>
      <c r="FT21" s="61">
        <v>2</v>
      </c>
      <c r="FU21" s="62">
        <v>15</v>
      </c>
      <c r="FV21" s="63">
        <v>20</v>
      </c>
      <c r="FW21" s="60">
        <v>0</v>
      </c>
      <c r="FX21" s="61">
        <v>0</v>
      </c>
      <c r="FY21" s="62">
        <v>0</v>
      </c>
      <c r="FZ21" s="231"/>
      <c r="GA21" s="61">
        <v>0</v>
      </c>
      <c r="GB21" s="61">
        <v>0</v>
      </c>
      <c r="GC21" s="61">
        <v>0</v>
      </c>
      <c r="GD21" s="61">
        <v>0</v>
      </c>
      <c r="GE21" s="61">
        <v>0</v>
      </c>
      <c r="GF21" s="62">
        <v>0</v>
      </c>
      <c r="GG21" s="63">
        <v>0</v>
      </c>
      <c r="GH21" s="60">
        <v>9</v>
      </c>
      <c r="GI21" s="61">
        <v>19</v>
      </c>
      <c r="GJ21" s="62">
        <v>28</v>
      </c>
      <c r="GK21" s="231"/>
      <c r="GL21" s="61">
        <v>19</v>
      </c>
      <c r="GM21" s="61">
        <v>12</v>
      </c>
      <c r="GN21" s="61">
        <v>7</v>
      </c>
      <c r="GO21" s="61">
        <v>8</v>
      </c>
      <c r="GP21" s="61">
        <v>3</v>
      </c>
      <c r="GQ21" s="62">
        <v>49</v>
      </c>
      <c r="GR21" s="63">
        <v>77</v>
      </c>
      <c r="GS21" s="113">
        <v>76</v>
      </c>
      <c r="GT21" s="72">
        <v>97</v>
      </c>
      <c r="GU21" s="73">
        <v>173</v>
      </c>
      <c r="GV21" s="228"/>
      <c r="GW21" s="72">
        <v>181</v>
      </c>
      <c r="GX21" s="72">
        <v>127</v>
      </c>
      <c r="GY21" s="72">
        <v>86</v>
      </c>
      <c r="GZ21" s="72">
        <v>73</v>
      </c>
      <c r="HA21" s="72">
        <v>35</v>
      </c>
      <c r="HB21" s="74">
        <v>502</v>
      </c>
      <c r="HC21" s="75">
        <v>675</v>
      </c>
      <c r="HD21" s="60">
        <v>1</v>
      </c>
      <c r="HE21" s="61">
        <v>1</v>
      </c>
      <c r="HF21" s="62">
        <v>2</v>
      </c>
      <c r="HG21" s="231"/>
      <c r="HH21" s="61">
        <v>5</v>
      </c>
      <c r="HI21" s="61">
        <v>2</v>
      </c>
      <c r="HJ21" s="61">
        <v>1</v>
      </c>
      <c r="HK21" s="61">
        <v>3</v>
      </c>
      <c r="HL21" s="61">
        <v>2</v>
      </c>
      <c r="HM21" s="62">
        <v>13</v>
      </c>
      <c r="HN21" s="63">
        <v>15</v>
      </c>
      <c r="HO21" s="60">
        <v>2</v>
      </c>
      <c r="HP21" s="61">
        <v>8</v>
      </c>
      <c r="HQ21" s="62">
        <v>10</v>
      </c>
      <c r="HR21" s="231"/>
      <c r="HS21" s="61">
        <v>8</v>
      </c>
      <c r="HT21" s="61">
        <v>6</v>
      </c>
      <c r="HU21" s="61">
        <v>4</v>
      </c>
      <c r="HV21" s="61">
        <v>6</v>
      </c>
      <c r="HW21" s="61">
        <v>3</v>
      </c>
      <c r="HX21" s="62">
        <v>27</v>
      </c>
      <c r="HY21" s="63">
        <v>37</v>
      </c>
      <c r="HZ21" s="60">
        <v>9</v>
      </c>
      <c r="IA21" s="61">
        <v>12</v>
      </c>
      <c r="IB21" s="62">
        <v>21</v>
      </c>
      <c r="IC21" s="231"/>
      <c r="ID21" s="61">
        <v>15</v>
      </c>
      <c r="IE21" s="61">
        <v>6</v>
      </c>
      <c r="IF21" s="61">
        <v>4</v>
      </c>
      <c r="IG21" s="61">
        <v>4</v>
      </c>
      <c r="IH21" s="61">
        <v>1</v>
      </c>
      <c r="II21" s="62">
        <v>30</v>
      </c>
      <c r="IJ21" s="63">
        <v>51</v>
      </c>
      <c r="IK21" s="60">
        <v>19</v>
      </c>
      <c r="IL21" s="61">
        <v>19</v>
      </c>
      <c r="IM21" s="62">
        <v>38</v>
      </c>
      <c r="IN21" s="231"/>
      <c r="IO21" s="61">
        <v>29</v>
      </c>
      <c r="IP21" s="61">
        <v>26</v>
      </c>
      <c r="IQ21" s="61">
        <v>14</v>
      </c>
      <c r="IR21" s="61">
        <v>12</v>
      </c>
      <c r="IS21" s="61">
        <v>9</v>
      </c>
      <c r="IT21" s="62">
        <v>90</v>
      </c>
      <c r="IU21" s="63">
        <v>128</v>
      </c>
      <c r="IV21" s="60">
        <v>23</v>
      </c>
      <c r="IW21" s="61">
        <v>33</v>
      </c>
      <c r="IX21" s="62">
        <v>56</v>
      </c>
      <c r="IY21" s="231"/>
      <c r="IZ21" s="61">
        <v>67</v>
      </c>
      <c r="JA21" s="61">
        <v>47</v>
      </c>
      <c r="JB21" s="61">
        <v>28</v>
      </c>
      <c r="JC21" s="61">
        <v>24</v>
      </c>
      <c r="JD21" s="61">
        <v>9</v>
      </c>
      <c r="JE21" s="62">
        <v>175</v>
      </c>
      <c r="JF21" s="63">
        <v>231</v>
      </c>
      <c r="JG21" s="60">
        <v>22</v>
      </c>
      <c r="JH21" s="61">
        <v>24</v>
      </c>
      <c r="JI21" s="62">
        <v>46</v>
      </c>
      <c r="JJ21" s="231"/>
      <c r="JK21" s="61">
        <v>57</v>
      </c>
      <c r="JL21" s="61">
        <v>40</v>
      </c>
      <c r="JM21" s="61">
        <v>35</v>
      </c>
      <c r="JN21" s="61">
        <v>24</v>
      </c>
      <c r="JO21" s="61">
        <v>11</v>
      </c>
      <c r="JP21" s="62">
        <v>167</v>
      </c>
      <c r="JQ21" s="63">
        <v>213</v>
      </c>
      <c r="JR21" s="60">
        <v>0</v>
      </c>
      <c r="JS21" s="61">
        <v>0</v>
      </c>
      <c r="JT21" s="62">
        <v>0</v>
      </c>
      <c r="JU21" s="231"/>
      <c r="JV21" s="61">
        <v>0</v>
      </c>
      <c r="JW21" s="61">
        <v>0</v>
      </c>
      <c r="JX21" s="61">
        <v>0</v>
      </c>
      <c r="JY21" s="61">
        <v>0</v>
      </c>
      <c r="JZ21" s="61">
        <v>0</v>
      </c>
      <c r="KA21" s="62">
        <v>0</v>
      </c>
      <c r="KB21" s="63">
        <v>0</v>
      </c>
      <c r="KC21" s="60">
        <v>76</v>
      </c>
      <c r="KD21" s="61">
        <v>97</v>
      </c>
      <c r="KE21" s="62">
        <v>173</v>
      </c>
      <c r="KF21" s="231"/>
      <c r="KG21" s="61">
        <v>181</v>
      </c>
      <c r="KH21" s="61">
        <v>127</v>
      </c>
      <c r="KI21" s="61">
        <v>86</v>
      </c>
      <c r="KJ21" s="61">
        <v>73</v>
      </c>
      <c r="KK21" s="61">
        <v>35</v>
      </c>
      <c r="KL21" s="62">
        <v>502</v>
      </c>
      <c r="KM21" s="63">
        <v>675</v>
      </c>
    </row>
    <row r="22" spans="2:299" ht="21" customHeight="1" x14ac:dyDescent="0.2">
      <c r="B22" s="472" t="s">
        <v>19</v>
      </c>
      <c r="C22" s="293">
        <v>36</v>
      </c>
      <c r="D22" s="72">
        <v>33</v>
      </c>
      <c r="E22" s="73">
        <v>69</v>
      </c>
      <c r="F22" s="228"/>
      <c r="G22" s="72">
        <v>75</v>
      </c>
      <c r="H22" s="72">
        <v>46</v>
      </c>
      <c r="I22" s="72">
        <v>28</v>
      </c>
      <c r="J22" s="72">
        <v>18</v>
      </c>
      <c r="K22" s="72">
        <v>20</v>
      </c>
      <c r="L22" s="74">
        <v>187</v>
      </c>
      <c r="M22" s="75">
        <v>256</v>
      </c>
      <c r="N22" s="76">
        <v>0</v>
      </c>
      <c r="O22" s="61">
        <v>2</v>
      </c>
      <c r="P22" s="62">
        <v>2</v>
      </c>
      <c r="Q22" s="231"/>
      <c r="R22" s="61">
        <v>1</v>
      </c>
      <c r="S22" s="61">
        <v>1</v>
      </c>
      <c r="T22" s="61">
        <v>1</v>
      </c>
      <c r="U22" s="61">
        <v>0</v>
      </c>
      <c r="V22" s="61">
        <v>0</v>
      </c>
      <c r="W22" s="62">
        <v>3</v>
      </c>
      <c r="X22" s="63">
        <v>5</v>
      </c>
      <c r="Y22" s="60">
        <v>0</v>
      </c>
      <c r="Z22" s="61">
        <v>1</v>
      </c>
      <c r="AA22" s="62">
        <v>1</v>
      </c>
      <c r="AB22" s="228"/>
      <c r="AC22" s="61">
        <v>3</v>
      </c>
      <c r="AD22" s="61">
        <v>4</v>
      </c>
      <c r="AE22" s="61">
        <v>0</v>
      </c>
      <c r="AF22" s="61">
        <v>1</v>
      </c>
      <c r="AG22" s="61">
        <v>0</v>
      </c>
      <c r="AH22" s="62">
        <v>8</v>
      </c>
      <c r="AI22" s="63">
        <v>9</v>
      </c>
      <c r="AJ22" s="76">
        <v>3</v>
      </c>
      <c r="AK22" s="61">
        <v>3</v>
      </c>
      <c r="AL22" s="62">
        <v>6</v>
      </c>
      <c r="AM22" s="228"/>
      <c r="AN22" s="61">
        <v>6</v>
      </c>
      <c r="AO22" s="61">
        <v>1</v>
      </c>
      <c r="AP22" s="61">
        <v>2</v>
      </c>
      <c r="AQ22" s="61">
        <v>0</v>
      </c>
      <c r="AR22" s="61">
        <v>2</v>
      </c>
      <c r="AS22" s="62">
        <v>11</v>
      </c>
      <c r="AT22" s="63">
        <v>17</v>
      </c>
      <c r="AU22" s="60">
        <v>8</v>
      </c>
      <c r="AV22" s="61">
        <v>6</v>
      </c>
      <c r="AW22" s="62">
        <v>14</v>
      </c>
      <c r="AX22" s="228"/>
      <c r="AY22" s="61">
        <v>11</v>
      </c>
      <c r="AZ22" s="61">
        <v>5</v>
      </c>
      <c r="BA22" s="61">
        <v>6</v>
      </c>
      <c r="BB22" s="61">
        <v>6</v>
      </c>
      <c r="BC22" s="61">
        <v>4</v>
      </c>
      <c r="BD22" s="62">
        <v>32</v>
      </c>
      <c r="BE22" s="63">
        <v>46</v>
      </c>
      <c r="BF22" s="76">
        <v>11</v>
      </c>
      <c r="BG22" s="61">
        <v>13</v>
      </c>
      <c r="BH22" s="62">
        <v>24</v>
      </c>
      <c r="BI22" s="231"/>
      <c r="BJ22" s="61">
        <v>34</v>
      </c>
      <c r="BK22" s="61">
        <v>12</v>
      </c>
      <c r="BL22" s="61">
        <v>7</v>
      </c>
      <c r="BM22" s="61">
        <v>8</v>
      </c>
      <c r="BN22" s="61">
        <v>11</v>
      </c>
      <c r="BO22" s="62">
        <v>72</v>
      </c>
      <c r="BP22" s="63">
        <v>96</v>
      </c>
      <c r="BQ22" s="60">
        <v>14</v>
      </c>
      <c r="BR22" s="61">
        <v>8</v>
      </c>
      <c r="BS22" s="62">
        <v>22</v>
      </c>
      <c r="BT22" s="231"/>
      <c r="BU22" s="61">
        <v>20</v>
      </c>
      <c r="BV22" s="61">
        <v>23</v>
      </c>
      <c r="BW22" s="61">
        <v>12</v>
      </c>
      <c r="BX22" s="61">
        <v>3</v>
      </c>
      <c r="BY22" s="61">
        <v>3</v>
      </c>
      <c r="BZ22" s="62">
        <v>61</v>
      </c>
      <c r="CA22" s="63">
        <v>83</v>
      </c>
      <c r="CB22" s="60">
        <v>0</v>
      </c>
      <c r="CC22" s="61">
        <v>0</v>
      </c>
      <c r="CD22" s="62">
        <v>0</v>
      </c>
      <c r="CE22" s="231"/>
      <c r="CF22" s="61">
        <v>0</v>
      </c>
      <c r="CG22" s="61">
        <v>0</v>
      </c>
      <c r="CH22" s="61">
        <v>0</v>
      </c>
      <c r="CI22" s="61">
        <v>0</v>
      </c>
      <c r="CJ22" s="61">
        <v>0</v>
      </c>
      <c r="CK22" s="62">
        <v>0</v>
      </c>
      <c r="CL22" s="63">
        <v>0</v>
      </c>
      <c r="CM22" s="60">
        <v>36</v>
      </c>
      <c r="CN22" s="61">
        <v>33</v>
      </c>
      <c r="CO22" s="62">
        <v>69</v>
      </c>
      <c r="CP22" s="231"/>
      <c r="CQ22" s="61">
        <v>75</v>
      </c>
      <c r="CR22" s="61">
        <v>46</v>
      </c>
      <c r="CS22" s="61">
        <v>28</v>
      </c>
      <c r="CT22" s="61">
        <v>18</v>
      </c>
      <c r="CU22" s="61">
        <v>20</v>
      </c>
      <c r="CV22" s="62">
        <v>187</v>
      </c>
      <c r="CW22" s="63">
        <v>256</v>
      </c>
      <c r="CX22" s="113">
        <v>3</v>
      </c>
      <c r="CY22" s="72">
        <v>7</v>
      </c>
      <c r="CZ22" s="73">
        <v>10</v>
      </c>
      <c r="DA22" s="228"/>
      <c r="DB22" s="72">
        <v>10</v>
      </c>
      <c r="DC22" s="72">
        <v>5</v>
      </c>
      <c r="DD22" s="72">
        <v>5</v>
      </c>
      <c r="DE22" s="72">
        <v>3</v>
      </c>
      <c r="DF22" s="72">
        <v>7</v>
      </c>
      <c r="DG22" s="74">
        <v>30</v>
      </c>
      <c r="DH22" s="75">
        <v>40</v>
      </c>
      <c r="DI22" s="76">
        <v>1</v>
      </c>
      <c r="DJ22" s="61">
        <v>0</v>
      </c>
      <c r="DK22" s="62">
        <v>1</v>
      </c>
      <c r="DL22" s="231"/>
      <c r="DM22" s="61">
        <v>0</v>
      </c>
      <c r="DN22" s="61">
        <v>0</v>
      </c>
      <c r="DO22" s="61">
        <v>0</v>
      </c>
      <c r="DP22" s="61">
        <v>0</v>
      </c>
      <c r="DQ22" s="61">
        <v>1</v>
      </c>
      <c r="DR22" s="62">
        <v>1</v>
      </c>
      <c r="DS22" s="63">
        <v>2</v>
      </c>
      <c r="DT22" s="60">
        <v>0</v>
      </c>
      <c r="DU22" s="61">
        <v>0</v>
      </c>
      <c r="DV22" s="62">
        <v>0</v>
      </c>
      <c r="DW22" s="231"/>
      <c r="DX22" s="61">
        <v>0</v>
      </c>
      <c r="DY22" s="61">
        <v>0</v>
      </c>
      <c r="DZ22" s="61">
        <v>0</v>
      </c>
      <c r="EA22" s="61">
        <v>0</v>
      </c>
      <c r="EB22" s="61">
        <v>0</v>
      </c>
      <c r="EC22" s="62">
        <v>0</v>
      </c>
      <c r="ED22" s="63">
        <v>0</v>
      </c>
      <c r="EE22" s="76">
        <v>0</v>
      </c>
      <c r="EF22" s="61">
        <v>1</v>
      </c>
      <c r="EG22" s="62">
        <v>1</v>
      </c>
      <c r="EH22" s="231"/>
      <c r="EI22" s="61">
        <v>1</v>
      </c>
      <c r="EJ22" s="61">
        <v>0</v>
      </c>
      <c r="EK22" s="61">
        <v>0</v>
      </c>
      <c r="EL22" s="61">
        <v>0</v>
      </c>
      <c r="EM22" s="61">
        <v>0</v>
      </c>
      <c r="EN22" s="62">
        <v>1</v>
      </c>
      <c r="EO22" s="63">
        <v>2</v>
      </c>
      <c r="EP22" s="60">
        <v>2</v>
      </c>
      <c r="EQ22" s="61">
        <v>4</v>
      </c>
      <c r="ER22" s="62">
        <v>6</v>
      </c>
      <c r="ES22" s="231"/>
      <c r="ET22" s="61">
        <v>2</v>
      </c>
      <c r="EU22" s="61">
        <v>1</v>
      </c>
      <c r="EV22" s="61">
        <v>1</v>
      </c>
      <c r="EW22" s="61">
        <v>0</v>
      </c>
      <c r="EX22" s="61">
        <v>0</v>
      </c>
      <c r="EY22" s="62">
        <v>4</v>
      </c>
      <c r="EZ22" s="63">
        <v>10</v>
      </c>
      <c r="FA22" s="76">
        <v>0</v>
      </c>
      <c r="FB22" s="61">
        <v>1</v>
      </c>
      <c r="FC22" s="62">
        <v>1</v>
      </c>
      <c r="FD22" s="231"/>
      <c r="FE22" s="61">
        <v>4</v>
      </c>
      <c r="FF22" s="61">
        <v>2</v>
      </c>
      <c r="FG22" s="61">
        <v>1</v>
      </c>
      <c r="FH22" s="61">
        <v>2</v>
      </c>
      <c r="FI22" s="61">
        <v>1</v>
      </c>
      <c r="FJ22" s="62">
        <v>10</v>
      </c>
      <c r="FK22" s="63">
        <v>11</v>
      </c>
      <c r="FL22" s="60">
        <v>0</v>
      </c>
      <c r="FM22" s="61">
        <v>1</v>
      </c>
      <c r="FN22" s="62">
        <v>1</v>
      </c>
      <c r="FO22" s="231"/>
      <c r="FP22" s="61">
        <v>3</v>
      </c>
      <c r="FQ22" s="61">
        <v>2</v>
      </c>
      <c r="FR22" s="61">
        <v>3</v>
      </c>
      <c r="FS22" s="61">
        <v>1</v>
      </c>
      <c r="FT22" s="61">
        <v>5</v>
      </c>
      <c r="FU22" s="62">
        <v>14</v>
      </c>
      <c r="FV22" s="63">
        <v>15</v>
      </c>
      <c r="FW22" s="60">
        <v>0</v>
      </c>
      <c r="FX22" s="61">
        <v>0</v>
      </c>
      <c r="FY22" s="62">
        <v>0</v>
      </c>
      <c r="FZ22" s="231"/>
      <c r="GA22" s="61">
        <v>0</v>
      </c>
      <c r="GB22" s="61">
        <v>0</v>
      </c>
      <c r="GC22" s="61">
        <v>0</v>
      </c>
      <c r="GD22" s="61">
        <v>0</v>
      </c>
      <c r="GE22" s="61">
        <v>0</v>
      </c>
      <c r="GF22" s="62">
        <v>0</v>
      </c>
      <c r="GG22" s="63">
        <v>0</v>
      </c>
      <c r="GH22" s="60">
        <v>3</v>
      </c>
      <c r="GI22" s="61">
        <v>7</v>
      </c>
      <c r="GJ22" s="62">
        <v>10</v>
      </c>
      <c r="GK22" s="231"/>
      <c r="GL22" s="61">
        <v>10</v>
      </c>
      <c r="GM22" s="61">
        <v>5</v>
      </c>
      <c r="GN22" s="61">
        <v>5</v>
      </c>
      <c r="GO22" s="61">
        <v>3</v>
      </c>
      <c r="GP22" s="61">
        <v>7</v>
      </c>
      <c r="GQ22" s="62">
        <v>30</v>
      </c>
      <c r="GR22" s="63">
        <v>40</v>
      </c>
      <c r="GS22" s="113">
        <v>39</v>
      </c>
      <c r="GT22" s="72">
        <v>40</v>
      </c>
      <c r="GU22" s="73">
        <v>79</v>
      </c>
      <c r="GV22" s="228"/>
      <c r="GW22" s="72">
        <v>85</v>
      </c>
      <c r="GX22" s="72">
        <v>51</v>
      </c>
      <c r="GY22" s="72">
        <v>33</v>
      </c>
      <c r="GZ22" s="72">
        <v>21</v>
      </c>
      <c r="HA22" s="72">
        <v>27</v>
      </c>
      <c r="HB22" s="74">
        <v>217</v>
      </c>
      <c r="HC22" s="75">
        <v>296</v>
      </c>
      <c r="HD22" s="76">
        <v>1</v>
      </c>
      <c r="HE22" s="61">
        <v>2</v>
      </c>
      <c r="HF22" s="62">
        <v>3</v>
      </c>
      <c r="HG22" s="231"/>
      <c r="HH22" s="61">
        <v>1</v>
      </c>
      <c r="HI22" s="61">
        <v>1</v>
      </c>
      <c r="HJ22" s="61">
        <v>1</v>
      </c>
      <c r="HK22" s="61">
        <v>0</v>
      </c>
      <c r="HL22" s="61">
        <v>1</v>
      </c>
      <c r="HM22" s="62">
        <v>4</v>
      </c>
      <c r="HN22" s="63">
        <v>7</v>
      </c>
      <c r="HO22" s="60">
        <v>0</v>
      </c>
      <c r="HP22" s="61">
        <v>1</v>
      </c>
      <c r="HQ22" s="62">
        <v>1</v>
      </c>
      <c r="HR22" s="231"/>
      <c r="HS22" s="61">
        <v>3</v>
      </c>
      <c r="HT22" s="61">
        <v>4</v>
      </c>
      <c r="HU22" s="61">
        <v>0</v>
      </c>
      <c r="HV22" s="61">
        <v>1</v>
      </c>
      <c r="HW22" s="61">
        <v>0</v>
      </c>
      <c r="HX22" s="62">
        <v>8</v>
      </c>
      <c r="HY22" s="63">
        <v>9</v>
      </c>
      <c r="HZ22" s="76">
        <v>3</v>
      </c>
      <c r="IA22" s="61">
        <v>4</v>
      </c>
      <c r="IB22" s="62">
        <v>7</v>
      </c>
      <c r="IC22" s="231"/>
      <c r="ID22" s="61">
        <v>7</v>
      </c>
      <c r="IE22" s="61">
        <v>1</v>
      </c>
      <c r="IF22" s="61">
        <v>2</v>
      </c>
      <c r="IG22" s="61">
        <v>0</v>
      </c>
      <c r="IH22" s="61">
        <v>2</v>
      </c>
      <c r="II22" s="62">
        <v>12</v>
      </c>
      <c r="IJ22" s="63">
        <v>19</v>
      </c>
      <c r="IK22" s="60">
        <v>10</v>
      </c>
      <c r="IL22" s="61">
        <v>10</v>
      </c>
      <c r="IM22" s="62">
        <v>20</v>
      </c>
      <c r="IN22" s="231"/>
      <c r="IO22" s="61">
        <v>13</v>
      </c>
      <c r="IP22" s="61">
        <v>6</v>
      </c>
      <c r="IQ22" s="61">
        <v>7</v>
      </c>
      <c r="IR22" s="61">
        <v>6</v>
      </c>
      <c r="IS22" s="61">
        <v>4</v>
      </c>
      <c r="IT22" s="62">
        <v>36</v>
      </c>
      <c r="IU22" s="63">
        <v>56</v>
      </c>
      <c r="IV22" s="76">
        <v>11</v>
      </c>
      <c r="IW22" s="61">
        <v>14</v>
      </c>
      <c r="IX22" s="62">
        <v>25</v>
      </c>
      <c r="IY22" s="231"/>
      <c r="IZ22" s="61">
        <v>38</v>
      </c>
      <c r="JA22" s="61">
        <v>14</v>
      </c>
      <c r="JB22" s="61">
        <v>8</v>
      </c>
      <c r="JC22" s="61">
        <v>10</v>
      </c>
      <c r="JD22" s="61">
        <v>12</v>
      </c>
      <c r="JE22" s="62">
        <v>82</v>
      </c>
      <c r="JF22" s="63">
        <v>107</v>
      </c>
      <c r="JG22" s="60">
        <v>14</v>
      </c>
      <c r="JH22" s="61">
        <v>9</v>
      </c>
      <c r="JI22" s="62">
        <v>23</v>
      </c>
      <c r="JJ22" s="231"/>
      <c r="JK22" s="61">
        <v>23</v>
      </c>
      <c r="JL22" s="61">
        <v>25</v>
      </c>
      <c r="JM22" s="61">
        <v>15</v>
      </c>
      <c r="JN22" s="61">
        <v>4</v>
      </c>
      <c r="JO22" s="61">
        <v>8</v>
      </c>
      <c r="JP22" s="62">
        <v>75</v>
      </c>
      <c r="JQ22" s="63">
        <v>98</v>
      </c>
      <c r="JR22" s="60">
        <v>0</v>
      </c>
      <c r="JS22" s="61">
        <v>0</v>
      </c>
      <c r="JT22" s="62">
        <v>0</v>
      </c>
      <c r="JU22" s="231"/>
      <c r="JV22" s="61">
        <v>0</v>
      </c>
      <c r="JW22" s="61">
        <v>0</v>
      </c>
      <c r="JX22" s="61">
        <v>0</v>
      </c>
      <c r="JY22" s="61">
        <v>0</v>
      </c>
      <c r="JZ22" s="61">
        <v>0</v>
      </c>
      <c r="KA22" s="62">
        <v>0</v>
      </c>
      <c r="KB22" s="63">
        <v>0</v>
      </c>
      <c r="KC22" s="60">
        <v>39</v>
      </c>
      <c r="KD22" s="61">
        <v>40</v>
      </c>
      <c r="KE22" s="62">
        <v>79</v>
      </c>
      <c r="KF22" s="231"/>
      <c r="KG22" s="61">
        <v>85</v>
      </c>
      <c r="KH22" s="61">
        <v>51</v>
      </c>
      <c r="KI22" s="61">
        <v>33</v>
      </c>
      <c r="KJ22" s="61">
        <v>21</v>
      </c>
      <c r="KK22" s="61">
        <v>27</v>
      </c>
      <c r="KL22" s="62">
        <v>217</v>
      </c>
      <c r="KM22" s="63">
        <v>296</v>
      </c>
    </row>
    <row r="23" spans="2:299" ht="21" customHeight="1" x14ac:dyDescent="0.2">
      <c r="B23" s="472" t="s">
        <v>20</v>
      </c>
      <c r="C23" s="293">
        <v>58</v>
      </c>
      <c r="D23" s="72">
        <v>69</v>
      </c>
      <c r="E23" s="73">
        <v>127</v>
      </c>
      <c r="F23" s="228"/>
      <c r="G23" s="72">
        <v>113</v>
      </c>
      <c r="H23" s="72">
        <v>69</v>
      </c>
      <c r="I23" s="72">
        <v>46</v>
      </c>
      <c r="J23" s="72">
        <v>34</v>
      </c>
      <c r="K23" s="72">
        <v>22</v>
      </c>
      <c r="L23" s="74">
        <v>284</v>
      </c>
      <c r="M23" s="75">
        <v>411</v>
      </c>
      <c r="N23" s="60">
        <v>0</v>
      </c>
      <c r="O23" s="61">
        <v>2</v>
      </c>
      <c r="P23" s="62">
        <v>2</v>
      </c>
      <c r="Q23" s="231"/>
      <c r="R23" s="61">
        <v>0</v>
      </c>
      <c r="S23" s="61">
        <v>1</v>
      </c>
      <c r="T23" s="61">
        <v>3</v>
      </c>
      <c r="U23" s="61">
        <v>0</v>
      </c>
      <c r="V23" s="61">
        <v>0</v>
      </c>
      <c r="W23" s="62">
        <v>4</v>
      </c>
      <c r="X23" s="63">
        <v>6</v>
      </c>
      <c r="Y23" s="60">
        <v>1</v>
      </c>
      <c r="Z23" s="61">
        <v>1</v>
      </c>
      <c r="AA23" s="62">
        <v>2</v>
      </c>
      <c r="AB23" s="228"/>
      <c r="AC23" s="61">
        <v>6</v>
      </c>
      <c r="AD23" s="61">
        <v>3</v>
      </c>
      <c r="AE23" s="61">
        <v>2</v>
      </c>
      <c r="AF23" s="61">
        <v>2</v>
      </c>
      <c r="AG23" s="61">
        <v>0</v>
      </c>
      <c r="AH23" s="62">
        <v>13</v>
      </c>
      <c r="AI23" s="63">
        <v>15</v>
      </c>
      <c r="AJ23" s="60">
        <v>10</v>
      </c>
      <c r="AK23" s="61">
        <v>7</v>
      </c>
      <c r="AL23" s="62">
        <v>17</v>
      </c>
      <c r="AM23" s="228"/>
      <c r="AN23" s="61">
        <v>8</v>
      </c>
      <c r="AO23" s="61">
        <v>5</v>
      </c>
      <c r="AP23" s="61">
        <v>6</v>
      </c>
      <c r="AQ23" s="61">
        <v>6</v>
      </c>
      <c r="AR23" s="61">
        <v>4</v>
      </c>
      <c r="AS23" s="62">
        <v>29</v>
      </c>
      <c r="AT23" s="63">
        <v>46</v>
      </c>
      <c r="AU23" s="60">
        <v>11</v>
      </c>
      <c r="AV23" s="61">
        <v>14</v>
      </c>
      <c r="AW23" s="62">
        <v>25</v>
      </c>
      <c r="AX23" s="228"/>
      <c r="AY23" s="61">
        <v>28</v>
      </c>
      <c r="AZ23" s="61">
        <v>14</v>
      </c>
      <c r="BA23" s="61">
        <v>12</v>
      </c>
      <c r="BB23" s="61">
        <v>9</v>
      </c>
      <c r="BC23" s="61">
        <v>5</v>
      </c>
      <c r="BD23" s="62">
        <v>68</v>
      </c>
      <c r="BE23" s="63">
        <v>93</v>
      </c>
      <c r="BF23" s="60">
        <v>21</v>
      </c>
      <c r="BG23" s="61">
        <v>28</v>
      </c>
      <c r="BH23" s="62">
        <v>49</v>
      </c>
      <c r="BI23" s="231"/>
      <c r="BJ23" s="61">
        <v>42</v>
      </c>
      <c r="BK23" s="61">
        <v>22</v>
      </c>
      <c r="BL23" s="61">
        <v>14</v>
      </c>
      <c r="BM23" s="61">
        <v>6</v>
      </c>
      <c r="BN23" s="61">
        <v>7</v>
      </c>
      <c r="BO23" s="62">
        <v>91</v>
      </c>
      <c r="BP23" s="63">
        <v>140</v>
      </c>
      <c r="BQ23" s="60">
        <v>15</v>
      </c>
      <c r="BR23" s="61">
        <v>17</v>
      </c>
      <c r="BS23" s="62">
        <v>32</v>
      </c>
      <c r="BT23" s="231"/>
      <c r="BU23" s="61">
        <v>29</v>
      </c>
      <c r="BV23" s="61">
        <v>24</v>
      </c>
      <c r="BW23" s="61">
        <v>9</v>
      </c>
      <c r="BX23" s="61">
        <v>11</v>
      </c>
      <c r="BY23" s="61">
        <v>6</v>
      </c>
      <c r="BZ23" s="62">
        <v>79</v>
      </c>
      <c r="CA23" s="63">
        <v>111</v>
      </c>
      <c r="CB23" s="60">
        <v>0</v>
      </c>
      <c r="CC23" s="61">
        <v>0</v>
      </c>
      <c r="CD23" s="62">
        <v>0</v>
      </c>
      <c r="CE23" s="231"/>
      <c r="CF23" s="61">
        <v>0</v>
      </c>
      <c r="CG23" s="61">
        <v>0</v>
      </c>
      <c r="CH23" s="61">
        <v>0</v>
      </c>
      <c r="CI23" s="61">
        <v>0</v>
      </c>
      <c r="CJ23" s="61">
        <v>0</v>
      </c>
      <c r="CK23" s="62">
        <v>0</v>
      </c>
      <c r="CL23" s="63">
        <v>0</v>
      </c>
      <c r="CM23" s="60">
        <v>58</v>
      </c>
      <c r="CN23" s="61">
        <v>69</v>
      </c>
      <c r="CO23" s="62">
        <v>127</v>
      </c>
      <c r="CP23" s="231"/>
      <c r="CQ23" s="61">
        <v>113</v>
      </c>
      <c r="CR23" s="61">
        <v>69</v>
      </c>
      <c r="CS23" s="61">
        <v>46</v>
      </c>
      <c r="CT23" s="61">
        <v>34</v>
      </c>
      <c r="CU23" s="61">
        <v>22</v>
      </c>
      <c r="CV23" s="62">
        <v>284</v>
      </c>
      <c r="CW23" s="63">
        <v>411</v>
      </c>
      <c r="CX23" s="113">
        <v>8</v>
      </c>
      <c r="CY23" s="72">
        <v>10</v>
      </c>
      <c r="CZ23" s="73">
        <v>18</v>
      </c>
      <c r="DA23" s="228"/>
      <c r="DB23" s="72">
        <v>14</v>
      </c>
      <c r="DC23" s="72">
        <v>4</v>
      </c>
      <c r="DD23" s="72">
        <v>3</v>
      </c>
      <c r="DE23" s="72">
        <v>6</v>
      </c>
      <c r="DF23" s="72">
        <v>2</v>
      </c>
      <c r="DG23" s="74">
        <v>29</v>
      </c>
      <c r="DH23" s="75">
        <v>47</v>
      </c>
      <c r="DI23" s="60">
        <v>0</v>
      </c>
      <c r="DJ23" s="61">
        <v>0</v>
      </c>
      <c r="DK23" s="62">
        <v>0</v>
      </c>
      <c r="DL23" s="231"/>
      <c r="DM23" s="61">
        <v>0</v>
      </c>
      <c r="DN23" s="61">
        <v>0</v>
      </c>
      <c r="DO23" s="61">
        <v>0</v>
      </c>
      <c r="DP23" s="61">
        <v>0</v>
      </c>
      <c r="DQ23" s="61">
        <v>0</v>
      </c>
      <c r="DR23" s="62">
        <v>0</v>
      </c>
      <c r="DS23" s="63">
        <v>0</v>
      </c>
      <c r="DT23" s="60">
        <v>1</v>
      </c>
      <c r="DU23" s="61">
        <v>1</v>
      </c>
      <c r="DV23" s="62">
        <v>2</v>
      </c>
      <c r="DW23" s="231"/>
      <c r="DX23" s="61">
        <v>0</v>
      </c>
      <c r="DY23" s="61">
        <v>1</v>
      </c>
      <c r="DZ23" s="61">
        <v>0</v>
      </c>
      <c r="EA23" s="61">
        <v>0</v>
      </c>
      <c r="EB23" s="61">
        <v>0</v>
      </c>
      <c r="EC23" s="62">
        <v>1</v>
      </c>
      <c r="ED23" s="63">
        <v>3</v>
      </c>
      <c r="EE23" s="60">
        <v>3</v>
      </c>
      <c r="EF23" s="61">
        <v>0</v>
      </c>
      <c r="EG23" s="62">
        <v>3</v>
      </c>
      <c r="EH23" s="231"/>
      <c r="EI23" s="61">
        <v>1</v>
      </c>
      <c r="EJ23" s="61">
        <v>1</v>
      </c>
      <c r="EK23" s="61">
        <v>0</v>
      </c>
      <c r="EL23" s="61">
        <v>0</v>
      </c>
      <c r="EM23" s="61">
        <v>1</v>
      </c>
      <c r="EN23" s="62">
        <v>3</v>
      </c>
      <c r="EO23" s="63">
        <v>6</v>
      </c>
      <c r="EP23" s="60">
        <v>4</v>
      </c>
      <c r="EQ23" s="61">
        <v>2</v>
      </c>
      <c r="ER23" s="62">
        <v>6</v>
      </c>
      <c r="ES23" s="231"/>
      <c r="ET23" s="61">
        <v>4</v>
      </c>
      <c r="EU23" s="61">
        <v>0</v>
      </c>
      <c r="EV23" s="61">
        <v>1</v>
      </c>
      <c r="EW23" s="61">
        <v>1</v>
      </c>
      <c r="EX23" s="61">
        <v>1</v>
      </c>
      <c r="EY23" s="62">
        <v>7</v>
      </c>
      <c r="EZ23" s="63">
        <v>13</v>
      </c>
      <c r="FA23" s="60">
        <v>0</v>
      </c>
      <c r="FB23" s="61">
        <v>5</v>
      </c>
      <c r="FC23" s="62">
        <v>5</v>
      </c>
      <c r="FD23" s="231"/>
      <c r="FE23" s="61">
        <v>3</v>
      </c>
      <c r="FF23" s="61">
        <v>1</v>
      </c>
      <c r="FG23" s="61">
        <v>0</v>
      </c>
      <c r="FH23" s="61">
        <v>2</v>
      </c>
      <c r="FI23" s="61">
        <v>0</v>
      </c>
      <c r="FJ23" s="62">
        <v>6</v>
      </c>
      <c r="FK23" s="63">
        <v>11</v>
      </c>
      <c r="FL23" s="60">
        <v>0</v>
      </c>
      <c r="FM23" s="61">
        <v>2</v>
      </c>
      <c r="FN23" s="62">
        <v>2</v>
      </c>
      <c r="FO23" s="231"/>
      <c r="FP23" s="61">
        <v>6</v>
      </c>
      <c r="FQ23" s="61">
        <v>1</v>
      </c>
      <c r="FR23" s="61">
        <v>2</v>
      </c>
      <c r="FS23" s="61">
        <v>3</v>
      </c>
      <c r="FT23" s="61">
        <v>0</v>
      </c>
      <c r="FU23" s="62">
        <v>12</v>
      </c>
      <c r="FV23" s="63">
        <v>14</v>
      </c>
      <c r="FW23" s="60">
        <v>0</v>
      </c>
      <c r="FX23" s="61">
        <v>0</v>
      </c>
      <c r="FY23" s="62">
        <v>0</v>
      </c>
      <c r="FZ23" s="231"/>
      <c r="GA23" s="61">
        <v>0</v>
      </c>
      <c r="GB23" s="61">
        <v>0</v>
      </c>
      <c r="GC23" s="61">
        <v>0</v>
      </c>
      <c r="GD23" s="61">
        <v>0</v>
      </c>
      <c r="GE23" s="61">
        <v>0</v>
      </c>
      <c r="GF23" s="62">
        <v>0</v>
      </c>
      <c r="GG23" s="63">
        <v>0</v>
      </c>
      <c r="GH23" s="60">
        <v>8</v>
      </c>
      <c r="GI23" s="61">
        <v>10</v>
      </c>
      <c r="GJ23" s="62">
        <v>18</v>
      </c>
      <c r="GK23" s="231"/>
      <c r="GL23" s="61">
        <v>14</v>
      </c>
      <c r="GM23" s="61">
        <v>4</v>
      </c>
      <c r="GN23" s="61">
        <v>3</v>
      </c>
      <c r="GO23" s="61">
        <v>6</v>
      </c>
      <c r="GP23" s="61">
        <v>2</v>
      </c>
      <c r="GQ23" s="62">
        <v>29</v>
      </c>
      <c r="GR23" s="63">
        <v>47</v>
      </c>
      <c r="GS23" s="113">
        <v>66</v>
      </c>
      <c r="GT23" s="72">
        <v>79</v>
      </c>
      <c r="GU23" s="73">
        <v>145</v>
      </c>
      <c r="GV23" s="228"/>
      <c r="GW23" s="72">
        <v>127</v>
      </c>
      <c r="GX23" s="72">
        <v>73</v>
      </c>
      <c r="GY23" s="72">
        <v>49</v>
      </c>
      <c r="GZ23" s="72">
        <v>40</v>
      </c>
      <c r="HA23" s="72">
        <v>24</v>
      </c>
      <c r="HB23" s="74">
        <v>313</v>
      </c>
      <c r="HC23" s="75">
        <v>458</v>
      </c>
      <c r="HD23" s="60">
        <v>0</v>
      </c>
      <c r="HE23" s="61">
        <v>2</v>
      </c>
      <c r="HF23" s="62">
        <v>2</v>
      </c>
      <c r="HG23" s="231"/>
      <c r="HH23" s="61">
        <v>0</v>
      </c>
      <c r="HI23" s="61">
        <v>1</v>
      </c>
      <c r="HJ23" s="61">
        <v>3</v>
      </c>
      <c r="HK23" s="61">
        <v>0</v>
      </c>
      <c r="HL23" s="61">
        <v>0</v>
      </c>
      <c r="HM23" s="62">
        <v>4</v>
      </c>
      <c r="HN23" s="63">
        <v>6</v>
      </c>
      <c r="HO23" s="60">
        <v>2</v>
      </c>
      <c r="HP23" s="61">
        <v>2</v>
      </c>
      <c r="HQ23" s="62">
        <v>4</v>
      </c>
      <c r="HR23" s="231"/>
      <c r="HS23" s="61">
        <v>6</v>
      </c>
      <c r="HT23" s="61">
        <v>4</v>
      </c>
      <c r="HU23" s="61">
        <v>2</v>
      </c>
      <c r="HV23" s="61">
        <v>2</v>
      </c>
      <c r="HW23" s="61">
        <v>0</v>
      </c>
      <c r="HX23" s="62">
        <v>14</v>
      </c>
      <c r="HY23" s="63">
        <v>18</v>
      </c>
      <c r="HZ23" s="60">
        <v>13</v>
      </c>
      <c r="IA23" s="61">
        <v>7</v>
      </c>
      <c r="IB23" s="62">
        <v>20</v>
      </c>
      <c r="IC23" s="231"/>
      <c r="ID23" s="61">
        <v>9</v>
      </c>
      <c r="IE23" s="61">
        <v>6</v>
      </c>
      <c r="IF23" s="61">
        <v>6</v>
      </c>
      <c r="IG23" s="61">
        <v>6</v>
      </c>
      <c r="IH23" s="61">
        <v>5</v>
      </c>
      <c r="II23" s="62">
        <v>32</v>
      </c>
      <c r="IJ23" s="63">
        <v>52</v>
      </c>
      <c r="IK23" s="60">
        <v>15</v>
      </c>
      <c r="IL23" s="61">
        <v>16</v>
      </c>
      <c r="IM23" s="62">
        <v>31</v>
      </c>
      <c r="IN23" s="231"/>
      <c r="IO23" s="61">
        <v>32</v>
      </c>
      <c r="IP23" s="61">
        <v>14</v>
      </c>
      <c r="IQ23" s="61">
        <v>13</v>
      </c>
      <c r="IR23" s="61">
        <v>10</v>
      </c>
      <c r="IS23" s="61">
        <v>6</v>
      </c>
      <c r="IT23" s="62">
        <v>75</v>
      </c>
      <c r="IU23" s="63">
        <v>106</v>
      </c>
      <c r="IV23" s="60">
        <v>21</v>
      </c>
      <c r="IW23" s="61">
        <v>33</v>
      </c>
      <c r="IX23" s="62">
        <v>54</v>
      </c>
      <c r="IY23" s="231"/>
      <c r="IZ23" s="61">
        <v>45</v>
      </c>
      <c r="JA23" s="61">
        <v>23</v>
      </c>
      <c r="JB23" s="61">
        <v>14</v>
      </c>
      <c r="JC23" s="61">
        <v>8</v>
      </c>
      <c r="JD23" s="61">
        <v>7</v>
      </c>
      <c r="JE23" s="62">
        <v>97</v>
      </c>
      <c r="JF23" s="63">
        <v>151</v>
      </c>
      <c r="JG23" s="60">
        <v>15</v>
      </c>
      <c r="JH23" s="61">
        <v>19</v>
      </c>
      <c r="JI23" s="62">
        <v>34</v>
      </c>
      <c r="JJ23" s="231"/>
      <c r="JK23" s="61">
        <v>35</v>
      </c>
      <c r="JL23" s="61">
        <v>25</v>
      </c>
      <c r="JM23" s="61">
        <v>11</v>
      </c>
      <c r="JN23" s="61">
        <v>14</v>
      </c>
      <c r="JO23" s="61">
        <v>6</v>
      </c>
      <c r="JP23" s="62">
        <v>91</v>
      </c>
      <c r="JQ23" s="63">
        <v>125</v>
      </c>
      <c r="JR23" s="60">
        <v>0</v>
      </c>
      <c r="JS23" s="61">
        <v>0</v>
      </c>
      <c r="JT23" s="62">
        <v>0</v>
      </c>
      <c r="JU23" s="231"/>
      <c r="JV23" s="61">
        <v>0</v>
      </c>
      <c r="JW23" s="61">
        <v>0</v>
      </c>
      <c r="JX23" s="61">
        <v>0</v>
      </c>
      <c r="JY23" s="61">
        <v>0</v>
      </c>
      <c r="JZ23" s="61">
        <v>0</v>
      </c>
      <c r="KA23" s="62">
        <v>0</v>
      </c>
      <c r="KB23" s="63">
        <v>0</v>
      </c>
      <c r="KC23" s="60">
        <v>66</v>
      </c>
      <c r="KD23" s="61">
        <v>79</v>
      </c>
      <c r="KE23" s="62">
        <v>145</v>
      </c>
      <c r="KF23" s="231"/>
      <c r="KG23" s="61">
        <v>127</v>
      </c>
      <c r="KH23" s="61">
        <v>73</v>
      </c>
      <c r="KI23" s="61">
        <v>49</v>
      </c>
      <c r="KJ23" s="61">
        <v>40</v>
      </c>
      <c r="KK23" s="61">
        <v>24</v>
      </c>
      <c r="KL23" s="62">
        <v>313</v>
      </c>
      <c r="KM23" s="63">
        <v>458</v>
      </c>
    </row>
    <row r="24" spans="2:299" ht="21" customHeight="1" x14ac:dyDescent="0.2">
      <c r="B24" s="472" t="s">
        <v>21</v>
      </c>
      <c r="C24" s="293">
        <v>55</v>
      </c>
      <c r="D24" s="72">
        <v>40</v>
      </c>
      <c r="E24" s="73">
        <v>95</v>
      </c>
      <c r="F24" s="228"/>
      <c r="G24" s="72">
        <v>68</v>
      </c>
      <c r="H24" s="72">
        <v>59</v>
      </c>
      <c r="I24" s="72">
        <v>32</v>
      </c>
      <c r="J24" s="72">
        <v>27</v>
      </c>
      <c r="K24" s="72">
        <v>28</v>
      </c>
      <c r="L24" s="74">
        <v>214</v>
      </c>
      <c r="M24" s="75">
        <v>309</v>
      </c>
      <c r="N24" s="60">
        <v>0</v>
      </c>
      <c r="O24" s="61">
        <v>0</v>
      </c>
      <c r="P24" s="62">
        <v>0</v>
      </c>
      <c r="Q24" s="231"/>
      <c r="R24" s="61">
        <v>0</v>
      </c>
      <c r="S24" s="61">
        <v>1</v>
      </c>
      <c r="T24" s="61">
        <v>2</v>
      </c>
      <c r="U24" s="61">
        <v>0</v>
      </c>
      <c r="V24" s="61">
        <v>1</v>
      </c>
      <c r="W24" s="62">
        <v>4</v>
      </c>
      <c r="X24" s="63">
        <v>4</v>
      </c>
      <c r="Y24" s="60">
        <v>1</v>
      </c>
      <c r="Z24" s="61">
        <v>1</v>
      </c>
      <c r="AA24" s="62">
        <v>2</v>
      </c>
      <c r="AB24" s="228"/>
      <c r="AC24" s="61">
        <v>4</v>
      </c>
      <c r="AD24" s="61">
        <v>2</v>
      </c>
      <c r="AE24" s="61">
        <v>3</v>
      </c>
      <c r="AF24" s="61">
        <v>3</v>
      </c>
      <c r="AG24" s="61">
        <v>0</v>
      </c>
      <c r="AH24" s="62">
        <v>12</v>
      </c>
      <c r="AI24" s="63">
        <v>14</v>
      </c>
      <c r="AJ24" s="60">
        <v>5</v>
      </c>
      <c r="AK24" s="61">
        <v>5</v>
      </c>
      <c r="AL24" s="62">
        <v>10</v>
      </c>
      <c r="AM24" s="228"/>
      <c r="AN24" s="61">
        <v>10</v>
      </c>
      <c r="AO24" s="61">
        <v>4</v>
      </c>
      <c r="AP24" s="61">
        <v>4</v>
      </c>
      <c r="AQ24" s="61">
        <v>3</v>
      </c>
      <c r="AR24" s="61">
        <v>4</v>
      </c>
      <c r="AS24" s="62">
        <v>25</v>
      </c>
      <c r="AT24" s="63">
        <v>35</v>
      </c>
      <c r="AU24" s="60">
        <v>13</v>
      </c>
      <c r="AV24" s="61">
        <v>4</v>
      </c>
      <c r="AW24" s="62">
        <v>17</v>
      </c>
      <c r="AX24" s="228"/>
      <c r="AY24" s="61">
        <v>17</v>
      </c>
      <c r="AZ24" s="61">
        <v>16</v>
      </c>
      <c r="BA24" s="61">
        <v>7</v>
      </c>
      <c r="BB24" s="61">
        <v>4</v>
      </c>
      <c r="BC24" s="61">
        <v>3</v>
      </c>
      <c r="BD24" s="62">
        <v>47</v>
      </c>
      <c r="BE24" s="63">
        <v>64</v>
      </c>
      <c r="BF24" s="60">
        <v>20</v>
      </c>
      <c r="BG24" s="61">
        <v>15</v>
      </c>
      <c r="BH24" s="62">
        <v>35</v>
      </c>
      <c r="BI24" s="231"/>
      <c r="BJ24" s="61">
        <v>24</v>
      </c>
      <c r="BK24" s="61">
        <v>15</v>
      </c>
      <c r="BL24" s="61">
        <v>7</v>
      </c>
      <c r="BM24" s="61">
        <v>6</v>
      </c>
      <c r="BN24" s="61">
        <v>11</v>
      </c>
      <c r="BO24" s="62">
        <v>63</v>
      </c>
      <c r="BP24" s="63">
        <v>98</v>
      </c>
      <c r="BQ24" s="60">
        <v>16</v>
      </c>
      <c r="BR24" s="61">
        <v>15</v>
      </c>
      <c r="BS24" s="62">
        <v>31</v>
      </c>
      <c r="BT24" s="231"/>
      <c r="BU24" s="61">
        <v>13</v>
      </c>
      <c r="BV24" s="61">
        <v>21</v>
      </c>
      <c r="BW24" s="61">
        <v>9</v>
      </c>
      <c r="BX24" s="61">
        <v>11</v>
      </c>
      <c r="BY24" s="61">
        <v>9</v>
      </c>
      <c r="BZ24" s="62">
        <v>63</v>
      </c>
      <c r="CA24" s="63">
        <v>94</v>
      </c>
      <c r="CB24" s="60">
        <v>0</v>
      </c>
      <c r="CC24" s="61">
        <v>0</v>
      </c>
      <c r="CD24" s="62">
        <v>0</v>
      </c>
      <c r="CE24" s="231"/>
      <c r="CF24" s="61">
        <v>0</v>
      </c>
      <c r="CG24" s="61">
        <v>0</v>
      </c>
      <c r="CH24" s="61">
        <v>0</v>
      </c>
      <c r="CI24" s="61">
        <v>0</v>
      </c>
      <c r="CJ24" s="61">
        <v>0</v>
      </c>
      <c r="CK24" s="62">
        <v>0</v>
      </c>
      <c r="CL24" s="63">
        <v>0</v>
      </c>
      <c r="CM24" s="60">
        <v>55</v>
      </c>
      <c r="CN24" s="61">
        <v>40</v>
      </c>
      <c r="CO24" s="62">
        <v>95</v>
      </c>
      <c r="CP24" s="231"/>
      <c r="CQ24" s="61">
        <v>68</v>
      </c>
      <c r="CR24" s="61">
        <v>59</v>
      </c>
      <c r="CS24" s="61">
        <v>32</v>
      </c>
      <c r="CT24" s="61">
        <v>27</v>
      </c>
      <c r="CU24" s="61">
        <v>28</v>
      </c>
      <c r="CV24" s="62">
        <v>214</v>
      </c>
      <c r="CW24" s="63">
        <v>309</v>
      </c>
      <c r="CX24" s="113">
        <v>7</v>
      </c>
      <c r="CY24" s="72">
        <v>7</v>
      </c>
      <c r="CZ24" s="73">
        <v>14</v>
      </c>
      <c r="DA24" s="228"/>
      <c r="DB24" s="72">
        <v>11</v>
      </c>
      <c r="DC24" s="72">
        <v>7</v>
      </c>
      <c r="DD24" s="72">
        <v>6</v>
      </c>
      <c r="DE24" s="72">
        <v>7</v>
      </c>
      <c r="DF24" s="72">
        <v>4</v>
      </c>
      <c r="DG24" s="74">
        <v>35</v>
      </c>
      <c r="DH24" s="75">
        <v>49</v>
      </c>
      <c r="DI24" s="60">
        <v>0</v>
      </c>
      <c r="DJ24" s="61">
        <v>0</v>
      </c>
      <c r="DK24" s="62">
        <v>0</v>
      </c>
      <c r="DL24" s="231"/>
      <c r="DM24" s="61">
        <v>2</v>
      </c>
      <c r="DN24" s="61">
        <v>0</v>
      </c>
      <c r="DO24" s="61">
        <v>0</v>
      </c>
      <c r="DP24" s="61">
        <v>0</v>
      </c>
      <c r="DQ24" s="61">
        <v>1</v>
      </c>
      <c r="DR24" s="62">
        <v>3</v>
      </c>
      <c r="DS24" s="63">
        <v>3</v>
      </c>
      <c r="DT24" s="60">
        <v>1</v>
      </c>
      <c r="DU24" s="61">
        <v>0</v>
      </c>
      <c r="DV24" s="62">
        <v>1</v>
      </c>
      <c r="DW24" s="231"/>
      <c r="DX24" s="61">
        <v>0</v>
      </c>
      <c r="DY24" s="61">
        <v>1</v>
      </c>
      <c r="DZ24" s="61">
        <v>0</v>
      </c>
      <c r="EA24" s="61">
        <v>0</v>
      </c>
      <c r="EB24" s="61">
        <v>0</v>
      </c>
      <c r="EC24" s="62">
        <v>1</v>
      </c>
      <c r="ED24" s="63">
        <v>2</v>
      </c>
      <c r="EE24" s="60">
        <v>1</v>
      </c>
      <c r="EF24" s="61">
        <v>2</v>
      </c>
      <c r="EG24" s="62">
        <v>3</v>
      </c>
      <c r="EH24" s="231"/>
      <c r="EI24" s="61">
        <v>0</v>
      </c>
      <c r="EJ24" s="61">
        <v>0</v>
      </c>
      <c r="EK24" s="61">
        <v>0</v>
      </c>
      <c r="EL24" s="61">
        <v>0</v>
      </c>
      <c r="EM24" s="61">
        <v>0</v>
      </c>
      <c r="EN24" s="62">
        <v>0</v>
      </c>
      <c r="EO24" s="63">
        <v>3</v>
      </c>
      <c r="EP24" s="60">
        <v>1</v>
      </c>
      <c r="EQ24" s="61">
        <v>1</v>
      </c>
      <c r="ER24" s="62">
        <v>2</v>
      </c>
      <c r="ES24" s="231"/>
      <c r="ET24" s="61">
        <v>1</v>
      </c>
      <c r="EU24" s="61">
        <v>0</v>
      </c>
      <c r="EV24" s="61">
        <v>2</v>
      </c>
      <c r="EW24" s="61">
        <v>0</v>
      </c>
      <c r="EX24" s="61">
        <v>1</v>
      </c>
      <c r="EY24" s="62">
        <v>4</v>
      </c>
      <c r="EZ24" s="63">
        <v>6</v>
      </c>
      <c r="FA24" s="60">
        <v>3</v>
      </c>
      <c r="FB24" s="61">
        <v>1</v>
      </c>
      <c r="FC24" s="62">
        <v>4</v>
      </c>
      <c r="FD24" s="231"/>
      <c r="FE24" s="61">
        <v>5</v>
      </c>
      <c r="FF24" s="61">
        <v>3</v>
      </c>
      <c r="FG24" s="61">
        <v>1</v>
      </c>
      <c r="FH24" s="61">
        <v>2</v>
      </c>
      <c r="FI24" s="61">
        <v>1</v>
      </c>
      <c r="FJ24" s="62">
        <v>12</v>
      </c>
      <c r="FK24" s="63">
        <v>16</v>
      </c>
      <c r="FL24" s="60">
        <v>1</v>
      </c>
      <c r="FM24" s="61">
        <v>3</v>
      </c>
      <c r="FN24" s="62">
        <v>4</v>
      </c>
      <c r="FO24" s="231"/>
      <c r="FP24" s="61">
        <v>3</v>
      </c>
      <c r="FQ24" s="61">
        <v>3</v>
      </c>
      <c r="FR24" s="61">
        <v>3</v>
      </c>
      <c r="FS24" s="61">
        <v>5</v>
      </c>
      <c r="FT24" s="61">
        <v>1</v>
      </c>
      <c r="FU24" s="62">
        <v>15</v>
      </c>
      <c r="FV24" s="63">
        <v>19</v>
      </c>
      <c r="FW24" s="60">
        <v>0</v>
      </c>
      <c r="FX24" s="61">
        <v>0</v>
      </c>
      <c r="FY24" s="62">
        <v>0</v>
      </c>
      <c r="FZ24" s="231"/>
      <c r="GA24" s="61">
        <v>0</v>
      </c>
      <c r="GB24" s="61">
        <v>0</v>
      </c>
      <c r="GC24" s="61">
        <v>0</v>
      </c>
      <c r="GD24" s="61">
        <v>0</v>
      </c>
      <c r="GE24" s="61">
        <v>0</v>
      </c>
      <c r="GF24" s="62">
        <v>0</v>
      </c>
      <c r="GG24" s="63">
        <v>0</v>
      </c>
      <c r="GH24" s="60">
        <v>7</v>
      </c>
      <c r="GI24" s="61">
        <v>7</v>
      </c>
      <c r="GJ24" s="62">
        <v>14</v>
      </c>
      <c r="GK24" s="231"/>
      <c r="GL24" s="61">
        <v>11</v>
      </c>
      <c r="GM24" s="61">
        <v>7</v>
      </c>
      <c r="GN24" s="61">
        <v>6</v>
      </c>
      <c r="GO24" s="61">
        <v>7</v>
      </c>
      <c r="GP24" s="61">
        <v>4</v>
      </c>
      <c r="GQ24" s="62">
        <v>35</v>
      </c>
      <c r="GR24" s="63">
        <v>49</v>
      </c>
      <c r="GS24" s="113">
        <v>62</v>
      </c>
      <c r="GT24" s="72">
        <v>47</v>
      </c>
      <c r="GU24" s="73">
        <v>109</v>
      </c>
      <c r="GV24" s="228"/>
      <c r="GW24" s="72">
        <v>79</v>
      </c>
      <c r="GX24" s="72">
        <v>66</v>
      </c>
      <c r="GY24" s="72">
        <v>38</v>
      </c>
      <c r="GZ24" s="72">
        <v>34</v>
      </c>
      <c r="HA24" s="72">
        <v>32</v>
      </c>
      <c r="HB24" s="74">
        <v>249</v>
      </c>
      <c r="HC24" s="75">
        <v>358</v>
      </c>
      <c r="HD24" s="60">
        <v>0</v>
      </c>
      <c r="HE24" s="61">
        <v>0</v>
      </c>
      <c r="HF24" s="62">
        <v>0</v>
      </c>
      <c r="HG24" s="231"/>
      <c r="HH24" s="61">
        <v>2</v>
      </c>
      <c r="HI24" s="61">
        <v>1</v>
      </c>
      <c r="HJ24" s="61">
        <v>2</v>
      </c>
      <c r="HK24" s="61">
        <v>0</v>
      </c>
      <c r="HL24" s="61">
        <v>2</v>
      </c>
      <c r="HM24" s="62">
        <v>7</v>
      </c>
      <c r="HN24" s="63">
        <v>7</v>
      </c>
      <c r="HO24" s="60">
        <v>2</v>
      </c>
      <c r="HP24" s="61">
        <v>1</v>
      </c>
      <c r="HQ24" s="62">
        <v>3</v>
      </c>
      <c r="HR24" s="231"/>
      <c r="HS24" s="61">
        <v>4</v>
      </c>
      <c r="HT24" s="61">
        <v>3</v>
      </c>
      <c r="HU24" s="61">
        <v>3</v>
      </c>
      <c r="HV24" s="61">
        <v>3</v>
      </c>
      <c r="HW24" s="61">
        <v>0</v>
      </c>
      <c r="HX24" s="62">
        <v>13</v>
      </c>
      <c r="HY24" s="63">
        <v>16</v>
      </c>
      <c r="HZ24" s="60">
        <v>6</v>
      </c>
      <c r="IA24" s="61">
        <v>7</v>
      </c>
      <c r="IB24" s="62">
        <v>13</v>
      </c>
      <c r="IC24" s="231"/>
      <c r="ID24" s="61">
        <v>10</v>
      </c>
      <c r="IE24" s="61">
        <v>4</v>
      </c>
      <c r="IF24" s="61">
        <v>4</v>
      </c>
      <c r="IG24" s="61">
        <v>3</v>
      </c>
      <c r="IH24" s="61">
        <v>4</v>
      </c>
      <c r="II24" s="62">
        <v>25</v>
      </c>
      <c r="IJ24" s="63">
        <v>38</v>
      </c>
      <c r="IK24" s="60">
        <v>14</v>
      </c>
      <c r="IL24" s="61">
        <v>5</v>
      </c>
      <c r="IM24" s="62">
        <v>19</v>
      </c>
      <c r="IN24" s="231"/>
      <c r="IO24" s="61">
        <v>18</v>
      </c>
      <c r="IP24" s="61">
        <v>16</v>
      </c>
      <c r="IQ24" s="61">
        <v>9</v>
      </c>
      <c r="IR24" s="61">
        <v>4</v>
      </c>
      <c r="IS24" s="61">
        <v>4</v>
      </c>
      <c r="IT24" s="62">
        <v>51</v>
      </c>
      <c r="IU24" s="63">
        <v>70</v>
      </c>
      <c r="IV24" s="60">
        <v>23</v>
      </c>
      <c r="IW24" s="61">
        <v>16</v>
      </c>
      <c r="IX24" s="62">
        <v>39</v>
      </c>
      <c r="IY24" s="231"/>
      <c r="IZ24" s="61">
        <v>29</v>
      </c>
      <c r="JA24" s="61">
        <v>18</v>
      </c>
      <c r="JB24" s="61">
        <v>8</v>
      </c>
      <c r="JC24" s="61">
        <v>8</v>
      </c>
      <c r="JD24" s="61">
        <v>12</v>
      </c>
      <c r="JE24" s="62">
        <v>75</v>
      </c>
      <c r="JF24" s="63">
        <v>114</v>
      </c>
      <c r="JG24" s="60">
        <v>17</v>
      </c>
      <c r="JH24" s="61">
        <v>18</v>
      </c>
      <c r="JI24" s="62">
        <v>35</v>
      </c>
      <c r="JJ24" s="231"/>
      <c r="JK24" s="61">
        <v>16</v>
      </c>
      <c r="JL24" s="61">
        <v>24</v>
      </c>
      <c r="JM24" s="61">
        <v>12</v>
      </c>
      <c r="JN24" s="61">
        <v>16</v>
      </c>
      <c r="JO24" s="61">
        <v>10</v>
      </c>
      <c r="JP24" s="62">
        <v>78</v>
      </c>
      <c r="JQ24" s="63">
        <v>113</v>
      </c>
      <c r="JR24" s="60">
        <v>0</v>
      </c>
      <c r="JS24" s="61">
        <v>0</v>
      </c>
      <c r="JT24" s="62">
        <v>0</v>
      </c>
      <c r="JU24" s="231"/>
      <c r="JV24" s="61">
        <v>0</v>
      </c>
      <c r="JW24" s="61">
        <v>0</v>
      </c>
      <c r="JX24" s="61">
        <v>0</v>
      </c>
      <c r="JY24" s="61">
        <v>0</v>
      </c>
      <c r="JZ24" s="61">
        <v>0</v>
      </c>
      <c r="KA24" s="62">
        <v>0</v>
      </c>
      <c r="KB24" s="63">
        <v>0</v>
      </c>
      <c r="KC24" s="60">
        <v>62</v>
      </c>
      <c r="KD24" s="61">
        <v>47</v>
      </c>
      <c r="KE24" s="62">
        <v>109</v>
      </c>
      <c r="KF24" s="231"/>
      <c r="KG24" s="61">
        <v>79</v>
      </c>
      <c r="KH24" s="61">
        <v>66</v>
      </c>
      <c r="KI24" s="61">
        <v>38</v>
      </c>
      <c r="KJ24" s="61">
        <v>34</v>
      </c>
      <c r="KK24" s="61">
        <v>32</v>
      </c>
      <c r="KL24" s="62">
        <v>249</v>
      </c>
      <c r="KM24" s="63">
        <v>358</v>
      </c>
    </row>
    <row r="25" spans="2:299" ht="21" customHeight="1" x14ac:dyDescent="0.2">
      <c r="B25" s="472" t="s">
        <v>22</v>
      </c>
      <c r="C25" s="293">
        <v>17</v>
      </c>
      <c r="D25" s="72">
        <v>14</v>
      </c>
      <c r="E25" s="73">
        <v>31</v>
      </c>
      <c r="F25" s="228"/>
      <c r="G25" s="72">
        <v>42</v>
      </c>
      <c r="H25" s="72">
        <v>29</v>
      </c>
      <c r="I25" s="72">
        <v>18</v>
      </c>
      <c r="J25" s="72">
        <v>15</v>
      </c>
      <c r="K25" s="72">
        <v>7</v>
      </c>
      <c r="L25" s="74">
        <v>111</v>
      </c>
      <c r="M25" s="75">
        <v>142</v>
      </c>
      <c r="N25" s="60">
        <v>0</v>
      </c>
      <c r="O25" s="61">
        <v>0</v>
      </c>
      <c r="P25" s="62">
        <v>0</v>
      </c>
      <c r="Q25" s="231"/>
      <c r="R25" s="61">
        <v>0</v>
      </c>
      <c r="S25" s="61">
        <v>0</v>
      </c>
      <c r="T25" s="61">
        <v>0</v>
      </c>
      <c r="U25" s="61">
        <v>0</v>
      </c>
      <c r="V25" s="61">
        <v>0</v>
      </c>
      <c r="W25" s="62">
        <v>0</v>
      </c>
      <c r="X25" s="63">
        <v>0</v>
      </c>
      <c r="Y25" s="60">
        <v>0</v>
      </c>
      <c r="Z25" s="61">
        <v>0</v>
      </c>
      <c r="AA25" s="62">
        <v>0</v>
      </c>
      <c r="AB25" s="228"/>
      <c r="AC25" s="61">
        <v>0</v>
      </c>
      <c r="AD25" s="61">
        <v>1</v>
      </c>
      <c r="AE25" s="61">
        <v>0</v>
      </c>
      <c r="AF25" s="61">
        <v>0</v>
      </c>
      <c r="AG25" s="61">
        <v>2</v>
      </c>
      <c r="AH25" s="62">
        <v>3</v>
      </c>
      <c r="AI25" s="63">
        <v>3</v>
      </c>
      <c r="AJ25" s="60">
        <v>0</v>
      </c>
      <c r="AK25" s="61">
        <v>1</v>
      </c>
      <c r="AL25" s="62">
        <v>1</v>
      </c>
      <c r="AM25" s="228"/>
      <c r="AN25" s="61">
        <v>5</v>
      </c>
      <c r="AO25" s="61">
        <v>6</v>
      </c>
      <c r="AP25" s="61">
        <v>3</v>
      </c>
      <c r="AQ25" s="61">
        <v>1</v>
      </c>
      <c r="AR25" s="61">
        <v>0</v>
      </c>
      <c r="AS25" s="62">
        <v>15</v>
      </c>
      <c r="AT25" s="63">
        <v>16</v>
      </c>
      <c r="AU25" s="60">
        <v>3</v>
      </c>
      <c r="AV25" s="61">
        <v>2</v>
      </c>
      <c r="AW25" s="62">
        <v>5</v>
      </c>
      <c r="AX25" s="228"/>
      <c r="AY25" s="61">
        <v>3</v>
      </c>
      <c r="AZ25" s="61">
        <v>3</v>
      </c>
      <c r="BA25" s="61">
        <v>4</v>
      </c>
      <c r="BB25" s="61">
        <v>4</v>
      </c>
      <c r="BC25" s="61">
        <v>4</v>
      </c>
      <c r="BD25" s="62">
        <v>18</v>
      </c>
      <c r="BE25" s="63">
        <v>23</v>
      </c>
      <c r="BF25" s="60">
        <v>8</v>
      </c>
      <c r="BG25" s="61">
        <v>7</v>
      </c>
      <c r="BH25" s="62">
        <v>15</v>
      </c>
      <c r="BI25" s="231"/>
      <c r="BJ25" s="61">
        <v>13</v>
      </c>
      <c r="BK25" s="61">
        <v>9</v>
      </c>
      <c r="BL25" s="61">
        <v>2</v>
      </c>
      <c r="BM25" s="61">
        <v>5</v>
      </c>
      <c r="BN25" s="61">
        <v>0</v>
      </c>
      <c r="BO25" s="62">
        <v>29</v>
      </c>
      <c r="BP25" s="63">
        <v>44</v>
      </c>
      <c r="BQ25" s="60">
        <v>6</v>
      </c>
      <c r="BR25" s="61">
        <v>4</v>
      </c>
      <c r="BS25" s="62">
        <v>10</v>
      </c>
      <c r="BT25" s="231"/>
      <c r="BU25" s="61">
        <v>21</v>
      </c>
      <c r="BV25" s="61">
        <v>10</v>
      </c>
      <c r="BW25" s="61">
        <v>9</v>
      </c>
      <c r="BX25" s="61">
        <v>5</v>
      </c>
      <c r="BY25" s="61">
        <v>1</v>
      </c>
      <c r="BZ25" s="62">
        <v>46</v>
      </c>
      <c r="CA25" s="63">
        <v>56</v>
      </c>
      <c r="CB25" s="60">
        <v>0</v>
      </c>
      <c r="CC25" s="61">
        <v>0</v>
      </c>
      <c r="CD25" s="62">
        <v>0</v>
      </c>
      <c r="CE25" s="231"/>
      <c r="CF25" s="61">
        <v>0</v>
      </c>
      <c r="CG25" s="61">
        <v>0</v>
      </c>
      <c r="CH25" s="61">
        <v>0</v>
      </c>
      <c r="CI25" s="61">
        <v>0</v>
      </c>
      <c r="CJ25" s="61">
        <v>0</v>
      </c>
      <c r="CK25" s="62">
        <v>0</v>
      </c>
      <c r="CL25" s="63">
        <v>0</v>
      </c>
      <c r="CM25" s="60">
        <v>17</v>
      </c>
      <c r="CN25" s="61">
        <v>14</v>
      </c>
      <c r="CO25" s="62">
        <v>31</v>
      </c>
      <c r="CP25" s="231"/>
      <c r="CQ25" s="61">
        <v>42</v>
      </c>
      <c r="CR25" s="61">
        <v>29</v>
      </c>
      <c r="CS25" s="61">
        <v>18</v>
      </c>
      <c r="CT25" s="61">
        <v>15</v>
      </c>
      <c r="CU25" s="61">
        <v>7</v>
      </c>
      <c r="CV25" s="62">
        <v>111</v>
      </c>
      <c r="CW25" s="63">
        <v>142</v>
      </c>
      <c r="CX25" s="113">
        <v>2</v>
      </c>
      <c r="CY25" s="72">
        <v>2</v>
      </c>
      <c r="CZ25" s="73">
        <v>4</v>
      </c>
      <c r="DA25" s="228"/>
      <c r="DB25" s="72">
        <v>7</v>
      </c>
      <c r="DC25" s="72">
        <v>6</v>
      </c>
      <c r="DD25" s="72">
        <v>2</v>
      </c>
      <c r="DE25" s="72">
        <v>3</v>
      </c>
      <c r="DF25" s="72">
        <v>0</v>
      </c>
      <c r="DG25" s="74">
        <v>18</v>
      </c>
      <c r="DH25" s="75">
        <v>22</v>
      </c>
      <c r="DI25" s="60">
        <v>0</v>
      </c>
      <c r="DJ25" s="61">
        <v>0</v>
      </c>
      <c r="DK25" s="62">
        <v>0</v>
      </c>
      <c r="DL25" s="231"/>
      <c r="DM25" s="61">
        <v>0</v>
      </c>
      <c r="DN25" s="61">
        <v>0</v>
      </c>
      <c r="DO25" s="61">
        <v>0</v>
      </c>
      <c r="DP25" s="61">
        <v>0</v>
      </c>
      <c r="DQ25" s="61">
        <v>0</v>
      </c>
      <c r="DR25" s="62">
        <v>0</v>
      </c>
      <c r="DS25" s="63">
        <v>0</v>
      </c>
      <c r="DT25" s="60">
        <v>0</v>
      </c>
      <c r="DU25" s="61">
        <v>0</v>
      </c>
      <c r="DV25" s="62">
        <v>0</v>
      </c>
      <c r="DW25" s="231"/>
      <c r="DX25" s="61">
        <v>0</v>
      </c>
      <c r="DY25" s="61">
        <v>0</v>
      </c>
      <c r="DZ25" s="61">
        <v>0</v>
      </c>
      <c r="EA25" s="61">
        <v>0</v>
      </c>
      <c r="EB25" s="61">
        <v>0</v>
      </c>
      <c r="EC25" s="62">
        <v>0</v>
      </c>
      <c r="ED25" s="63">
        <v>0</v>
      </c>
      <c r="EE25" s="60">
        <v>0</v>
      </c>
      <c r="EF25" s="61">
        <v>1</v>
      </c>
      <c r="EG25" s="62">
        <v>1</v>
      </c>
      <c r="EH25" s="231"/>
      <c r="EI25" s="61">
        <v>0</v>
      </c>
      <c r="EJ25" s="61">
        <v>2</v>
      </c>
      <c r="EK25" s="61">
        <v>1</v>
      </c>
      <c r="EL25" s="61">
        <v>0</v>
      </c>
      <c r="EM25" s="61">
        <v>0</v>
      </c>
      <c r="EN25" s="62">
        <v>3</v>
      </c>
      <c r="EO25" s="63">
        <v>4</v>
      </c>
      <c r="EP25" s="60">
        <v>2</v>
      </c>
      <c r="EQ25" s="61">
        <v>1</v>
      </c>
      <c r="ER25" s="62">
        <v>3</v>
      </c>
      <c r="ES25" s="231"/>
      <c r="ET25" s="61">
        <v>1</v>
      </c>
      <c r="EU25" s="61">
        <v>0</v>
      </c>
      <c r="EV25" s="61">
        <v>0</v>
      </c>
      <c r="EW25" s="61">
        <v>0</v>
      </c>
      <c r="EX25" s="61">
        <v>0</v>
      </c>
      <c r="EY25" s="62">
        <v>1</v>
      </c>
      <c r="EZ25" s="63">
        <v>4</v>
      </c>
      <c r="FA25" s="60">
        <v>0</v>
      </c>
      <c r="FB25" s="61">
        <v>0</v>
      </c>
      <c r="FC25" s="62">
        <v>0</v>
      </c>
      <c r="FD25" s="231"/>
      <c r="FE25" s="61">
        <v>3</v>
      </c>
      <c r="FF25" s="61">
        <v>1</v>
      </c>
      <c r="FG25" s="61">
        <v>0</v>
      </c>
      <c r="FH25" s="61">
        <v>0</v>
      </c>
      <c r="FI25" s="61">
        <v>0</v>
      </c>
      <c r="FJ25" s="62">
        <v>4</v>
      </c>
      <c r="FK25" s="63">
        <v>4</v>
      </c>
      <c r="FL25" s="60">
        <v>0</v>
      </c>
      <c r="FM25" s="61">
        <v>0</v>
      </c>
      <c r="FN25" s="62">
        <v>0</v>
      </c>
      <c r="FO25" s="231"/>
      <c r="FP25" s="61">
        <v>3</v>
      </c>
      <c r="FQ25" s="61">
        <v>3</v>
      </c>
      <c r="FR25" s="61">
        <v>1</v>
      </c>
      <c r="FS25" s="61">
        <v>3</v>
      </c>
      <c r="FT25" s="61">
        <v>0</v>
      </c>
      <c r="FU25" s="62">
        <v>10</v>
      </c>
      <c r="FV25" s="63">
        <v>10</v>
      </c>
      <c r="FW25" s="60">
        <v>0</v>
      </c>
      <c r="FX25" s="61">
        <v>0</v>
      </c>
      <c r="FY25" s="62">
        <v>0</v>
      </c>
      <c r="FZ25" s="231"/>
      <c r="GA25" s="61">
        <v>0</v>
      </c>
      <c r="GB25" s="61">
        <v>0</v>
      </c>
      <c r="GC25" s="61">
        <v>0</v>
      </c>
      <c r="GD25" s="61">
        <v>0</v>
      </c>
      <c r="GE25" s="61">
        <v>0</v>
      </c>
      <c r="GF25" s="62">
        <v>0</v>
      </c>
      <c r="GG25" s="63">
        <v>0</v>
      </c>
      <c r="GH25" s="60">
        <v>2</v>
      </c>
      <c r="GI25" s="61">
        <v>2</v>
      </c>
      <c r="GJ25" s="62">
        <v>4</v>
      </c>
      <c r="GK25" s="231"/>
      <c r="GL25" s="61">
        <v>7</v>
      </c>
      <c r="GM25" s="61">
        <v>6</v>
      </c>
      <c r="GN25" s="61">
        <v>2</v>
      </c>
      <c r="GO25" s="61">
        <v>3</v>
      </c>
      <c r="GP25" s="61">
        <v>0</v>
      </c>
      <c r="GQ25" s="62">
        <v>18</v>
      </c>
      <c r="GR25" s="63">
        <v>22</v>
      </c>
      <c r="GS25" s="113">
        <v>19</v>
      </c>
      <c r="GT25" s="72">
        <v>16</v>
      </c>
      <c r="GU25" s="73">
        <v>35</v>
      </c>
      <c r="GV25" s="228"/>
      <c r="GW25" s="72">
        <v>49</v>
      </c>
      <c r="GX25" s="72">
        <v>35</v>
      </c>
      <c r="GY25" s="72">
        <v>20</v>
      </c>
      <c r="GZ25" s="72">
        <v>18</v>
      </c>
      <c r="HA25" s="72">
        <v>7</v>
      </c>
      <c r="HB25" s="74">
        <v>129</v>
      </c>
      <c r="HC25" s="75">
        <v>164</v>
      </c>
      <c r="HD25" s="60">
        <v>0</v>
      </c>
      <c r="HE25" s="61">
        <v>0</v>
      </c>
      <c r="HF25" s="62">
        <v>0</v>
      </c>
      <c r="HG25" s="231"/>
      <c r="HH25" s="61">
        <v>0</v>
      </c>
      <c r="HI25" s="61">
        <v>0</v>
      </c>
      <c r="HJ25" s="61">
        <v>0</v>
      </c>
      <c r="HK25" s="61">
        <v>0</v>
      </c>
      <c r="HL25" s="61">
        <v>0</v>
      </c>
      <c r="HM25" s="62">
        <v>0</v>
      </c>
      <c r="HN25" s="63">
        <v>0</v>
      </c>
      <c r="HO25" s="60">
        <v>0</v>
      </c>
      <c r="HP25" s="61">
        <v>0</v>
      </c>
      <c r="HQ25" s="62">
        <v>0</v>
      </c>
      <c r="HR25" s="231"/>
      <c r="HS25" s="61">
        <v>0</v>
      </c>
      <c r="HT25" s="61">
        <v>1</v>
      </c>
      <c r="HU25" s="61">
        <v>0</v>
      </c>
      <c r="HV25" s="61">
        <v>0</v>
      </c>
      <c r="HW25" s="61">
        <v>2</v>
      </c>
      <c r="HX25" s="62">
        <v>3</v>
      </c>
      <c r="HY25" s="63">
        <v>3</v>
      </c>
      <c r="HZ25" s="60">
        <v>0</v>
      </c>
      <c r="IA25" s="61">
        <v>2</v>
      </c>
      <c r="IB25" s="62">
        <v>2</v>
      </c>
      <c r="IC25" s="231"/>
      <c r="ID25" s="61">
        <v>5</v>
      </c>
      <c r="IE25" s="61">
        <v>8</v>
      </c>
      <c r="IF25" s="61">
        <v>4</v>
      </c>
      <c r="IG25" s="61">
        <v>1</v>
      </c>
      <c r="IH25" s="61">
        <v>0</v>
      </c>
      <c r="II25" s="62">
        <v>18</v>
      </c>
      <c r="IJ25" s="63">
        <v>20</v>
      </c>
      <c r="IK25" s="60">
        <v>5</v>
      </c>
      <c r="IL25" s="61">
        <v>3</v>
      </c>
      <c r="IM25" s="62">
        <v>8</v>
      </c>
      <c r="IN25" s="231"/>
      <c r="IO25" s="61">
        <v>4</v>
      </c>
      <c r="IP25" s="61">
        <v>3</v>
      </c>
      <c r="IQ25" s="61">
        <v>4</v>
      </c>
      <c r="IR25" s="61">
        <v>4</v>
      </c>
      <c r="IS25" s="61">
        <v>4</v>
      </c>
      <c r="IT25" s="62">
        <v>19</v>
      </c>
      <c r="IU25" s="63">
        <v>27</v>
      </c>
      <c r="IV25" s="60">
        <v>8</v>
      </c>
      <c r="IW25" s="61">
        <v>7</v>
      </c>
      <c r="IX25" s="62">
        <v>15</v>
      </c>
      <c r="IY25" s="231"/>
      <c r="IZ25" s="61">
        <v>16</v>
      </c>
      <c r="JA25" s="61">
        <v>10</v>
      </c>
      <c r="JB25" s="61">
        <v>2</v>
      </c>
      <c r="JC25" s="61">
        <v>5</v>
      </c>
      <c r="JD25" s="61">
        <v>0</v>
      </c>
      <c r="JE25" s="62">
        <v>33</v>
      </c>
      <c r="JF25" s="63">
        <v>48</v>
      </c>
      <c r="JG25" s="60">
        <v>6</v>
      </c>
      <c r="JH25" s="61">
        <v>4</v>
      </c>
      <c r="JI25" s="62">
        <v>10</v>
      </c>
      <c r="JJ25" s="231"/>
      <c r="JK25" s="61">
        <v>24</v>
      </c>
      <c r="JL25" s="61">
        <v>13</v>
      </c>
      <c r="JM25" s="61">
        <v>10</v>
      </c>
      <c r="JN25" s="61">
        <v>8</v>
      </c>
      <c r="JO25" s="61">
        <v>1</v>
      </c>
      <c r="JP25" s="62">
        <v>56</v>
      </c>
      <c r="JQ25" s="63">
        <v>66</v>
      </c>
      <c r="JR25" s="60">
        <v>0</v>
      </c>
      <c r="JS25" s="61">
        <v>0</v>
      </c>
      <c r="JT25" s="62">
        <v>0</v>
      </c>
      <c r="JU25" s="231"/>
      <c r="JV25" s="61">
        <v>0</v>
      </c>
      <c r="JW25" s="61">
        <v>0</v>
      </c>
      <c r="JX25" s="61">
        <v>0</v>
      </c>
      <c r="JY25" s="61">
        <v>0</v>
      </c>
      <c r="JZ25" s="61">
        <v>0</v>
      </c>
      <c r="KA25" s="62">
        <v>0</v>
      </c>
      <c r="KB25" s="63">
        <v>0</v>
      </c>
      <c r="KC25" s="60">
        <v>19</v>
      </c>
      <c r="KD25" s="61">
        <v>16</v>
      </c>
      <c r="KE25" s="62">
        <v>35</v>
      </c>
      <c r="KF25" s="231"/>
      <c r="KG25" s="61">
        <v>49</v>
      </c>
      <c r="KH25" s="61">
        <v>35</v>
      </c>
      <c r="KI25" s="61">
        <v>20</v>
      </c>
      <c r="KJ25" s="61">
        <v>18</v>
      </c>
      <c r="KK25" s="61">
        <v>7</v>
      </c>
      <c r="KL25" s="62">
        <v>129</v>
      </c>
      <c r="KM25" s="63">
        <v>164</v>
      </c>
    </row>
    <row r="26" spans="2:299" ht="21" customHeight="1" x14ac:dyDescent="0.2">
      <c r="B26" s="472" t="s">
        <v>23</v>
      </c>
      <c r="C26" s="293">
        <v>33</v>
      </c>
      <c r="D26" s="72">
        <v>31</v>
      </c>
      <c r="E26" s="73">
        <v>64</v>
      </c>
      <c r="F26" s="228"/>
      <c r="G26" s="72">
        <v>46</v>
      </c>
      <c r="H26" s="72">
        <v>35</v>
      </c>
      <c r="I26" s="72">
        <v>26</v>
      </c>
      <c r="J26" s="72">
        <v>18</v>
      </c>
      <c r="K26" s="72">
        <v>11</v>
      </c>
      <c r="L26" s="74">
        <v>136</v>
      </c>
      <c r="M26" s="75">
        <v>200</v>
      </c>
      <c r="N26" s="60">
        <v>0</v>
      </c>
      <c r="O26" s="61">
        <v>1</v>
      </c>
      <c r="P26" s="62">
        <v>1</v>
      </c>
      <c r="Q26" s="231"/>
      <c r="R26" s="61">
        <v>0</v>
      </c>
      <c r="S26" s="61">
        <v>2</v>
      </c>
      <c r="T26" s="61">
        <v>1</v>
      </c>
      <c r="U26" s="61">
        <v>0</v>
      </c>
      <c r="V26" s="61">
        <v>1</v>
      </c>
      <c r="W26" s="62">
        <v>4</v>
      </c>
      <c r="X26" s="63">
        <v>5</v>
      </c>
      <c r="Y26" s="60">
        <v>1</v>
      </c>
      <c r="Z26" s="61">
        <v>0</v>
      </c>
      <c r="AA26" s="62">
        <v>1</v>
      </c>
      <c r="AB26" s="228"/>
      <c r="AC26" s="61">
        <v>1</v>
      </c>
      <c r="AD26" s="61">
        <v>2</v>
      </c>
      <c r="AE26" s="61">
        <v>1</v>
      </c>
      <c r="AF26" s="61">
        <v>1</v>
      </c>
      <c r="AG26" s="61">
        <v>1</v>
      </c>
      <c r="AH26" s="62">
        <v>6</v>
      </c>
      <c r="AI26" s="63">
        <v>7</v>
      </c>
      <c r="AJ26" s="60">
        <v>5</v>
      </c>
      <c r="AK26" s="61">
        <v>4</v>
      </c>
      <c r="AL26" s="62">
        <v>9</v>
      </c>
      <c r="AM26" s="228"/>
      <c r="AN26" s="61">
        <v>8</v>
      </c>
      <c r="AO26" s="61">
        <v>2</v>
      </c>
      <c r="AP26" s="61">
        <v>2</v>
      </c>
      <c r="AQ26" s="61">
        <v>3</v>
      </c>
      <c r="AR26" s="61">
        <v>1</v>
      </c>
      <c r="AS26" s="62">
        <v>16</v>
      </c>
      <c r="AT26" s="63">
        <v>25</v>
      </c>
      <c r="AU26" s="60">
        <v>9</v>
      </c>
      <c r="AV26" s="61">
        <v>15</v>
      </c>
      <c r="AW26" s="62">
        <v>24</v>
      </c>
      <c r="AX26" s="228"/>
      <c r="AY26" s="61">
        <v>9</v>
      </c>
      <c r="AZ26" s="61">
        <v>9</v>
      </c>
      <c r="BA26" s="61">
        <v>6</v>
      </c>
      <c r="BB26" s="61">
        <v>6</v>
      </c>
      <c r="BC26" s="61">
        <v>2</v>
      </c>
      <c r="BD26" s="62">
        <v>32</v>
      </c>
      <c r="BE26" s="63">
        <v>56</v>
      </c>
      <c r="BF26" s="60">
        <v>11</v>
      </c>
      <c r="BG26" s="61">
        <v>7</v>
      </c>
      <c r="BH26" s="62">
        <v>18</v>
      </c>
      <c r="BI26" s="231"/>
      <c r="BJ26" s="61">
        <v>18</v>
      </c>
      <c r="BK26" s="61">
        <v>7</v>
      </c>
      <c r="BL26" s="61">
        <v>8</v>
      </c>
      <c r="BM26" s="61">
        <v>2</v>
      </c>
      <c r="BN26" s="61">
        <v>2</v>
      </c>
      <c r="BO26" s="62">
        <v>37</v>
      </c>
      <c r="BP26" s="63">
        <v>55</v>
      </c>
      <c r="BQ26" s="60">
        <v>7</v>
      </c>
      <c r="BR26" s="61">
        <v>4</v>
      </c>
      <c r="BS26" s="62">
        <v>11</v>
      </c>
      <c r="BT26" s="231"/>
      <c r="BU26" s="61">
        <v>10</v>
      </c>
      <c r="BV26" s="61">
        <v>13</v>
      </c>
      <c r="BW26" s="61">
        <v>8</v>
      </c>
      <c r="BX26" s="61">
        <v>6</v>
      </c>
      <c r="BY26" s="61">
        <v>4</v>
      </c>
      <c r="BZ26" s="62">
        <v>41</v>
      </c>
      <c r="CA26" s="63">
        <v>52</v>
      </c>
      <c r="CB26" s="60">
        <v>0</v>
      </c>
      <c r="CC26" s="61">
        <v>0</v>
      </c>
      <c r="CD26" s="62">
        <v>0</v>
      </c>
      <c r="CE26" s="231"/>
      <c r="CF26" s="61">
        <v>0</v>
      </c>
      <c r="CG26" s="61">
        <v>0</v>
      </c>
      <c r="CH26" s="61">
        <v>0</v>
      </c>
      <c r="CI26" s="61">
        <v>0</v>
      </c>
      <c r="CJ26" s="61">
        <v>0</v>
      </c>
      <c r="CK26" s="62">
        <v>0</v>
      </c>
      <c r="CL26" s="63">
        <v>0</v>
      </c>
      <c r="CM26" s="60">
        <v>33</v>
      </c>
      <c r="CN26" s="61">
        <v>31</v>
      </c>
      <c r="CO26" s="62">
        <v>64</v>
      </c>
      <c r="CP26" s="231"/>
      <c r="CQ26" s="61">
        <v>46</v>
      </c>
      <c r="CR26" s="61">
        <v>35</v>
      </c>
      <c r="CS26" s="61">
        <v>26</v>
      </c>
      <c r="CT26" s="61">
        <v>18</v>
      </c>
      <c r="CU26" s="61">
        <v>11</v>
      </c>
      <c r="CV26" s="62">
        <v>136</v>
      </c>
      <c r="CW26" s="63">
        <v>200</v>
      </c>
      <c r="CX26" s="113">
        <v>2</v>
      </c>
      <c r="CY26" s="72">
        <v>3</v>
      </c>
      <c r="CZ26" s="73">
        <v>5</v>
      </c>
      <c r="DA26" s="228"/>
      <c r="DB26" s="72">
        <v>6</v>
      </c>
      <c r="DC26" s="72">
        <v>4</v>
      </c>
      <c r="DD26" s="72">
        <v>1</v>
      </c>
      <c r="DE26" s="72">
        <v>5</v>
      </c>
      <c r="DF26" s="72">
        <v>1</v>
      </c>
      <c r="DG26" s="74">
        <v>17</v>
      </c>
      <c r="DH26" s="75">
        <v>22</v>
      </c>
      <c r="DI26" s="60">
        <v>0</v>
      </c>
      <c r="DJ26" s="61">
        <v>0</v>
      </c>
      <c r="DK26" s="62">
        <v>0</v>
      </c>
      <c r="DL26" s="231"/>
      <c r="DM26" s="61">
        <v>0</v>
      </c>
      <c r="DN26" s="61">
        <v>0</v>
      </c>
      <c r="DO26" s="61">
        <v>0</v>
      </c>
      <c r="DP26" s="61">
        <v>1</v>
      </c>
      <c r="DQ26" s="61">
        <v>0</v>
      </c>
      <c r="DR26" s="62">
        <v>1</v>
      </c>
      <c r="DS26" s="63">
        <v>1</v>
      </c>
      <c r="DT26" s="60">
        <v>0</v>
      </c>
      <c r="DU26" s="61">
        <v>2</v>
      </c>
      <c r="DV26" s="62">
        <v>2</v>
      </c>
      <c r="DW26" s="231"/>
      <c r="DX26" s="61">
        <v>0</v>
      </c>
      <c r="DY26" s="61">
        <v>1</v>
      </c>
      <c r="DZ26" s="61">
        <v>0</v>
      </c>
      <c r="EA26" s="61">
        <v>0</v>
      </c>
      <c r="EB26" s="61">
        <v>0</v>
      </c>
      <c r="EC26" s="62">
        <v>1</v>
      </c>
      <c r="ED26" s="63">
        <v>3</v>
      </c>
      <c r="EE26" s="60">
        <v>1</v>
      </c>
      <c r="EF26" s="61">
        <v>0</v>
      </c>
      <c r="EG26" s="62">
        <v>1</v>
      </c>
      <c r="EH26" s="231"/>
      <c r="EI26" s="61">
        <v>1</v>
      </c>
      <c r="EJ26" s="61">
        <v>1</v>
      </c>
      <c r="EK26" s="61">
        <v>0</v>
      </c>
      <c r="EL26" s="61">
        <v>1</v>
      </c>
      <c r="EM26" s="61">
        <v>0</v>
      </c>
      <c r="EN26" s="62">
        <v>3</v>
      </c>
      <c r="EO26" s="63">
        <v>4</v>
      </c>
      <c r="EP26" s="60">
        <v>1</v>
      </c>
      <c r="EQ26" s="61">
        <v>0</v>
      </c>
      <c r="ER26" s="62">
        <v>1</v>
      </c>
      <c r="ES26" s="231"/>
      <c r="ET26" s="61">
        <v>2</v>
      </c>
      <c r="EU26" s="61">
        <v>0</v>
      </c>
      <c r="EV26" s="61">
        <v>0</v>
      </c>
      <c r="EW26" s="61">
        <v>0</v>
      </c>
      <c r="EX26" s="61">
        <v>0</v>
      </c>
      <c r="EY26" s="62">
        <v>2</v>
      </c>
      <c r="EZ26" s="63">
        <v>3</v>
      </c>
      <c r="FA26" s="60">
        <v>0</v>
      </c>
      <c r="FB26" s="61">
        <v>1</v>
      </c>
      <c r="FC26" s="62">
        <v>1</v>
      </c>
      <c r="FD26" s="231"/>
      <c r="FE26" s="61">
        <v>3</v>
      </c>
      <c r="FF26" s="61">
        <v>2</v>
      </c>
      <c r="FG26" s="61">
        <v>0</v>
      </c>
      <c r="FH26" s="61">
        <v>1</v>
      </c>
      <c r="FI26" s="61">
        <v>1</v>
      </c>
      <c r="FJ26" s="62">
        <v>7</v>
      </c>
      <c r="FK26" s="63">
        <v>8</v>
      </c>
      <c r="FL26" s="60">
        <v>0</v>
      </c>
      <c r="FM26" s="61">
        <v>0</v>
      </c>
      <c r="FN26" s="62">
        <v>0</v>
      </c>
      <c r="FO26" s="231"/>
      <c r="FP26" s="61">
        <v>0</v>
      </c>
      <c r="FQ26" s="61">
        <v>0</v>
      </c>
      <c r="FR26" s="61">
        <v>1</v>
      </c>
      <c r="FS26" s="61">
        <v>2</v>
      </c>
      <c r="FT26" s="61">
        <v>0</v>
      </c>
      <c r="FU26" s="62">
        <v>3</v>
      </c>
      <c r="FV26" s="63">
        <v>3</v>
      </c>
      <c r="FW26" s="60">
        <v>0</v>
      </c>
      <c r="FX26" s="61">
        <v>0</v>
      </c>
      <c r="FY26" s="62">
        <v>0</v>
      </c>
      <c r="FZ26" s="231"/>
      <c r="GA26" s="61">
        <v>0</v>
      </c>
      <c r="GB26" s="61">
        <v>0</v>
      </c>
      <c r="GC26" s="61">
        <v>0</v>
      </c>
      <c r="GD26" s="61">
        <v>0</v>
      </c>
      <c r="GE26" s="61">
        <v>0</v>
      </c>
      <c r="GF26" s="62">
        <v>0</v>
      </c>
      <c r="GG26" s="63">
        <v>0</v>
      </c>
      <c r="GH26" s="60">
        <v>2</v>
      </c>
      <c r="GI26" s="61">
        <v>3</v>
      </c>
      <c r="GJ26" s="62">
        <v>5</v>
      </c>
      <c r="GK26" s="231"/>
      <c r="GL26" s="61">
        <v>6</v>
      </c>
      <c r="GM26" s="61">
        <v>4</v>
      </c>
      <c r="GN26" s="61">
        <v>1</v>
      </c>
      <c r="GO26" s="61">
        <v>5</v>
      </c>
      <c r="GP26" s="61">
        <v>1</v>
      </c>
      <c r="GQ26" s="62">
        <v>17</v>
      </c>
      <c r="GR26" s="63">
        <v>22</v>
      </c>
      <c r="GS26" s="113">
        <v>35</v>
      </c>
      <c r="GT26" s="72">
        <v>34</v>
      </c>
      <c r="GU26" s="73">
        <v>69</v>
      </c>
      <c r="GV26" s="228"/>
      <c r="GW26" s="72">
        <v>52</v>
      </c>
      <c r="GX26" s="72">
        <v>39</v>
      </c>
      <c r="GY26" s="72">
        <v>27</v>
      </c>
      <c r="GZ26" s="72">
        <v>23</v>
      </c>
      <c r="HA26" s="72">
        <v>12</v>
      </c>
      <c r="HB26" s="74">
        <v>153</v>
      </c>
      <c r="HC26" s="75">
        <v>222</v>
      </c>
      <c r="HD26" s="60">
        <v>0</v>
      </c>
      <c r="HE26" s="61">
        <v>1</v>
      </c>
      <c r="HF26" s="62">
        <v>1</v>
      </c>
      <c r="HG26" s="231"/>
      <c r="HH26" s="61">
        <v>0</v>
      </c>
      <c r="HI26" s="61">
        <v>2</v>
      </c>
      <c r="HJ26" s="61">
        <v>1</v>
      </c>
      <c r="HK26" s="61">
        <v>1</v>
      </c>
      <c r="HL26" s="61">
        <v>1</v>
      </c>
      <c r="HM26" s="62">
        <v>5</v>
      </c>
      <c r="HN26" s="63">
        <v>6</v>
      </c>
      <c r="HO26" s="60">
        <v>1</v>
      </c>
      <c r="HP26" s="61">
        <v>2</v>
      </c>
      <c r="HQ26" s="62">
        <v>3</v>
      </c>
      <c r="HR26" s="231"/>
      <c r="HS26" s="61">
        <v>1</v>
      </c>
      <c r="HT26" s="61">
        <v>3</v>
      </c>
      <c r="HU26" s="61">
        <v>1</v>
      </c>
      <c r="HV26" s="61">
        <v>1</v>
      </c>
      <c r="HW26" s="61">
        <v>1</v>
      </c>
      <c r="HX26" s="62">
        <v>7</v>
      </c>
      <c r="HY26" s="63">
        <v>10</v>
      </c>
      <c r="HZ26" s="60">
        <v>6</v>
      </c>
      <c r="IA26" s="61">
        <v>4</v>
      </c>
      <c r="IB26" s="62">
        <v>10</v>
      </c>
      <c r="IC26" s="231"/>
      <c r="ID26" s="61">
        <v>9</v>
      </c>
      <c r="IE26" s="61">
        <v>3</v>
      </c>
      <c r="IF26" s="61">
        <v>2</v>
      </c>
      <c r="IG26" s="61">
        <v>4</v>
      </c>
      <c r="IH26" s="61">
        <v>1</v>
      </c>
      <c r="II26" s="62">
        <v>19</v>
      </c>
      <c r="IJ26" s="63">
        <v>29</v>
      </c>
      <c r="IK26" s="60">
        <v>10</v>
      </c>
      <c r="IL26" s="61">
        <v>15</v>
      </c>
      <c r="IM26" s="62">
        <v>25</v>
      </c>
      <c r="IN26" s="231"/>
      <c r="IO26" s="61">
        <v>11</v>
      </c>
      <c r="IP26" s="61">
        <v>9</v>
      </c>
      <c r="IQ26" s="61">
        <v>6</v>
      </c>
      <c r="IR26" s="61">
        <v>6</v>
      </c>
      <c r="IS26" s="61">
        <v>2</v>
      </c>
      <c r="IT26" s="62">
        <v>34</v>
      </c>
      <c r="IU26" s="63">
        <v>59</v>
      </c>
      <c r="IV26" s="60">
        <v>11</v>
      </c>
      <c r="IW26" s="61">
        <v>8</v>
      </c>
      <c r="IX26" s="62">
        <v>19</v>
      </c>
      <c r="IY26" s="231"/>
      <c r="IZ26" s="61">
        <v>21</v>
      </c>
      <c r="JA26" s="61">
        <v>9</v>
      </c>
      <c r="JB26" s="61">
        <v>8</v>
      </c>
      <c r="JC26" s="61">
        <v>3</v>
      </c>
      <c r="JD26" s="61">
        <v>3</v>
      </c>
      <c r="JE26" s="62">
        <v>44</v>
      </c>
      <c r="JF26" s="63">
        <v>63</v>
      </c>
      <c r="JG26" s="60">
        <v>7</v>
      </c>
      <c r="JH26" s="61">
        <v>4</v>
      </c>
      <c r="JI26" s="62">
        <v>11</v>
      </c>
      <c r="JJ26" s="231"/>
      <c r="JK26" s="61">
        <v>10</v>
      </c>
      <c r="JL26" s="61">
        <v>13</v>
      </c>
      <c r="JM26" s="61">
        <v>9</v>
      </c>
      <c r="JN26" s="61">
        <v>8</v>
      </c>
      <c r="JO26" s="61">
        <v>4</v>
      </c>
      <c r="JP26" s="62">
        <v>44</v>
      </c>
      <c r="JQ26" s="63">
        <v>55</v>
      </c>
      <c r="JR26" s="60">
        <v>0</v>
      </c>
      <c r="JS26" s="61">
        <v>0</v>
      </c>
      <c r="JT26" s="62">
        <v>0</v>
      </c>
      <c r="JU26" s="231"/>
      <c r="JV26" s="61">
        <v>0</v>
      </c>
      <c r="JW26" s="61">
        <v>0</v>
      </c>
      <c r="JX26" s="61">
        <v>0</v>
      </c>
      <c r="JY26" s="61">
        <v>0</v>
      </c>
      <c r="JZ26" s="61">
        <v>0</v>
      </c>
      <c r="KA26" s="62">
        <v>0</v>
      </c>
      <c r="KB26" s="63">
        <v>0</v>
      </c>
      <c r="KC26" s="60">
        <v>35</v>
      </c>
      <c r="KD26" s="61">
        <v>34</v>
      </c>
      <c r="KE26" s="62">
        <v>69</v>
      </c>
      <c r="KF26" s="231"/>
      <c r="KG26" s="61">
        <v>52</v>
      </c>
      <c r="KH26" s="61">
        <v>39</v>
      </c>
      <c r="KI26" s="61">
        <v>27</v>
      </c>
      <c r="KJ26" s="61">
        <v>23</v>
      </c>
      <c r="KK26" s="61">
        <v>12</v>
      </c>
      <c r="KL26" s="62">
        <v>153</v>
      </c>
      <c r="KM26" s="63">
        <v>222</v>
      </c>
    </row>
    <row r="27" spans="2:299" ht="21" customHeight="1" x14ac:dyDescent="0.2">
      <c r="B27" s="472" t="s">
        <v>24</v>
      </c>
      <c r="C27" s="293">
        <v>32</v>
      </c>
      <c r="D27" s="72">
        <v>21</v>
      </c>
      <c r="E27" s="73">
        <v>53</v>
      </c>
      <c r="F27" s="228"/>
      <c r="G27" s="72">
        <v>38</v>
      </c>
      <c r="H27" s="72">
        <v>31</v>
      </c>
      <c r="I27" s="72">
        <v>15</v>
      </c>
      <c r="J27" s="72">
        <v>15</v>
      </c>
      <c r="K27" s="72">
        <v>8</v>
      </c>
      <c r="L27" s="74">
        <v>107</v>
      </c>
      <c r="M27" s="75">
        <v>160</v>
      </c>
      <c r="N27" s="60">
        <v>0</v>
      </c>
      <c r="O27" s="61">
        <v>0</v>
      </c>
      <c r="P27" s="62">
        <v>0</v>
      </c>
      <c r="Q27" s="231"/>
      <c r="R27" s="61">
        <v>1</v>
      </c>
      <c r="S27" s="61">
        <v>0</v>
      </c>
      <c r="T27" s="61">
        <v>0</v>
      </c>
      <c r="U27" s="61">
        <v>0</v>
      </c>
      <c r="V27" s="61">
        <v>0</v>
      </c>
      <c r="W27" s="62">
        <v>1</v>
      </c>
      <c r="X27" s="63">
        <v>1</v>
      </c>
      <c r="Y27" s="60">
        <v>0</v>
      </c>
      <c r="Z27" s="61">
        <v>1</v>
      </c>
      <c r="AA27" s="62">
        <v>1</v>
      </c>
      <c r="AB27" s="228"/>
      <c r="AC27" s="61">
        <v>1</v>
      </c>
      <c r="AD27" s="61">
        <v>0</v>
      </c>
      <c r="AE27" s="61">
        <v>1</v>
      </c>
      <c r="AF27" s="61">
        <v>0</v>
      </c>
      <c r="AG27" s="61">
        <v>1</v>
      </c>
      <c r="AH27" s="62">
        <v>3</v>
      </c>
      <c r="AI27" s="63">
        <v>4</v>
      </c>
      <c r="AJ27" s="60">
        <v>1</v>
      </c>
      <c r="AK27" s="61">
        <v>0</v>
      </c>
      <c r="AL27" s="62">
        <v>1</v>
      </c>
      <c r="AM27" s="228"/>
      <c r="AN27" s="61">
        <v>2</v>
      </c>
      <c r="AO27" s="61">
        <v>4</v>
      </c>
      <c r="AP27" s="61">
        <v>2</v>
      </c>
      <c r="AQ27" s="61">
        <v>3</v>
      </c>
      <c r="AR27" s="61">
        <v>0</v>
      </c>
      <c r="AS27" s="62">
        <v>11</v>
      </c>
      <c r="AT27" s="63">
        <v>12</v>
      </c>
      <c r="AU27" s="60">
        <v>4</v>
      </c>
      <c r="AV27" s="61">
        <v>5</v>
      </c>
      <c r="AW27" s="62">
        <v>9</v>
      </c>
      <c r="AX27" s="228"/>
      <c r="AY27" s="61">
        <v>9</v>
      </c>
      <c r="AZ27" s="61">
        <v>6</v>
      </c>
      <c r="BA27" s="61">
        <v>1</v>
      </c>
      <c r="BB27" s="61">
        <v>1</v>
      </c>
      <c r="BC27" s="61">
        <v>3</v>
      </c>
      <c r="BD27" s="62">
        <v>20</v>
      </c>
      <c r="BE27" s="63">
        <v>29</v>
      </c>
      <c r="BF27" s="60">
        <v>15</v>
      </c>
      <c r="BG27" s="61">
        <v>7</v>
      </c>
      <c r="BH27" s="62">
        <v>22</v>
      </c>
      <c r="BI27" s="231"/>
      <c r="BJ27" s="61">
        <v>13</v>
      </c>
      <c r="BK27" s="61">
        <v>11</v>
      </c>
      <c r="BL27" s="61">
        <v>3</v>
      </c>
      <c r="BM27" s="61">
        <v>5</v>
      </c>
      <c r="BN27" s="61">
        <v>2</v>
      </c>
      <c r="BO27" s="62">
        <v>34</v>
      </c>
      <c r="BP27" s="63">
        <v>56</v>
      </c>
      <c r="BQ27" s="60">
        <v>12</v>
      </c>
      <c r="BR27" s="61">
        <v>8</v>
      </c>
      <c r="BS27" s="62">
        <v>20</v>
      </c>
      <c r="BT27" s="231"/>
      <c r="BU27" s="61">
        <v>12</v>
      </c>
      <c r="BV27" s="61">
        <v>10</v>
      </c>
      <c r="BW27" s="61">
        <v>8</v>
      </c>
      <c r="BX27" s="61">
        <v>6</v>
      </c>
      <c r="BY27" s="61">
        <v>2</v>
      </c>
      <c r="BZ27" s="62">
        <v>38</v>
      </c>
      <c r="CA27" s="63">
        <v>58</v>
      </c>
      <c r="CB27" s="60">
        <v>0</v>
      </c>
      <c r="CC27" s="61">
        <v>0</v>
      </c>
      <c r="CD27" s="62">
        <v>0</v>
      </c>
      <c r="CE27" s="231"/>
      <c r="CF27" s="61">
        <v>0</v>
      </c>
      <c r="CG27" s="61">
        <v>0</v>
      </c>
      <c r="CH27" s="61">
        <v>0</v>
      </c>
      <c r="CI27" s="61">
        <v>0</v>
      </c>
      <c r="CJ27" s="61">
        <v>0</v>
      </c>
      <c r="CK27" s="62">
        <v>0</v>
      </c>
      <c r="CL27" s="63">
        <v>0</v>
      </c>
      <c r="CM27" s="60">
        <v>32</v>
      </c>
      <c r="CN27" s="61">
        <v>21</v>
      </c>
      <c r="CO27" s="62">
        <v>53</v>
      </c>
      <c r="CP27" s="231"/>
      <c r="CQ27" s="61">
        <v>38</v>
      </c>
      <c r="CR27" s="61">
        <v>31</v>
      </c>
      <c r="CS27" s="61">
        <v>15</v>
      </c>
      <c r="CT27" s="61">
        <v>15</v>
      </c>
      <c r="CU27" s="61">
        <v>8</v>
      </c>
      <c r="CV27" s="62">
        <v>107</v>
      </c>
      <c r="CW27" s="63">
        <v>160</v>
      </c>
      <c r="CX27" s="113">
        <v>3</v>
      </c>
      <c r="CY27" s="72">
        <v>2</v>
      </c>
      <c r="CZ27" s="73">
        <v>5</v>
      </c>
      <c r="DA27" s="228"/>
      <c r="DB27" s="72">
        <v>5</v>
      </c>
      <c r="DC27" s="72">
        <v>3</v>
      </c>
      <c r="DD27" s="72">
        <v>5</v>
      </c>
      <c r="DE27" s="72">
        <v>3</v>
      </c>
      <c r="DF27" s="72">
        <v>3</v>
      </c>
      <c r="DG27" s="74">
        <v>19</v>
      </c>
      <c r="DH27" s="75">
        <v>24</v>
      </c>
      <c r="DI27" s="60">
        <v>0</v>
      </c>
      <c r="DJ27" s="61">
        <v>0</v>
      </c>
      <c r="DK27" s="62">
        <v>0</v>
      </c>
      <c r="DL27" s="231"/>
      <c r="DM27" s="61">
        <v>0</v>
      </c>
      <c r="DN27" s="61">
        <v>0</v>
      </c>
      <c r="DO27" s="61">
        <v>0</v>
      </c>
      <c r="DP27" s="61">
        <v>0</v>
      </c>
      <c r="DQ27" s="61">
        <v>0</v>
      </c>
      <c r="DR27" s="62">
        <v>0</v>
      </c>
      <c r="DS27" s="63">
        <v>0</v>
      </c>
      <c r="DT27" s="60">
        <v>0</v>
      </c>
      <c r="DU27" s="61">
        <v>0</v>
      </c>
      <c r="DV27" s="62">
        <v>0</v>
      </c>
      <c r="DW27" s="231"/>
      <c r="DX27" s="61">
        <v>0</v>
      </c>
      <c r="DY27" s="61">
        <v>0</v>
      </c>
      <c r="DZ27" s="61">
        <v>0</v>
      </c>
      <c r="EA27" s="61">
        <v>0</v>
      </c>
      <c r="EB27" s="61">
        <v>0</v>
      </c>
      <c r="EC27" s="62">
        <v>0</v>
      </c>
      <c r="ED27" s="63">
        <v>0</v>
      </c>
      <c r="EE27" s="60">
        <v>0</v>
      </c>
      <c r="EF27" s="61">
        <v>0</v>
      </c>
      <c r="EG27" s="62">
        <v>0</v>
      </c>
      <c r="EH27" s="231"/>
      <c r="EI27" s="61">
        <v>0</v>
      </c>
      <c r="EJ27" s="61">
        <v>0</v>
      </c>
      <c r="EK27" s="61">
        <v>1</v>
      </c>
      <c r="EL27" s="61">
        <v>0</v>
      </c>
      <c r="EM27" s="61">
        <v>0</v>
      </c>
      <c r="EN27" s="62">
        <v>1</v>
      </c>
      <c r="EO27" s="63">
        <v>1</v>
      </c>
      <c r="EP27" s="60">
        <v>0</v>
      </c>
      <c r="EQ27" s="61">
        <v>0</v>
      </c>
      <c r="ER27" s="62">
        <v>0</v>
      </c>
      <c r="ES27" s="231"/>
      <c r="ET27" s="61">
        <v>3</v>
      </c>
      <c r="EU27" s="61">
        <v>0</v>
      </c>
      <c r="EV27" s="61">
        <v>1</v>
      </c>
      <c r="EW27" s="61">
        <v>0</v>
      </c>
      <c r="EX27" s="61">
        <v>1</v>
      </c>
      <c r="EY27" s="62">
        <v>5</v>
      </c>
      <c r="EZ27" s="63">
        <v>5</v>
      </c>
      <c r="FA27" s="60">
        <v>2</v>
      </c>
      <c r="FB27" s="61">
        <v>2</v>
      </c>
      <c r="FC27" s="62">
        <v>4</v>
      </c>
      <c r="FD27" s="231"/>
      <c r="FE27" s="61">
        <v>0</v>
      </c>
      <c r="FF27" s="61">
        <v>2</v>
      </c>
      <c r="FG27" s="61">
        <v>1</v>
      </c>
      <c r="FH27" s="61">
        <v>1</v>
      </c>
      <c r="FI27" s="61">
        <v>1</v>
      </c>
      <c r="FJ27" s="62">
        <v>5</v>
      </c>
      <c r="FK27" s="63">
        <v>9</v>
      </c>
      <c r="FL27" s="60">
        <v>1</v>
      </c>
      <c r="FM27" s="61">
        <v>0</v>
      </c>
      <c r="FN27" s="62">
        <v>1</v>
      </c>
      <c r="FO27" s="231"/>
      <c r="FP27" s="61">
        <v>2</v>
      </c>
      <c r="FQ27" s="61">
        <v>1</v>
      </c>
      <c r="FR27" s="61">
        <v>2</v>
      </c>
      <c r="FS27" s="61">
        <v>2</v>
      </c>
      <c r="FT27" s="61">
        <v>1</v>
      </c>
      <c r="FU27" s="62">
        <v>8</v>
      </c>
      <c r="FV27" s="63">
        <v>9</v>
      </c>
      <c r="FW27" s="60">
        <v>0</v>
      </c>
      <c r="FX27" s="61">
        <v>0</v>
      </c>
      <c r="FY27" s="62">
        <v>0</v>
      </c>
      <c r="FZ27" s="231"/>
      <c r="GA27" s="61">
        <v>0</v>
      </c>
      <c r="GB27" s="61">
        <v>0</v>
      </c>
      <c r="GC27" s="61">
        <v>0</v>
      </c>
      <c r="GD27" s="61">
        <v>0</v>
      </c>
      <c r="GE27" s="61">
        <v>0</v>
      </c>
      <c r="GF27" s="62">
        <v>0</v>
      </c>
      <c r="GG27" s="63">
        <v>0</v>
      </c>
      <c r="GH27" s="60">
        <v>3</v>
      </c>
      <c r="GI27" s="61">
        <v>2</v>
      </c>
      <c r="GJ27" s="62">
        <v>5</v>
      </c>
      <c r="GK27" s="231"/>
      <c r="GL27" s="61">
        <v>5</v>
      </c>
      <c r="GM27" s="61">
        <v>3</v>
      </c>
      <c r="GN27" s="61">
        <v>5</v>
      </c>
      <c r="GO27" s="61">
        <v>3</v>
      </c>
      <c r="GP27" s="61">
        <v>3</v>
      </c>
      <c r="GQ27" s="62">
        <v>19</v>
      </c>
      <c r="GR27" s="63">
        <v>24</v>
      </c>
      <c r="GS27" s="113">
        <v>35</v>
      </c>
      <c r="GT27" s="72">
        <v>23</v>
      </c>
      <c r="GU27" s="73">
        <v>58</v>
      </c>
      <c r="GV27" s="228"/>
      <c r="GW27" s="72">
        <v>43</v>
      </c>
      <c r="GX27" s="72">
        <v>34</v>
      </c>
      <c r="GY27" s="72">
        <v>20</v>
      </c>
      <c r="GZ27" s="72">
        <v>18</v>
      </c>
      <c r="HA27" s="72">
        <v>11</v>
      </c>
      <c r="HB27" s="74">
        <v>126</v>
      </c>
      <c r="HC27" s="75">
        <v>184</v>
      </c>
      <c r="HD27" s="60">
        <v>0</v>
      </c>
      <c r="HE27" s="61">
        <v>0</v>
      </c>
      <c r="HF27" s="62">
        <v>0</v>
      </c>
      <c r="HG27" s="231"/>
      <c r="HH27" s="61">
        <v>1</v>
      </c>
      <c r="HI27" s="61">
        <v>0</v>
      </c>
      <c r="HJ27" s="61">
        <v>0</v>
      </c>
      <c r="HK27" s="61">
        <v>0</v>
      </c>
      <c r="HL27" s="61">
        <v>0</v>
      </c>
      <c r="HM27" s="62">
        <v>1</v>
      </c>
      <c r="HN27" s="63">
        <v>1</v>
      </c>
      <c r="HO27" s="60">
        <v>0</v>
      </c>
      <c r="HP27" s="61">
        <v>1</v>
      </c>
      <c r="HQ27" s="62">
        <v>1</v>
      </c>
      <c r="HR27" s="231"/>
      <c r="HS27" s="61">
        <v>1</v>
      </c>
      <c r="HT27" s="61">
        <v>0</v>
      </c>
      <c r="HU27" s="61">
        <v>1</v>
      </c>
      <c r="HV27" s="61">
        <v>0</v>
      </c>
      <c r="HW27" s="61">
        <v>1</v>
      </c>
      <c r="HX27" s="62">
        <v>3</v>
      </c>
      <c r="HY27" s="63">
        <v>4</v>
      </c>
      <c r="HZ27" s="60">
        <v>1</v>
      </c>
      <c r="IA27" s="61">
        <v>0</v>
      </c>
      <c r="IB27" s="62">
        <v>1</v>
      </c>
      <c r="IC27" s="231"/>
      <c r="ID27" s="61">
        <v>2</v>
      </c>
      <c r="IE27" s="61">
        <v>4</v>
      </c>
      <c r="IF27" s="61">
        <v>3</v>
      </c>
      <c r="IG27" s="61">
        <v>3</v>
      </c>
      <c r="IH27" s="61">
        <v>0</v>
      </c>
      <c r="II27" s="62">
        <v>12</v>
      </c>
      <c r="IJ27" s="63">
        <v>13</v>
      </c>
      <c r="IK27" s="60">
        <v>4</v>
      </c>
      <c r="IL27" s="61">
        <v>5</v>
      </c>
      <c r="IM27" s="62">
        <v>9</v>
      </c>
      <c r="IN27" s="231"/>
      <c r="IO27" s="61">
        <v>12</v>
      </c>
      <c r="IP27" s="61">
        <v>6</v>
      </c>
      <c r="IQ27" s="61">
        <v>2</v>
      </c>
      <c r="IR27" s="61">
        <v>1</v>
      </c>
      <c r="IS27" s="61">
        <v>4</v>
      </c>
      <c r="IT27" s="62">
        <v>25</v>
      </c>
      <c r="IU27" s="63">
        <v>34</v>
      </c>
      <c r="IV27" s="60">
        <v>17</v>
      </c>
      <c r="IW27" s="61">
        <v>9</v>
      </c>
      <c r="IX27" s="62">
        <v>26</v>
      </c>
      <c r="IY27" s="231"/>
      <c r="IZ27" s="61">
        <v>13</v>
      </c>
      <c r="JA27" s="61">
        <v>13</v>
      </c>
      <c r="JB27" s="61">
        <v>4</v>
      </c>
      <c r="JC27" s="61">
        <v>6</v>
      </c>
      <c r="JD27" s="61">
        <v>3</v>
      </c>
      <c r="JE27" s="62">
        <v>39</v>
      </c>
      <c r="JF27" s="63">
        <v>65</v>
      </c>
      <c r="JG27" s="60">
        <v>13</v>
      </c>
      <c r="JH27" s="61">
        <v>8</v>
      </c>
      <c r="JI27" s="62">
        <v>21</v>
      </c>
      <c r="JJ27" s="231"/>
      <c r="JK27" s="61">
        <v>14</v>
      </c>
      <c r="JL27" s="61">
        <v>11</v>
      </c>
      <c r="JM27" s="61">
        <v>10</v>
      </c>
      <c r="JN27" s="61">
        <v>8</v>
      </c>
      <c r="JO27" s="61">
        <v>3</v>
      </c>
      <c r="JP27" s="62">
        <v>46</v>
      </c>
      <c r="JQ27" s="63">
        <v>67</v>
      </c>
      <c r="JR27" s="60">
        <v>0</v>
      </c>
      <c r="JS27" s="61">
        <v>0</v>
      </c>
      <c r="JT27" s="62">
        <v>0</v>
      </c>
      <c r="JU27" s="231"/>
      <c r="JV27" s="61">
        <v>0</v>
      </c>
      <c r="JW27" s="61">
        <v>0</v>
      </c>
      <c r="JX27" s="61">
        <v>0</v>
      </c>
      <c r="JY27" s="61">
        <v>0</v>
      </c>
      <c r="JZ27" s="61">
        <v>0</v>
      </c>
      <c r="KA27" s="62">
        <v>0</v>
      </c>
      <c r="KB27" s="63">
        <v>0</v>
      </c>
      <c r="KC27" s="60">
        <v>35</v>
      </c>
      <c r="KD27" s="61">
        <v>23</v>
      </c>
      <c r="KE27" s="62">
        <v>58</v>
      </c>
      <c r="KF27" s="231"/>
      <c r="KG27" s="61">
        <v>43</v>
      </c>
      <c r="KH27" s="61">
        <v>34</v>
      </c>
      <c r="KI27" s="61">
        <v>20</v>
      </c>
      <c r="KJ27" s="61">
        <v>18</v>
      </c>
      <c r="KK27" s="61">
        <v>11</v>
      </c>
      <c r="KL27" s="62">
        <v>126</v>
      </c>
      <c r="KM27" s="63">
        <v>184</v>
      </c>
    </row>
    <row r="28" spans="2:299" ht="21" customHeight="1" x14ac:dyDescent="0.2">
      <c r="B28" s="472" t="s">
        <v>25</v>
      </c>
      <c r="C28" s="293">
        <v>16</v>
      </c>
      <c r="D28" s="72">
        <v>22</v>
      </c>
      <c r="E28" s="73">
        <v>38</v>
      </c>
      <c r="F28" s="228"/>
      <c r="G28" s="72">
        <v>30</v>
      </c>
      <c r="H28" s="72">
        <v>12</v>
      </c>
      <c r="I28" s="72">
        <v>14</v>
      </c>
      <c r="J28" s="72">
        <v>15</v>
      </c>
      <c r="K28" s="72">
        <v>7</v>
      </c>
      <c r="L28" s="74">
        <v>78</v>
      </c>
      <c r="M28" s="75">
        <v>116</v>
      </c>
      <c r="N28" s="60">
        <v>0</v>
      </c>
      <c r="O28" s="61">
        <v>0</v>
      </c>
      <c r="P28" s="62">
        <v>0</v>
      </c>
      <c r="Q28" s="231"/>
      <c r="R28" s="61">
        <v>1</v>
      </c>
      <c r="S28" s="61">
        <v>0</v>
      </c>
      <c r="T28" s="61">
        <v>0</v>
      </c>
      <c r="U28" s="61">
        <v>1</v>
      </c>
      <c r="V28" s="61">
        <v>1</v>
      </c>
      <c r="W28" s="62">
        <v>3</v>
      </c>
      <c r="X28" s="63">
        <v>3</v>
      </c>
      <c r="Y28" s="60">
        <v>2</v>
      </c>
      <c r="Z28" s="61">
        <v>3</v>
      </c>
      <c r="AA28" s="62">
        <v>5</v>
      </c>
      <c r="AB28" s="228"/>
      <c r="AC28" s="61">
        <v>2</v>
      </c>
      <c r="AD28" s="61">
        <v>0</v>
      </c>
      <c r="AE28" s="61">
        <v>0</v>
      </c>
      <c r="AF28" s="61">
        <v>3</v>
      </c>
      <c r="AG28" s="61">
        <v>0</v>
      </c>
      <c r="AH28" s="62">
        <v>5</v>
      </c>
      <c r="AI28" s="63">
        <v>10</v>
      </c>
      <c r="AJ28" s="60">
        <v>1</v>
      </c>
      <c r="AK28" s="61">
        <v>4</v>
      </c>
      <c r="AL28" s="62">
        <v>5</v>
      </c>
      <c r="AM28" s="228"/>
      <c r="AN28" s="61">
        <v>6</v>
      </c>
      <c r="AO28" s="61">
        <v>0</v>
      </c>
      <c r="AP28" s="61">
        <v>1</v>
      </c>
      <c r="AQ28" s="61">
        <v>1</v>
      </c>
      <c r="AR28" s="61">
        <v>2</v>
      </c>
      <c r="AS28" s="62">
        <v>10</v>
      </c>
      <c r="AT28" s="63">
        <v>15</v>
      </c>
      <c r="AU28" s="60">
        <v>2</v>
      </c>
      <c r="AV28" s="61">
        <v>7</v>
      </c>
      <c r="AW28" s="62">
        <v>9</v>
      </c>
      <c r="AX28" s="228"/>
      <c r="AY28" s="61">
        <v>4</v>
      </c>
      <c r="AZ28" s="61">
        <v>2</v>
      </c>
      <c r="BA28" s="61">
        <v>5</v>
      </c>
      <c r="BB28" s="61">
        <v>3</v>
      </c>
      <c r="BC28" s="61">
        <v>2</v>
      </c>
      <c r="BD28" s="62">
        <v>16</v>
      </c>
      <c r="BE28" s="63">
        <v>25</v>
      </c>
      <c r="BF28" s="60">
        <v>4</v>
      </c>
      <c r="BG28" s="61">
        <v>5</v>
      </c>
      <c r="BH28" s="62">
        <v>9</v>
      </c>
      <c r="BI28" s="231"/>
      <c r="BJ28" s="61">
        <v>9</v>
      </c>
      <c r="BK28" s="61">
        <v>4</v>
      </c>
      <c r="BL28" s="61">
        <v>5</v>
      </c>
      <c r="BM28" s="61">
        <v>3</v>
      </c>
      <c r="BN28" s="61">
        <v>1</v>
      </c>
      <c r="BO28" s="62">
        <v>22</v>
      </c>
      <c r="BP28" s="63">
        <v>31</v>
      </c>
      <c r="BQ28" s="60">
        <v>7</v>
      </c>
      <c r="BR28" s="61">
        <v>3</v>
      </c>
      <c r="BS28" s="62">
        <v>10</v>
      </c>
      <c r="BT28" s="231"/>
      <c r="BU28" s="61">
        <v>8</v>
      </c>
      <c r="BV28" s="61">
        <v>6</v>
      </c>
      <c r="BW28" s="61">
        <v>3</v>
      </c>
      <c r="BX28" s="61">
        <v>4</v>
      </c>
      <c r="BY28" s="61">
        <v>1</v>
      </c>
      <c r="BZ28" s="62">
        <v>22</v>
      </c>
      <c r="CA28" s="63">
        <v>32</v>
      </c>
      <c r="CB28" s="60">
        <v>0</v>
      </c>
      <c r="CC28" s="61">
        <v>0</v>
      </c>
      <c r="CD28" s="62">
        <v>0</v>
      </c>
      <c r="CE28" s="231"/>
      <c r="CF28" s="61">
        <v>0</v>
      </c>
      <c r="CG28" s="61">
        <v>0</v>
      </c>
      <c r="CH28" s="61">
        <v>0</v>
      </c>
      <c r="CI28" s="61">
        <v>0</v>
      </c>
      <c r="CJ28" s="61">
        <v>0</v>
      </c>
      <c r="CK28" s="62">
        <v>0</v>
      </c>
      <c r="CL28" s="63">
        <v>0</v>
      </c>
      <c r="CM28" s="60">
        <v>16</v>
      </c>
      <c r="CN28" s="61">
        <v>22</v>
      </c>
      <c r="CO28" s="62">
        <v>38</v>
      </c>
      <c r="CP28" s="231"/>
      <c r="CQ28" s="61">
        <v>30</v>
      </c>
      <c r="CR28" s="61">
        <v>12</v>
      </c>
      <c r="CS28" s="61">
        <v>14</v>
      </c>
      <c r="CT28" s="61">
        <v>15</v>
      </c>
      <c r="CU28" s="61">
        <v>7</v>
      </c>
      <c r="CV28" s="62">
        <v>78</v>
      </c>
      <c r="CW28" s="63">
        <v>116</v>
      </c>
      <c r="CX28" s="113">
        <v>2</v>
      </c>
      <c r="CY28" s="72">
        <v>3</v>
      </c>
      <c r="CZ28" s="73">
        <v>5</v>
      </c>
      <c r="DA28" s="228"/>
      <c r="DB28" s="72">
        <v>4</v>
      </c>
      <c r="DC28" s="72">
        <v>1</v>
      </c>
      <c r="DD28" s="72">
        <v>0</v>
      </c>
      <c r="DE28" s="72">
        <v>0</v>
      </c>
      <c r="DF28" s="72">
        <v>0</v>
      </c>
      <c r="DG28" s="74">
        <v>5</v>
      </c>
      <c r="DH28" s="75">
        <v>10</v>
      </c>
      <c r="DI28" s="60">
        <v>0</v>
      </c>
      <c r="DJ28" s="61">
        <v>0</v>
      </c>
      <c r="DK28" s="62">
        <v>0</v>
      </c>
      <c r="DL28" s="231"/>
      <c r="DM28" s="61">
        <v>0</v>
      </c>
      <c r="DN28" s="61">
        <v>0</v>
      </c>
      <c r="DO28" s="61">
        <v>0</v>
      </c>
      <c r="DP28" s="61">
        <v>0</v>
      </c>
      <c r="DQ28" s="61">
        <v>0</v>
      </c>
      <c r="DR28" s="62">
        <v>0</v>
      </c>
      <c r="DS28" s="63">
        <v>0</v>
      </c>
      <c r="DT28" s="60">
        <v>0</v>
      </c>
      <c r="DU28" s="61">
        <v>0</v>
      </c>
      <c r="DV28" s="62">
        <v>0</v>
      </c>
      <c r="DW28" s="231"/>
      <c r="DX28" s="61">
        <v>0</v>
      </c>
      <c r="DY28" s="61">
        <v>0</v>
      </c>
      <c r="DZ28" s="61">
        <v>0</v>
      </c>
      <c r="EA28" s="61">
        <v>0</v>
      </c>
      <c r="EB28" s="61">
        <v>0</v>
      </c>
      <c r="EC28" s="62">
        <v>0</v>
      </c>
      <c r="ED28" s="63">
        <v>0</v>
      </c>
      <c r="EE28" s="60">
        <v>0</v>
      </c>
      <c r="EF28" s="61">
        <v>0</v>
      </c>
      <c r="EG28" s="62">
        <v>0</v>
      </c>
      <c r="EH28" s="231"/>
      <c r="EI28" s="61">
        <v>0</v>
      </c>
      <c r="EJ28" s="61">
        <v>0</v>
      </c>
      <c r="EK28" s="61">
        <v>0</v>
      </c>
      <c r="EL28" s="61">
        <v>0</v>
      </c>
      <c r="EM28" s="61">
        <v>0</v>
      </c>
      <c r="EN28" s="62">
        <v>0</v>
      </c>
      <c r="EO28" s="63">
        <v>0</v>
      </c>
      <c r="EP28" s="60">
        <v>0</v>
      </c>
      <c r="EQ28" s="61">
        <v>1</v>
      </c>
      <c r="ER28" s="62">
        <v>1</v>
      </c>
      <c r="ES28" s="231"/>
      <c r="ET28" s="61">
        <v>0</v>
      </c>
      <c r="EU28" s="61">
        <v>1</v>
      </c>
      <c r="EV28" s="61">
        <v>0</v>
      </c>
      <c r="EW28" s="61">
        <v>0</v>
      </c>
      <c r="EX28" s="61">
        <v>0</v>
      </c>
      <c r="EY28" s="62">
        <v>1</v>
      </c>
      <c r="EZ28" s="63">
        <v>2</v>
      </c>
      <c r="FA28" s="60">
        <v>0</v>
      </c>
      <c r="FB28" s="61">
        <v>1</v>
      </c>
      <c r="FC28" s="62">
        <v>1</v>
      </c>
      <c r="FD28" s="231"/>
      <c r="FE28" s="61">
        <v>2</v>
      </c>
      <c r="FF28" s="61">
        <v>0</v>
      </c>
      <c r="FG28" s="61">
        <v>0</v>
      </c>
      <c r="FH28" s="61">
        <v>0</v>
      </c>
      <c r="FI28" s="61">
        <v>0</v>
      </c>
      <c r="FJ28" s="62">
        <v>2</v>
      </c>
      <c r="FK28" s="63">
        <v>3</v>
      </c>
      <c r="FL28" s="60">
        <v>2</v>
      </c>
      <c r="FM28" s="61">
        <v>1</v>
      </c>
      <c r="FN28" s="62">
        <v>3</v>
      </c>
      <c r="FO28" s="231"/>
      <c r="FP28" s="61">
        <v>2</v>
      </c>
      <c r="FQ28" s="61">
        <v>0</v>
      </c>
      <c r="FR28" s="61">
        <v>0</v>
      </c>
      <c r="FS28" s="61">
        <v>0</v>
      </c>
      <c r="FT28" s="61">
        <v>0</v>
      </c>
      <c r="FU28" s="62">
        <v>2</v>
      </c>
      <c r="FV28" s="63">
        <v>5</v>
      </c>
      <c r="FW28" s="60">
        <v>0</v>
      </c>
      <c r="FX28" s="61">
        <v>0</v>
      </c>
      <c r="FY28" s="62">
        <v>0</v>
      </c>
      <c r="FZ28" s="231"/>
      <c r="GA28" s="61">
        <v>0</v>
      </c>
      <c r="GB28" s="61">
        <v>0</v>
      </c>
      <c r="GC28" s="61">
        <v>0</v>
      </c>
      <c r="GD28" s="61">
        <v>0</v>
      </c>
      <c r="GE28" s="61">
        <v>0</v>
      </c>
      <c r="GF28" s="62">
        <v>0</v>
      </c>
      <c r="GG28" s="63">
        <v>0</v>
      </c>
      <c r="GH28" s="60">
        <v>2</v>
      </c>
      <c r="GI28" s="61">
        <v>3</v>
      </c>
      <c r="GJ28" s="62">
        <v>5</v>
      </c>
      <c r="GK28" s="231"/>
      <c r="GL28" s="61">
        <v>4</v>
      </c>
      <c r="GM28" s="61">
        <v>1</v>
      </c>
      <c r="GN28" s="61">
        <v>0</v>
      </c>
      <c r="GO28" s="61">
        <v>0</v>
      </c>
      <c r="GP28" s="61">
        <v>0</v>
      </c>
      <c r="GQ28" s="62">
        <v>5</v>
      </c>
      <c r="GR28" s="63">
        <v>10</v>
      </c>
      <c r="GS28" s="113">
        <v>18</v>
      </c>
      <c r="GT28" s="72">
        <v>25</v>
      </c>
      <c r="GU28" s="73">
        <v>43</v>
      </c>
      <c r="GV28" s="228"/>
      <c r="GW28" s="72">
        <v>34</v>
      </c>
      <c r="GX28" s="72">
        <v>13</v>
      </c>
      <c r="GY28" s="72">
        <v>14</v>
      </c>
      <c r="GZ28" s="72">
        <v>15</v>
      </c>
      <c r="HA28" s="72">
        <v>7</v>
      </c>
      <c r="HB28" s="74">
        <v>83</v>
      </c>
      <c r="HC28" s="75">
        <v>126</v>
      </c>
      <c r="HD28" s="60">
        <v>0</v>
      </c>
      <c r="HE28" s="61">
        <v>0</v>
      </c>
      <c r="HF28" s="62">
        <v>0</v>
      </c>
      <c r="HG28" s="231"/>
      <c r="HH28" s="61">
        <v>1</v>
      </c>
      <c r="HI28" s="61">
        <v>0</v>
      </c>
      <c r="HJ28" s="61">
        <v>0</v>
      </c>
      <c r="HK28" s="61">
        <v>1</v>
      </c>
      <c r="HL28" s="61">
        <v>1</v>
      </c>
      <c r="HM28" s="62">
        <v>3</v>
      </c>
      <c r="HN28" s="63">
        <v>3</v>
      </c>
      <c r="HO28" s="60">
        <v>2</v>
      </c>
      <c r="HP28" s="61">
        <v>3</v>
      </c>
      <c r="HQ28" s="62">
        <v>5</v>
      </c>
      <c r="HR28" s="231"/>
      <c r="HS28" s="61">
        <v>2</v>
      </c>
      <c r="HT28" s="61">
        <v>0</v>
      </c>
      <c r="HU28" s="61">
        <v>0</v>
      </c>
      <c r="HV28" s="61">
        <v>3</v>
      </c>
      <c r="HW28" s="61">
        <v>0</v>
      </c>
      <c r="HX28" s="62">
        <v>5</v>
      </c>
      <c r="HY28" s="63">
        <v>10</v>
      </c>
      <c r="HZ28" s="60">
        <v>1</v>
      </c>
      <c r="IA28" s="61">
        <v>4</v>
      </c>
      <c r="IB28" s="62">
        <v>5</v>
      </c>
      <c r="IC28" s="231"/>
      <c r="ID28" s="61">
        <v>6</v>
      </c>
      <c r="IE28" s="61">
        <v>0</v>
      </c>
      <c r="IF28" s="61">
        <v>1</v>
      </c>
      <c r="IG28" s="61">
        <v>1</v>
      </c>
      <c r="IH28" s="61">
        <v>2</v>
      </c>
      <c r="II28" s="62">
        <v>10</v>
      </c>
      <c r="IJ28" s="63">
        <v>15</v>
      </c>
      <c r="IK28" s="60">
        <v>2</v>
      </c>
      <c r="IL28" s="61">
        <v>8</v>
      </c>
      <c r="IM28" s="62">
        <v>10</v>
      </c>
      <c r="IN28" s="231"/>
      <c r="IO28" s="61">
        <v>4</v>
      </c>
      <c r="IP28" s="61">
        <v>3</v>
      </c>
      <c r="IQ28" s="61">
        <v>5</v>
      </c>
      <c r="IR28" s="61">
        <v>3</v>
      </c>
      <c r="IS28" s="61">
        <v>2</v>
      </c>
      <c r="IT28" s="62">
        <v>17</v>
      </c>
      <c r="IU28" s="63">
        <v>27</v>
      </c>
      <c r="IV28" s="60">
        <v>4</v>
      </c>
      <c r="IW28" s="61">
        <v>6</v>
      </c>
      <c r="IX28" s="62">
        <v>10</v>
      </c>
      <c r="IY28" s="231"/>
      <c r="IZ28" s="61">
        <v>11</v>
      </c>
      <c r="JA28" s="61">
        <v>4</v>
      </c>
      <c r="JB28" s="61">
        <v>5</v>
      </c>
      <c r="JC28" s="61">
        <v>3</v>
      </c>
      <c r="JD28" s="61">
        <v>1</v>
      </c>
      <c r="JE28" s="62">
        <v>24</v>
      </c>
      <c r="JF28" s="63">
        <v>34</v>
      </c>
      <c r="JG28" s="60">
        <v>9</v>
      </c>
      <c r="JH28" s="61">
        <v>4</v>
      </c>
      <c r="JI28" s="62">
        <v>13</v>
      </c>
      <c r="JJ28" s="231"/>
      <c r="JK28" s="61">
        <v>10</v>
      </c>
      <c r="JL28" s="61">
        <v>6</v>
      </c>
      <c r="JM28" s="61">
        <v>3</v>
      </c>
      <c r="JN28" s="61">
        <v>4</v>
      </c>
      <c r="JO28" s="61">
        <v>1</v>
      </c>
      <c r="JP28" s="62">
        <v>24</v>
      </c>
      <c r="JQ28" s="63">
        <v>37</v>
      </c>
      <c r="JR28" s="60">
        <v>0</v>
      </c>
      <c r="JS28" s="61">
        <v>0</v>
      </c>
      <c r="JT28" s="62">
        <v>0</v>
      </c>
      <c r="JU28" s="231"/>
      <c r="JV28" s="61">
        <v>0</v>
      </c>
      <c r="JW28" s="61">
        <v>0</v>
      </c>
      <c r="JX28" s="61">
        <v>0</v>
      </c>
      <c r="JY28" s="61">
        <v>0</v>
      </c>
      <c r="JZ28" s="61">
        <v>0</v>
      </c>
      <c r="KA28" s="62">
        <v>0</v>
      </c>
      <c r="KB28" s="63">
        <v>0</v>
      </c>
      <c r="KC28" s="60">
        <v>18</v>
      </c>
      <c r="KD28" s="61">
        <v>25</v>
      </c>
      <c r="KE28" s="62">
        <v>43</v>
      </c>
      <c r="KF28" s="231"/>
      <c r="KG28" s="61">
        <v>34</v>
      </c>
      <c r="KH28" s="61">
        <v>13</v>
      </c>
      <c r="KI28" s="61">
        <v>14</v>
      </c>
      <c r="KJ28" s="61">
        <v>15</v>
      </c>
      <c r="KK28" s="61">
        <v>7</v>
      </c>
      <c r="KL28" s="62">
        <v>83</v>
      </c>
      <c r="KM28" s="63">
        <v>126</v>
      </c>
    </row>
    <row r="29" spans="2:299" ht="21" customHeight="1" x14ac:dyDescent="0.2">
      <c r="B29" s="472" t="s">
        <v>26</v>
      </c>
      <c r="C29" s="293">
        <v>20</v>
      </c>
      <c r="D29" s="72">
        <v>14</v>
      </c>
      <c r="E29" s="73">
        <v>34</v>
      </c>
      <c r="F29" s="228"/>
      <c r="G29" s="72">
        <v>24</v>
      </c>
      <c r="H29" s="72">
        <v>20</v>
      </c>
      <c r="I29" s="72">
        <v>18</v>
      </c>
      <c r="J29" s="72">
        <v>11</v>
      </c>
      <c r="K29" s="72">
        <v>6</v>
      </c>
      <c r="L29" s="74">
        <v>79</v>
      </c>
      <c r="M29" s="75">
        <v>113</v>
      </c>
      <c r="N29" s="60">
        <v>0</v>
      </c>
      <c r="O29" s="61">
        <v>0</v>
      </c>
      <c r="P29" s="62">
        <v>0</v>
      </c>
      <c r="Q29" s="231"/>
      <c r="R29" s="61">
        <v>0</v>
      </c>
      <c r="S29" s="61">
        <v>0</v>
      </c>
      <c r="T29" s="61">
        <v>0</v>
      </c>
      <c r="U29" s="61">
        <v>0</v>
      </c>
      <c r="V29" s="61">
        <v>0</v>
      </c>
      <c r="W29" s="62">
        <v>0</v>
      </c>
      <c r="X29" s="63">
        <v>0</v>
      </c>
      <c r="Y29" s="60">
        <v>0</v>
      </c>
      <c r="Z29" s="61">
        <v>0</v>
      </c>
      <c r="AA29" s="62">
        <v>0</v>
      </c>
      <c r="AB29" s="228"/>
      <c r="AC29" s="61">
        <v>1</v>
      </c>
      <c r="AD29" s="61">
        <v>1</v>
      </c>
      <c r="AE29" s="61">
        <v>0</v>
      </c>
      <c r="AF29" s="61">
        <v>0</v>
      </c>
      <c r="AG29" s="61">
        <v>0</v>
      </c>
      <c r="AH29" s="62">
        <v>2</v>
      </c>
      <c r="AI29" s="63">
        <v>2</v>
      </c>
      <c r="AJ29" s="60">
        <v>1</v>
      </c>
      <c r="AK29" s="61">
        <v>2</v>
      </c>
      <c r="AL29" s="62">
        <v>3</v>
      </c>
      <c r="AM29" s="228"/>
      <c r="AN29" s="61">
        <v>1</v>
      </c>
      <c r="AO29" s="61">
        <v>1</v>
      </c>
      <c r="AP29" s="61">
        <v>1</v>
      </c>
      <c r="AQ29" s="61">
        <v>0</v>
      </c>
      <c r="AR29" s="61">
        <v>0</v>
      </c>
      <c r="AS29" s="62">
        <v>3</v>
      </c>
      <c r="AT29" s="63">
        <v>6</v>
      </c>
      <c r="AU29" s="60">
        <v>2</v>
      </c>
      <c r="AV29" s="61">
        <v>6</v>
      </c>
      <c r="AW29" s="62">
        <v>8</v>
      </c>
      <c r="AX29" s="228"/>
      <c r="AY29" s="61">
        <v>9</v>
      </c>
      <c r="AZ29" s="61">
        <v>6</v>
      </c>
      <c r="BA29" s="61">
        <v>5</v>
      </c>
      <c r="BB29" s="61">
        <v>3</v>
      </c>
      <c r="BC29" s="61">
        <v>1</v>
      </c>
      <c r="BD29" s="62">
        <v>24</v>
      </c>
      <c r="BE29" s="63">
        <v>32</v>
      </c>
      <c r="BF29" s="60">
        <v>5</v>
      </c>
      <c r="BG29" s="61">
        <v>3</v>
      </c>
      <c r="BH29" s="62">
        <v>8</v>
      </c>
      <c r="BI29" s="231"/>
      <c r="BJ29" s="61">
        <v>7</v>
      </c>
      <c r="BK29" s="61">
        <v>7</v>
      </c>
      <c r="BL29" s="61">
        <v>9</v>
      </c>
      <c r="BM29" s="61">
        <v>4</v>
      </c>
      <c r="BN29" s="61">
        <v>3</v>
      </c>
      <c r="BO29" s="62">
        <v>30</v>
      </c>
      <c r="BP29" s="63">
        <v>38</v>
      </c>
      <c r="BQ29" s="60">
        <v>12</v>
      </c>
      <c r="BR29" s="61">
        <v>3</v>
      </c>
      <c r="BS29" s="62">
        <v>15</v>
      </c>
      <c r="BT29" s="231"/>
      <c r="BU29" s="61">
        <v>6</v>
      </c>
      <c r="BV29" s="61">
        <v>5</v>
      </c>
      <c r="BW29" s="61">
        <v>3</v>
      </c>
      <c r="BX29" s="61">
        <v>4</v>
      </c>
      <c r="BY29" s="61">
        <v>2</v>
      </c>
      <c r="BZ29" s="62">
        <v>20</v>
      </c>
      <c r="CA29" s="63">
        <v>35</v>
      </c>
      <c r="CB29" s="60">
        <v>0</v>
      </c>
      <c r="CC29" s="61">
        <v>0</v>
      </c>
      <c r="CD29" s="62">
        <v>0</v>
      </c>
      <c r="CE29" s="231"/>
      <c r="CF29" s="61">
        <v>0</v>
      </c>
      <c r="CG29" s="61">
        <v>0</v>
      </c>
      <c r="CH29" s="61">
        <v>0</v>
      </c>
      <c r="CI29" s="61">
        <v>0</v>
      </c>
      <c r="CJ29" s="61">
        <v>0</v>
      </c>
      <c r="CK29" s="62">
        <v>0</v>
      </c>
      <c r="CL29" s="63">
        <v>0</v>
      </c>
      <c r="CM29" s="60">
        <v>20</v>
      </c>
      <c r="CN29" s="61">
        <v>14</v>
      </c>
      <c r="CO29" s="62">
        <v>34</v>
      </c>
      <c r="CP29" s="231"/>
      <c r="CQ29" s="61">
        <v>24</v>
      </c>
      <c r="CR29" s="61">
        <v>20</v>
      </c>
      <c r="CS29" s="61">
        <v>18</v>
      </c>
      <c r="CT29" s="61">
        <v>11</v>
      </c>
      <c r="CU29" s="61">
        <v>6</v>
      </c>
      <c r="CV29" s="62">
        <v>79</v>
      </c>
      <c r="CW29" s="63">
        <v>113</v>
      </c>
      <c r="CX29" s="113">
        <v>4</v>
      </c>
      <c r="CY29" s="72">
        <v>2</v>
      </c>
      <c r="CZ29" s="73">
        <v>6</v>
      </c>
      <c r="DA29" s="228"/>
      <c r="DB29" s="72">
        <v>4</v>
      </c>
      <c r="DC29" s="72">
        <v>2</v>
      </c>
      <c r="DD29" s="72">
        <v>3</v>
      </c>
      <c r="DE29" s="72">
        <v>1</v>
      </c>
      <c r="DF29" s="72">
        <v>0</v>
      </c>
      <c r="DG29" s="74">
        <v>10</v>
      </c>
      <c r="DH29" s="75">
        <v>16</v>
      </c>
      <c r="DI29" s="60">
        <v>0</v>
      </c>
      <c r="DJ29" s="61">
        <v>0</v>
      </c>
      <c r="DK29" s="62">
        <v>0</v>
      </c>
      <c r="DL29" s="231"/>
      <c r="DM29" s="61">
        <v>1</v>
      </c>
      <c r="DN29" s="61">
        <v>0</v>
      </c>
      <c r="DO29" s="61">
        <v>0</v>
      </c>
      <c r="DP29" s="61">
        <v>1</v>
      </c>
      <c r="DQ29" s="61">
        <v>0</v>
      </c>
      <c r="DR29" s="62">
        <v>2</v>
      </c>
      <c r="DS29" s="63">
        <v>2</v>
      </c>
      <c r="DT29" s="60">
        <v>2</v>
      </c>
      <c r="DU29" s="61">
        <v>0</v>
      </c>
      <c r="DV29" s="62">
        <v>2</v>
      </c>
      <c r="DW29" s="231"/>
      <c r="DX29" s="61">
        <v>0</v>
      </c>
      <c r="DY29" s="61">
        <v>0</v>
      </c>
      <c r="DZ29" s="61">
        <v>0</v>
      </c>
      <c r="EA29" s="61">
        <v>0</v>
      </c>
      <c r="EB29" s="61">
        <v>0</v>
      </c>
      <c r="EC29" s="62">
        <v>0</v>
      </c>
      <c r="ED29" s="63">
        <v>2</v>
      </c>
      <c r="EE29" s="60">
        <v>1</v>
      </c>
      <c r="EF29" s="61">
        <v>0</v>
      </c>
      <c r="EG29" s="62">
        <v>1</v>
      </c>
      <c r="EH29" s="231"/>
      <c r="EI29" s="61">
        <v>0</v>
      </c>
      <c r="EJ29" s="61">
        <v>0</v>
      </c>
      <c r="EK29" s="61">
        <v>0</v>
      </c>
      <c r="EL29" s="61">
        <v>0</v>
      </c>
      <c r="EM29" s="61">
        <v>0</v>
      </c>
      <c r="EN29" s="62">
        <v>0</v>
      </c>
      <c r="EO29" s="63">
        <v>1</v>
      </c>
      <c r="EP29" s="60">
        <v>0</v>
      </c>
      <c r="EQ29" s="61">
        <v>0</v>
      </c>
      <c r="ER29" s="62">
        <v>0</v>
      </c>
      <c r="ES29" s="231"/>
      <c r="ET29" s="61">
        <v>1</v>
      </c>
      <c r="EU29" s="61">
        <v>0</v>
      </c>
      <c r="EV29" s="61">
        <v>0</v>
      </c>
      <c r="EW29" s="61">
        <v>0</v>
      </c>
      <c r="EX29" s="61">
        <v>0</v>
      </c>
      <c r="EY29" s="62">
        <v>1</v>
      </c>
      <c r="EZ29" s="63">
        <v>1</v>
      </c>
      <c r="FA29" s="60">
        <v>0</v>
      </c>
      <c r="FB29" s="61">
        <v>0</v>
      </c>
      <c r="FC29" s="62">
        <v>0</v>
      </c>
      <c r="FD29" s="231"/>
      <c r="FE29" s="61">
        <v>1</v>
      </c>
      <c r="FF29" s="61">
        <v>1</v>
      </c>
      <c r="FG29" s="61">
        <v>0</v>
      </c>
      <c r="FH29" s="61">
        <v>0</v>
      </c>
      <c r="FI29" s="61">
        <v>0</v>
      </c>
      <c r="FJ29" s="62">
        <v>2</v>
      </c>
      <c r="FK29" s="63">
        <v>2</v>
      </c>
      <c r="FL29" s="60">
        <v>1</v>
      </c>
      <c r="FM29" s="61">
        <v>2</v>
      </c>
      <c r="FN29" s="62">
        <v>3</v>
      </c>
      <c r="FO29" s="231"/>
      <c r="FP29" s="61">
        <v>1</v>
      </c>
      <c r="FQ29" s="61">
        <v>1</v>
      </c>
      <c r="FR29" s="61">
        <v>3</v>
      </c>
      <c r="FS29" s="61">
        <v>0</v>
      </c>
      <c r="FT29" s="61">
        <v>0</v>
      </c>
      <c r="FU29" s="62">
        <v>5</v>
      </c>
      <c r="FV29" s="63">
        <v>8</v>
      </c>
      <c r="FW29" s="60">
        <v>0</v>
      </c>
      <c r="FX29" s="61">
        <v>0</v>
      </c>
      <c r="FY29" s="62">
        <v>0</v>
      </c>
      <c r="FZ29" s="231"/>
      <c r="GA29" s="61">
        <v>0</v>
      </c>
      <c r="GB29" s="61">
        <v>0</v>
      </c>
      <c r="GC29" s="61">
        <v>0</v>
      </c>
      <c r="GD29" s="61">
        <v>0</v>
      </c>
      <c r="GE29" s="61">
        <v>0</v>
      </c>
      <c r="GF29" s="62">
        <v>0</v>
      </c>
      <c r="GG29" s="63">
        <v>0</v>
      </c>
      <c r="GH29" s="60">
        <v>4</v>
      </c>
      <c r="GI29" s="61">
        <v>2</v>
      </c>
      <c r="GJ29" s="62">
        <v>6</v>
      </c>
      <c r="GK29" s="231"/>
      <c r="GL29" s="61">
        <v>4</v>
      </c>
      <c r="GM29" s="61">
        <v>2</v>
      </c>
      <c r="GN29" s="61">
        <v>3</v>
      </c>
      <c r="GO29" s="61">
        <v>1</v>
      </c>
      <c r="GP29" s="61">
        <v>0</v>
      </c>
      <c r="GQ29" s="62">
        <v>10</v>
      </c>
      <c r="GR29" s="63">
        <v>16</v>
      </c>
      <c r="GS29" s="113">
        <v>24</v>
      </c>
      <c r="GT29" s="72">
        <v>16</v>
      </c>
      <c r="GU29" s="73">
        <v>40</v>
      </c>
      <c r="GV29" s="228"/>
      <c r="GW29" s="72">
        <v>28</v>
      </c>
      <c r="GX29" s="72">
        <v>22</v>
      </c>
      <c r="GY29" s="72">
        <v>21</v>
      </c>
      <c r="GZ29" s="72">
        <v>12</v>
      </c>
      <c r="HA29" s="72">
        <v>6</v>
      </c>
      <c r="HB29" s="74">
        <v>89</v>
      </c>
      <c r="HC29" s="75">
        <v>129</v>
      </c>
      <c r="HD29" s="60">
        <v>0</v>
      </c>
      <c r="HE29" s="61">
        <v>0</v>
      </c>
      <c r="HF29" s="62">
        <v>0</v>
      </c>
      <c r="HG29" s="231"/>
      <c r="HH29" s="61">
        <v>1</v>
      </c>
      <c r="HI29" s="61">
        <v>0</v>
      </c>
      <c r="HJ29" s="61">
        <v>0</v>
      </c>
      <c r="HK29" s="61">
        <v>1</v>
      </c>
      <c r="HL29" s="61">
        <v>0</v>
      </c>
      <c r="HM29" s="62">
        <v>2</v>
      </c>
      <c r="HN29" s="63">
        <v>2</v>
      </c>
      <c r="HO29" s="60">
        <v>2</v>
      </c>
      <c r="HP29" s="61">
        <v>0</v>
      </c>
      <c r="HQ29" s="62">
        <v>2</v>
      </c>
      <c r="HR29" s="231"/>
      <c r="HS29" s="61">
        <v>1</v>
      </c>
      <c r="HT29" s="61">
        <v>1</v>
      </c>
      <c r="HU29" s="61">
        <v>0</v>
      </c>
      <c r="HV29" s="61">
        <v>0</v>
      </c>
      <c r="HW29" s="61">
        <v>0</v>
      </c>
      <c r="HX29" s="62">
        <v>2</v>
      </c>
      <c r="HY29" s="63">
        <v>4</v>
      </c>
      <c r="HZ29" s="60">
        <v>2</v>
      </c>
      <c r="IA29" s="61">
        <v>2</v>
      </c>
      <c r="IB29" s="62">
        <v>4</v>
      </c>
      <c r="IC29" s="231"/>
      <c r="ID29" s="61">
        <v>1</v>
      </c>
      <c r="IE29" s="61">
        <v>1</v>
      </c>
      <c r="IF29" s="61">
        <v>1</v>
      </c>
      <c r="IG29" s="61">
        <v>0</v>
      </c>
      <c r="IH29" s="61">
        <v>0</v>
      </c>
      <c r="II29" s="62">
        <v>3</v>
      </c>
      <c r="IJ29" s="63">
        <v>7</v>
      </c>
      <c r="IK29" s="60">
        <v>2</v>
      </c>
      <c r="IL29" s="61">
        <v>6</v>
      </c>
      <c r="IM29" s="62">
        <v>8</v>
      </c>
      <c r="IN29" s="231"/>
      <c r="IO29" s="61">
        <v>10</v>
      </c>
      <c r="IP29" s="61">
        <v>6</v>
      </c>
      <c r="IQ29" s="61">
        <v>5</v>
      </c>
      <c r="IR29" s="61">
        <v>3</v>
      </c>
      <c r="IS29" s="61">
        <v>1</v>
      </c>
      <c r="IT29" s="62">
        <v>25</v>
      </c>
      <c r="IU29" s="63">
        <v>33</v>
      </c>
      <c r="IV29" s="60">
        <v>5</v>
      </c>
      <c r="IW29" s="61">
        <v>3</v>
      </c>
      <c r="IX29" s="62">
        <v>8</v>
      </c>
      <c r="IY29" s="231"/>
      <c r="IZ29" s="61">
        <v>8</v>
      </c>
      <c r="JA29" s="61">
        <v>8</v>
      </c>
      <c r="JB29" s="61">
        <v>9</v>
      </c>
      <c r="JC29" s="61">
        <v>4</v>
      </c>
      <c r="JD29" s="61">
        <v>3</v>
      </c>
      <c r="JE29" s="62">
        <v>32</v>
      </c>
      <c r="JF29" s="63">
        <v>40</v>
      </c>
      <c r="JG29" s="60">
        <v>13</v>
      </c>
      <c r="JH29" s="61">
        <v>5</v>
      </c>
      <c r="JI29" s="62">
        <v>18</v>
      </c>
      <c r="JJ29" s="231"/>
      <c r="JK29" s="61">
        <v>7</v>
      </c>
      <c r="JL29" s="61">
        <v>6</v>
      </c>
      <c r="JM29" s="61">
        <v>6</v>
      </c>
      <c r="JN29" s="61">
        <v>4</v>
      </c>
      <c r="JO29" s="61">
        <v>2</v>
      </c>
      <c r="JP29" s="62">
        <v>25</v>
      </c>
      <c r="JQ29" s="63">
        <v>43</v>
      </c>
      <c r="JR29" s="60">
        <v>0</v>
      </c>
      <c r="JS29" s="61">
        <v>0</v>
      </c>
      <c r="JT29" s="62">
        <v>0</v>
      </c>
      <c r="JU29" s="231"/>
      <c r="JV29" s="61">
        <v>0</v>
      </c>
      <c r="JW29" s="61">
        <v>0</v>
      </c>
      <c r="JX29" s="61">
        <v>0</v>
      </c>
      <c r="JY29" s="61">
        <v>0</v>
      </c>
      <c r="JZ29" s="61">
        <v>0</v>
      </c>
      <c r="KA29" s="62">
        <v>0</v>
      </c>
      <c r="KB29" s="63">
        <v>0</v>
      </c>
      <c r="KC29" s="60">
        <v>24</v>
      </c>
      <c r="KD29" s="61">
        <v>16</v>
      </c>
      <c r="KE29" s="62">
        <v>40</v>
      </c>
      <c r="KF29" s="231"/>
      <c r="KG29" s="61">
        <v>28</v>
      </c>
      <c r="KH29" s="61">
        <v>22</v>
      </c>
      <c r="KI29" s="61">
        <v>21</v>
      </c>
      <c r="KJ29" s="61">
        <v>12</v>
      </c>
      <c r="KK29" s="61">
        <v>6</v>
      </c>
      <c r="KL29" s="62">
        <v>89</v>
      </c>
      <c r="KM29" s="63">
        <v>129</v>
      </c>
    </row>
    <row r="30" spans="2:299" ht="21" customHeight="1" x14ac:dyDescent="0.2">
      <c r="B30" s="472" t="s">
        <v>27</v>
      </c>
      <c r="C30" s="293">
        <v>22</v>
      </c>
      <c r="D30" s="72">
        <v>21</v>
      </c>
      <c r="E30" s="73">
        <v>43</v>
      </c>
      <c r="F30" s="228"/>
      <c r="G30" s="72">
        <v>17</v>
      </c>
      <c r="H30" s="72">
        <v>20</v>
      </c>
      <c r="I30" s="72">
        <v>12</v>
      </c>
      <c r="J30" s="72">
        <v>12</v>
      </c>
      <c r="K30" s="72">
        <v>6</v>
      </c>
      <c r="L30" s="74">
        <v>67</v>
      </c>
      <c r="M30" s="75">
        <v>110</v>
      </c>
      <c r="N30" s="60">
        <v>0</v>
      </c>
      <c r="O30" s="61">
        <v>0</v>
      </c>
      <c r="P30" s="62">
        <v>0</v>
      </c>
      <c r="Q30" s="231"/>
      <c r="R30" s="61">
        <v>0</v>
      </c>
      <c r="S30" s="61">
        <v>1</v>
      </c>
      <c r="T30" s="61">
        <v>0</v>
      </c>
      <c r="U30" s="61">
        <v>0</v>
      </c>
      <c r="V30" s="61">
        <v>0</v>
      </c>
      <c r="W30" s="62">
        <v>1</v>
      </c>
      <c r="X30" s="63">
        <v>1</v>
      </c>
      <c r="Y30" s="60">
        <v>0</v>
      </c>
      <c r="Z30" s="61">
        <v>2</v>
      </c>
      <c r="AA30" s="62">
        <v>2</v>
      </c>
      <c r="AB30" s="228"/>
      <c r="AC30" s="61">
        <v>2</v>
      </c>
      <c r="AD30" s="61">
        <v>0</v>
      </c>
      <c r="AE30" s="61">
        <v>0</v>
      </c>
      <c r="AF30" s="61">
        <v>0</v>
      </c>
      <c r="AG30" s="61">
        <v>0</v>
      </c>
      <c r="AH30" s="62">
        <v>2</v>
      </c>
      <c r="AI30" s="63">
        <v>4</v>
      </c>
      <c r="AJ30" s="60">
        <v>2</v>
      </c>
      <c r="AK30" s="61">
        <v>3</v>
      </c>
      <c r="AL30" s="62">
        <v>5</v>
      </c>
      <c r="AM30" s="228"/>
      <c r="AN30" s="61">
        <v>0</v>
      </c>
      <c r="AO30" s="61">
        <v>1</v>
      </c>
      <c r="AP30" s="61">
        <v>0</v>
      </c>
      <c r="AQ30" s="61">
        <v>0</v>
      </c>
      <c r="AR30" s="61">
        <v>1</v>
      </c>
      <c r="AS30" s="62">
        <v>2</v>
      </c>
      <c r="AT30" s="63">
        <v>7</v>
      </c>
      <c r="AU30" s="60">
        <v>8</v>
      </c>
      <c r="AV30" s="61">
        <v>4</v>
      </c>
      <c r="AW30" s="62">
        <v>12</v>
      </c>
      <c r="AX30" s="228"/>
      <c r="AY30" s="61">
        <v>4</v>
      </c>
      <c r="AZ30" s="61">
        <v>5</v>
      </c>
      <c r="BA30" s="61">
        <v>3</v>
      </c>
      <c r="BB30" s="61">
        <v>0</v>
      </c>
      <c r="BC30" s="61">
        <v>1</v>
      </c>
      <c r="BD30" s="62">
        <v>13</v>
      </c>
      <c r="BE30" s="63">
        <v>25</v>
      </c>
      <c r="BF30" s="60">
        <v>5</v>
      </c>
      <c r="BG30" s="61">
        <v>3</v>
      </c>
      <c r="BH30" s="62">
        <v>8</v>
      </c>
      <c r="BI30" s="231"/>
      <c r="BJ30" s="61">
        <v>4</v>
      </c>
      <c r="BK30" s="61">
        <v>5</v>
      </c>
      <c r="BL30" s="61">
        <v>4</v>
      </c>
      <c r="BM30" s="61">
        <v>4</v>
      </c>
      <c r="BN30" s="61">
        <v>2</v>
      </c>
      <c r="BO30" s="62">
        <v>19</v>
      </c>
      <c r="BP30" s="63">
        <v>27</v>
      </c>
      <c r="BQ30" s="60">
        <v>7</v>
      </c>
      <c r="BR30" s="61">
        <v>9</v>
      </c>
      <c r="BS30" s="62">
        <v>16</v>
      </c>
      <c r="BT30" s="231"/>
      <c r="BU30" s="61">
        <v>7</v>
      </c>
      <c r="BV30" s="61">
        <v>8</v>
      </c>
      <c r="BW30" s="61">
        <v>5</v>
      </c>
      <c r="BX30" s="61">
        <v>8</v>
      </c>
      <c r="BY30" s="61">
        <v>2</v>
      </c>
      <c r="BZ30" s="62">
        <v>30</v>
      </c>
      <c r="CA30" s="63">
        <v>46</v>
      </c>
      <c r="CB30" s="60">
        <v>0</v>
      </c>
      <c r="CC30" s="61">
        <v>0</v>
      </c>
      <c r="CD30" s="62">
        <v>0</v>
      </c>
      <c r="CE30" s="231"/>
      <c r="CF30" s="61">
        <v>0</v>
      </c>
      <c r="CG30" s="61">
        <v>0</v>
      </c>
      <c r="CH30" s="61">
        <v>0</v>
      </c>
      <c r="CI30" s="61">
        <v>0</v>
      </c>
      <c r="CJ30" s="61">
        <v>0</v>
      </c>
      <c r="CK30" s="62">
        <v>0</v>
      </c>
      <c r="CL30" s="63">
        <v>0</v>
      </c>
      <c r="CM30" s="60">
        <v>22</v>
      </c>
      <c r="CN30" s="61">
        <v>21</v>
      </c>
      <c r="CO30" s="62">
        <v>43</v>
      </c>
      <c r="CP30" s="231"/>
      <c r="CQ30" s="61">
        <v>17</v>
      </c>
      <c r="CR30" s="61">
        <v>20</v>
      </c>
      <c r="CS30" s="61">
        <v>12</v>
      </c>
      <c r="CT30" s="61">
        <v>12</v>
      </c>
      <c r="CU30" s="61">
        <v>6</v>
      </c>
      <c r="CV30" s="62">
        <v>67</v>
      </c>
      <c r="CW30" s="63">
        <v>110</v>
      </c>
      <c r="CX30" s="113">
        <v>1</v>
      </c>
      <c r="CY30" s="72">
        <v>5</v>
      </c>
      <c r="CZ30" s="73">
        <v>6</v>
      </c>
      <c r="DA30" s="228"/>
      <c r="DB30" s="72">
        <v>3</v>
      </c>
      <c r="DC30" s="72">
        <v>2</v>
      </c>
      <c r="DD30" s="72">
        <v>2</v>
      </c>
      <c r="DE30" s="72">
        <v>2</v>
      </c>
      <c r="DF30" s="72">
        <v>1</v>
      </c>
      <c r="DG30" s="74">
        <v>10</v>
      </c>
      <c r="DH30" s="75">
        <v>16</v>
      </c>
      <c r="DI30" s="60">
        <v>0</v>
      </c>
      <c r="DJ30" s="61">
        <v>0</v>
      </c>
      <c r="DK30" s="62">
        <v>0</v>
      </c>
      <c r="DL30" s="231"/>
      <c r="DM30" s="61">
        <v>0</v>
      </c>
      <c r="DN30" s="61">
        <v>0</v>
      </c>
      <c r="DO30" s="61">
        <v>0</v>
      </c>
      <c r="DP30" s="61">
        <v>0</v>
      </c>
      <c r="DQ30" s="61">
        <v>0</v>
      </c>
      <c r="DR30" s="62">
        <v>0</v>
      </c>
      <c r="DS30" s="63">
        <v>0</v>
      </c>
      <c r="DT30" s="60">
        <v>0</v>
      </c>
      <c r="DU30" s="61">
        <v>0</v>
      </c>
      <c r="DV30" s="62">
        <v>0</v>
      </c>
      <c r="DW30" s="231"/>
      <c r="DX30" s="61">
        <v>0</v>
      </c>
      <c r="DY30" s="61">
        <v>0</v>
      </c>
      <c r="DZ30" s="61">
        <v>1</v>
      </c>
      <c r="EA30" s="61">
        <v>0</v>
      </c>
      <c r="EB30" s="61">
        <v>0</v>
      </c>
      <c r="EC30" s="62">
        <v>1</v>
      </c>
      <c r="ED30" s="63">
        <v>1</v>
      </c>
      <c r="EE30" s="60">
        <v>0</v>
      </c>
      <c r="EF30" s="61">
        <v>0</v>
      </c>
      <c r="EG30" s="62">
        <v>0</v>
      </c>
      <c r="EH30" s="231"/>
      <c r="EI30" s="61">
        <v>0</v>
      </c>
      <c r="EJ30" s="61">
        <v>0</v>
      </c>
      <c r="EK30" s="61">
        <v>0</v>
      </c>
      <c r="EL30" s="61">
        <v>0</v>
      </c>
      <c r="EM30" s="61">
        <v>0</v>
      </c>
      <c r="EN30" s="62">
        <v>0</v>
      </c>
      <c r="EO30" s="63">
        <v>0</v>
      </c>
      <c r="EP30" s="60">
        <v>0</v>
      </c>
      <c r="EQ30" s="61">
        <v>0</v>
      </c>
      <c r="ER30" s="62">
        <v>0</v>
      </c>
      <c r="ES30" s="231"/>
      <c r="ET30" s="61">
        <v>1</v>
      </c>
      <c r="EU30" s="61">
        <v>0</v>
      </c>
      <c r="EV30" s="61">
        <v>0</v>
      </c>
      <c r="EW30" s="61">
        <v>0</v>
      </c>
      <c r="EX30" s="61">
        <v>0</v>
      </c>
      <c r="EY30" s="62">
        <v>1</v>
      </c>
      <c r="EZ30" s="63">
        <v>1</v>
      </c>
      <c r="FA30" s="60">
        <v>0</v>
      </c>
      <c r="FB30" s="61">
        <v>1</v>
      </c>
      <c r="FC30" s="62">
        <v>1</v>
      </c>
      <c r="FD30" s="231"/>
      <c r="FE30" s="61">
        <v>2</v>
      </c>
      <c r="FF30" s="61">
        <v>1</v>
      </c>
      <c r="FG30" s="61">
        <v>0</v>
      </c>
      <c r="FH30" s="61">
        <v>0</v>
      </c>
      <c r="FI30" s="61">
        <v>0</v>
      </c>
      <c r="FJ30" s="62">
        <v>3</v>
      </c>
      <c r="FK30" s="63">
        <v>4</v>
      </c>
      <c r="FL30" s="60">
        <v>1</v>
      </c>
      <c r="FM30" s="61">
        <v>4</v>
      </c>
      <c r="FN30" s="62">
        <v>5</v>
      </c>
      <c r="FO30" s="231"/>
      <c r="FP30" s="61">
        <v>0</v>
      </c>
      <c r="FQ30" s="61">
        <v>1</v>
      </c>
      <c r="FR30" s="61">
        <v>1</v>
      </c>
      <c r="FS30" s="61">
        <v>2</v>
      </c>
      <c r="FT30" s="61">
        <v>1</v>
      </c>
      <c r="FU30" s="62">
        <v>5</v>
      </c>
      <c r="FV30" s="63">
        <v>10</v>
      </c>
      <c r="FW30" s="60">
        <v>0</v>
      </c>
      <c r="FX30" s="61">
        <v>0</v>
      </c>
      <c r="FY30" s="62">
        <v>0</v>
      </c>
      <c r="FZ30" s="231"/>
      <c r="GA30" s="61">
        <v>0</v>
      </c>
      <c r="GB30" s="61">
        <v>0</v>
      </c>
      <c r="GC30" s="61">
        <v>0</v>
      </c>
      <c r="GD30" s="61">
        <v>0</v>
      </c>
      <c r="GE30" s="61">
        <v>0</v>
      </c>
      <c r="GF30" s="62">
        <v>0</v>
      </c>
      <c r="GG30" s="63">
        <v>0</v>
      </c>
      <c r="GH30" s="60">
        <v>1</v>
      </c>
      <c r="GI30" s="61">
        <v>5</v>
      </c>
      <c r="GJ30" s="62">
        <v>6</v>
      </c>
      <c r="GK30" s="231"/>
      <c r="GL30" s="61">
        <v>3</v>
      </c>
      <c r="GM30" s="61">
        <v>2</v>
      </c>
      <c r="GN30" s="61">
        <v>2</v>
      </c>
      <c r="GO30" s="61">
        <v>2</v>
      </c>
      <c r="GP30" s="61">
        <v>1</v>
      </c>
      <c r="GQ30" s="62">
        <v>10</v>
      </c>
      <c r="GR30" s="63">
        <v>16</v>
      </c>
      <c r="GS30" s="113">
        <v>23</v>
      </c>
      <c r="GT30" s="72">
        <v>26</v>
      </c>
      <c r="GU30" s="73">
        <v>49</v>
      </c>
      <c r="GV30" s="228"/>
      <c r="GW30" s="72">
        <v>20</v>
      </c>
      <c r="GX30" s="72">
        <v>22</v>
      </c>
      <c r="GY30" s="72">
        <v>14</v>
      </c>
      <c r="GZ30" s="72">
        <v>14</v>
      </c>
      <c r="HA30" s="72">
        <v>7</v>
      </c>
      <c r="HB30" s="74">
        <v>77</v>
      </c>
      <c r="HC30" s="75">
        <v>126</v>
      </c>
      <c r="HD30" s="60">
        <v>0</v>
      </c>
      <c r="HE30" s="61">
        <v>0</v>
      </c>
      <c r="HF30" s="62">
        <v>0</v>
      </c>
      <c r="HG30" s="231"/>
      <c r="HH30" s="61">
        <v>0</v>
      </c>
      <c r="HI30" s="61">
        <v>1</v>
      </c>
      <c r="HJ30" s="61">
        <v>0</v>
      </c>
      <c r="HK30" s="61">
        <v>0</v>
      </c>
      <c r="HL30" s="61">
        <v>0</v>
      </c>
      <c r="HM30" s="62">
        <v>1</v>
      </c>
      <c r="HN30" s="63">
        <v>1</v>
      </c>
      <c r="HO30" s="60">
        <v>0</v>
      </c>
      <c r="HP30" s="61">
        <v>2</v>
      </c>
      <c r="HQ30" s="62">
        <v>2</v>
      </c>
      <c r="HR30" s="231"/>
      <c r="HS30" s="61">
        <v>2</v>
      </c>
      <c r="HT30" s="61">
        <v>0</v>
      </c>
      <c r="HU30" s="61">
        <v>1</v>
      </c>
      <c r="HV30" s="61">
        <v>0</v>
      </c>
      <c r="HW30" s="61">
        <v>0</v>
      </c>
      <c r="HX30" s="62">
        <v>3</v>
      </c>
      <c r="HY30" s="63">
        <v>5</v>
      </c>
      <c r="HZ30" s="60">
        <v>2</v>
      </c>
      <c r="IA30" s="61">
        <v>3</v>
      </c>
      <c r="IB30" s="62">
        <v>5</v>
      </c>
      <c r="IC30" s="231"/>
      <c r="ID30" s="61">
        <v>0</v>
      </c>
      <c r="IE30" s="61">
        <v>1</v>
      </c>
      <c r="IF30" s="61">
        <v>0</v>
      </c>
      <c r="IG30" s="61">
        <v>0</v>
      </c>
      <c r="IH30" s="61">
        <v>1</v>
      </c>
      <c r="II30" s="62">
        <v>2</v>
      </c>
      <c r="IJ30" s="63">
        <v>7</v>
      </c>
      <c r="IK30" s="60">
        <v>8</v>
      </c>
      <c r="IL30" s="61">
        <v>4</v>
      </c>
      <c r="IM30" s="62">
        <v>12</v>
      </c>
      <c r="IN30" s="231"/>
      <c r="IO30" s="61">
        <v>5</v>
      </c>
      <c r="IP30" s="61">
        <v>5</v>
      </c>
      <c r="IQ30" s="61">
        <v>3</v>
      </c>
      <c r="IR30" s="61">
        <v>0</v>
      </c>
      <c r="IS30" s="61">
        <v>1</v>
      </c>
      <c r="IT30" s="62">
        <v>14</v>
      </c>
      <c r="IU30" s="63">
        <v>26</v>
      </c>
      <c r="IV30" s="60">
        <v>5</v>
      </c>
      <c r="IW30" s="61">
        <v>4</v>
      </c>
      <c r="IX30" s="62">
        <v>9</v>
      </c>
      <c r="IY30" s="231"/>
      <c r="IZ30" s="61">
        <v>6</v>
      </c>
      <c r="JA30" s="61">
        <v>6</v>
      </c>
      <c r="JB30" s="61">
        <v>4</v>
      </c>
      <c r="JC30" s="61">
        <v>4</v>
      </c>
      <c r="JD30" s="61">
        <v>2</v>
      </c>
      <c r="JE30" s="62">
        <v>22</v>
      </c>
      <c r="JF30" s="63">
        <v>31</v>
      </c>
      <c r="JG30" s="60">
        <v>8</v>
      </c>
      <c r="JH30" s="61">
        <v>13</v>
      </c>
      <c r="JI30" s="62">
        <v>21</v>
      </c>
      <c r="JJ30" s="231"/>
      <c r="JK30" s="61">
        <v>7</v>
      </c>
      <c r="JL30" s="61">
        <v>9</v>
      </c>
      <c r="JM30" s="61">
        <v>6</v>
      </c>
      <c r="JN30" s="61">
        <v>10</v>
      </c>
      <c r="JO30" s="61">
        <v>3</v>
      </c>
      <c r="JP30" s="62">
        <v>35</v>
      </c>
      <c r="JQ30" s="63">
        <v>56</v>
      </c>
      <c r="JR30" s="60">
        <v>0</v>
      </c>
      <c r="JS30" s="61">
        <v>0</v>
      </c>
      <c r="JT30" s="62">
        <v>0</v>
      </c>
      <c r="JU30" s="231"/>
      <c r="JV30" s="61">
        <v>0</v>
      </c>
      <c r="JW30" s="61">
        <v>0</v>
      </c>
      <c r="JX30" s="61">
        <v>0</v>
      </c>
      <c r="JY30" s="61">
        <v>0</v>
      </c>
      <c r="JZ30" s="61">
        <v>0</v>
      </c>
      <c r="KA30" s="62">
        <v>0</v>
      </c>
      <c r="KB30" s="63">
        <v>0</v>
      </c>
      <c r="KC30" s="60">
        <v>23</v>
      </c>
      <c r="KD30" s="61">
        <v>26</v>
      </c>
      <c r="KE30" s="62">
        <v>49</v>
      </c>
      <c r="KF30" s="231"/>
      <c r="KG30" s="61">
        <v>20</v>
      </c>
      <c r="KH30" s="61">
        <v>22</v>
      </c>
      <c r="KI30" s="61">
        <v>14</v>
      </c>
      <c r="KJ30" s="61">
        <v>14</v>
      </c>
      <c r="KK30" s="61">
        <v>7</v>
      </c>
      <c r="KL30" s="62">
        <v>77</v>
      </c>
      <c r="KM30" s="63">
        <v>126</v>
      </c>
    </row>
    <row r="31" spans="2:299" ht="21" customHeight="1" x14ac:dyDescent="0.2">
      <c r="B31" s="472" t="s">
        <v>28</v>
      </c>
      <c r="C31" s="293">
        <v>1</v>
      </c>
      <c r="D31" s="72">
        <v>4</v>
      </c>
      <c r="E31" s="73">
        <v>5</v>
      </c>
      <c r="F31" s="228"/>
      <c r="G31" s="72">
        <v>11</v>
      </c>
      <c r="H31" s="72">
        <v>9</v>
      </c>
      <c r="I31" s="72">
        <v>3</v>
      </c>
      <c r="J31" s="72">
        <v>0</v>
      </c>
      <c r="K31" s="72">
        <v>2</v>
      </c>
      <c r="L31" s="74">
        <v>25</v>
      </c>
      <c r="M31" s="75">
        <v>30</v>
      </c>
      <c r="N31" s="60">
        <v>0</v>
      </c>
      <c r="O31" s="61">
        <v>0</v>
      </c>
      <c r="P31" s="62">
        <v>0</v>
      </c>
      <c r="Q31" s="231"/>
      <c r="R31" s="61">
        <v>0</v>
      </c>
      <c r="S31" s="61">
        <v>0</v>
      </c>
      <c r="T31" s="61">
        <v>0</v>
      </c>
      <c r="U31" s="61">
        <v>0</v>
      </c>
      <c r="V31" s="61">
        <v>0</v>
      </c>
      <c r="W31" s="62">
        <v>0</v>
      </c>
      <c r="X31" s="63">
        <v>0</v>
      </c>
      <c r="Y31" s="60">
        <v>0</v>
      </c>
      <c r="Z31" s="61">
        <v>0</v>
      </c>
      <c r="AA31" s="62">
        <v>0</v>
      </c>
      <c r="AB31" s="228"/>
      <c r="AC31" s="61">
        <v>1</v>
      </c>
      <c r="AD31" s="61">
        <v>0</v>
      </c>
      <c r="AE31" s="61">
        <v>0</v>
      </c>
      <c r="AF31" s="61">
        <v>0</v>
      </c>
      <c r="AG31" s="61">
        <v>0</v>
      </c>
      <c r="AH31" s="62">
        <v>1</v>
      </c>
      <c r="AI31" s="63">
        <v>1</v>
      </c>
      <c r="AJ31" s="60">
        <v>0</v>
      </c>
      <c r="AK31" s="61">
        <v>0</v>
      </c>
      <c r="AL31" s="62">
        <v>0</v>
      </c>
      <c r="AM31" s="228"/>
      <c r="AN31" s="61">
        <v>2</v>
      </c>
      <c r="AO31" s="61">
        <v>1</v>
      </c>
      <c r="AP31" s="61">
        <v>0</v>
      </c>
      <c r="AQ31" s="61">
        <v>0</v>
      </c>
      <c r="AR31" s="61">
        <v>0</v>
      </c>
      <c r="AS31" s="62">
        <v>3</v>
      </c>
      <c r="AT31" s="63">
        <v>3</v>
      </c>
      <c r="AU31" s="60">
        <v>1</v>
      </c>
      <c r="AV31" s="61">
        <v>2</v>
      </c>
      <c r="AW31" s="62">
        <v>3</v>
      </c>
      <c r="AX31" s="228"/>
      <c r="AY31" s="61">
        <v>3</v>
      </c>
      <c r="AZ31" s="61">
        <v>3</v>
      </c>
      <c r="BA31" s="61">
        <v>0</v>
      </c>
      <c r="BB31" s="61">
        <v>0</v>
      </c>
      <c r="BC31" s="61">
        <v>1</v>
      </c>
      <c r="BD31" s="62">
        <v>7</v>
      </c>
      <c r="BE31" s="63">
        <v>10</v>
      </c>
      <c r="BF31" s="60">
        <v>0</v>
      </c>
      <c r="BG31" s="61">
        <v>2</v>
      </c>
      <c r="BH31" s="62">
        <v>2</v>
      </c>
      <c r="BI31" s="231"/>
      <c r="BJ31" s="61">
        <v>3</v>
      </c>
      <c r="BK31" s="61">
        <v>4</v>
      </c>
      <c r="BL31" s="61">
        <v>1</v>
      </c>
      <c r="BM31" s="61">
        <v>0</v>
      </c>
      <c r="BN31" s="61">
        <v>0</v>
      </c>
      <c r="BO31" s="62">
        <v>8</v>
      </c>
      <c r="BP31" s="63">
        <v>10</v>
      </c>
      <c r="BQ31" s="60">
        <v>0</v>
      </c>
      <c r="BR31" s="61">
        <v>0</v>
      </c>
      <c r="BS31" s="62">
        <v>0</v>
      </c>
      <c r="BT31" s="231"/>
      <c r="BU31" s="61">
        <v>2</v>
      </c>
      <c r="BV31" s="61">
        <v>1</v>
      </c>
      <c r="BW31" s="61">
        <v>2</v>
      </c>
      <c r="BX31" s="61">
        <v>0</v>
      </c>
      <c r="BY31" s="61">
        <v>1</v>
      </c>
      <c r="BZ31" s="62">
        <v>6</v>
      </c>
      <c r="CA31" s="63">
        <v>6</v>
      </c>
      <c r="CB31" s="60">
        <v>0</v>
      </c>
      <c r="CC31" s="61">
        <v>0</v>
      </c>
      <c r="CD31" s="62">
        <v>0</v>
      </c>
      <c r="CE31" s="231"/>
      <c r="CF31" s="61">
        <v>0</v>
      </c>
      <c r="CG31" s="61">
        <v>0</v>
      </c>
      <c r="CH31" s="61">
        <v>0</v>
      </c>
      <c r="CI31" s="61">
        <v>0</v>
      </c>
      <c r="CJ31" s="61">
        <v>0</v>
      </c>
      <c r="CK31" s="62">
        <v>0</v>
      </c>
      <c r="CL31" s="63">
        <v>0</v>
      </c>
      <c r="CM31" s="60">
        <v>1</v>
      </c>
      <c r="CN31" s="61">
        <v>4</v>
      </c>
      <c r="CO31" s="62">
        <v>5</v>
      </c>
      <c r="CP31" s="231"/>
      <c r="CQ31" s="61">
        <v>11</v>
      </c>
      <c r="CR31" s="61">
        <v>9</v>
      </c>
      <c r="CS31" s="61">
        <v>3</v>
      </c>
      <c r="CT31" s="61">
        <v>0</v>
      </c>
      <c r="CU31" s="61">
        <v>2</v>
      </c>
      <c r="CV31" s="62">
        <v>25</v>
      </c>
      <c r="CW31" s="63">
        <v>30</v>
      </c>
      <c r="CX31" s="113">
        <v>0</v>
      </c>
      <c r="CY31" s="72">
        <v>0</v>
      </c>
      <c r="CZ31" s="73">
        <v>0</v>
      </c>
      <c r="DA31" s="228"/>
      <c r="DB31" s="72">
        <v>2</v>
      </c>
      <c r="DC31" s="72">
        <v>1</v>
      </c>
      <c r="DD31" s="72">
        <v>0</v>
      </c>
      <c r="DE31" s="72">
        <v>1</v>
      </c>
      <c r="DF31" s="72">
        <v>1</v>
      </c>
      <c r="DG31" s="74">
        <v>5</v>
      </c>
      <c r="DH31" s="75">
        <v>5</v>
      </c>
      <c r="DI31" s="60">
        <v>0</v>
      </c>
      <c r="DJ31" s="61">
        <v>0</v>
      </c>
      <c r="DK31" s="62">
        <v>0</v>
      </c>
      <c r="DL31" s="231"/>
      <c r="DM31" s="61">
        <v>0</v>
      </c>
      <c r="DN31" s="61">
        <v>0</v>
      </c>
      <c r="DO31" s="61">
        <v>0</v>
      </c>
      <c r="DP31" s="61">
        <v>0</v>
      </c>
      <c r="DQ31" s="61">
        <v>0</v>
      </c>
      <c r="DR31" s="62">
        <v>0</v>
      </c>
      <c r="DS31" s="63">
        <v>0</v>
      </c>
      <c r="DT31" s="60">
        <v>0</v>
      </c>
      <c r="DU31" s="61">
        <v>0</v>
      </c>
      <c r="DV31" s="62">
        <v>0</v>
      </c>
      <c r="DW31" s="231"/>
      <c r="DX31" s="61">
        <v>0</v>
      </c>
      <c r="DY31" s="61">
        <v>0</v>
      </c>
      <c r="DZ31" s="61">
        <v>0</v>
      </c>
      <c r="EA31" s="61">
        <v>0</v>
      </c>
      <c r="EB31" s="61">
        <v>0</v>
      </c>
      <c r="EC31" s="62">
        <v>0</v>
      </c>
      <c r="ED31" s="63">
        <v>0</v>
      </c>
      <c r="EE31" s="60">
        <v>0</v>
      </c>
      <c r="EF31" s="61">
        <v>0</v>
      </c>
      <c r="EG31" s="62">
        <v>0</v>
      </c>
      <c r="EH31" s="231"/>
      <c r="EI31" s="61">
        <v>0</v>
      </c>
      <c r="EJ31" s="61">
        <v>0</v>
      </c>
      <c r="EK31" s="61">
        <v>0</v>
      </c>
      <c r="EL31" s="61">
        <v>0</v>
      </c>
      <c r="EM31" s="61">
        <v>0</v>
      </c>
      <c r="EN31" s="62">
        <v>0</v>
      </c>
      <c r="EO31" s="63">
        <v>0</v>
      </c>
      <c r="EP31" s="60">
        <v>0</v>
      </c>
      <c r="EQ31" s="61">
        <v>0</v>
      </c>
      <c r="ER31" s="62">
        <v>0</v>
      </c>
      <c r="ES31" s="231"/>
      <c r="ET31" s="61">
        <v>0</v>
      </c>
      <c r="EU31" s="61">
        <v>0</v>
      </c>
      <c r="EV31" s="61">
        <v>0</v>
      </c>
      <c r="EW31" s="61">
        <v>0</v>
      </c>
      <c r="EX31" s="61">
        <v>0</v>
      </c>
      <c r="EY31" s="62">
        <v>0</v>
      </c>
      <c r="EZ31" s="63">
        <v>0</v>
      </c>
      <c r="FA31" s="60">
        <v>0</v>
      </c>
      <c r="FB31" s="61">
        <v>0</v>
      </c>
      <c r="FC31" s="62">
        <v>0</v>
      </c>
      <c r="FD31" s="231"/>
      <c r="FE31" s="61">
        <v>1</v>
      </c>
      <c r="FF31" s="61">
        <v>1</v>
      </c>
      <c r="FG31" s="61">
        <v>0</v>
      </c>
      <c r="FH31" s="61">
        <v>0</v>
      </c>
      <c r="FI31" s="61">
        <v>1</v>
      </c>
      <c r="FJ31" s="62">
        <v>3</v>
      </c>
      <c r="FK31" s="63">
        <v>3</v>
      </c>
      <c r="FL31" s="60">
        <v>0</v>
      </c>
      <c r="FM31" s="61">
        <v>0</v>
      </c>
      <c r="FN31" s="62">
        <v>0</v>
      </c>
      <c r="FO31" s="231"/>
      <c r="FP31" s="61">
        <v>1</v>
      </c>
      <c r="FQ31" s="61">
        <v>0</v>
      </c>
      <c r="FR31" s="61">
        <v>0</v>
      </c>
      <c r="FS31" s="61">
        <v>1</v>
      </c>
      <c r="FT31" s="61">
        <v>0</v>
      </c>
      <c r="FU31" s="62">
        <v>2</v>
      </c>
      <c r="FV31" s="63">
        <v>2</v>
      </c>
      <c r="FW31" s="60">
        <v>0</v>
      </c>
      <c r="FX31" s="61">
        <v>0</v>
      </c>
      <c r="FY31" s="62">
        <v>0</v>
      </c>
      <c r="FZ31" s="231"/>
      <c r="GA31" s="61">
        <v>0</v>
      </c>
      <c r="GB31" s="61">
        <v>0</v>
      </c>
      <c r="GC31" s="61">
        <v>0</v>
      </c>
      <c r="GD31" s="61">
        <v>0</v>
      </c>
      <c r="GE31" s="61">
        <v>0</v>
      </c>
      <c r="GF31" s="62">
        <v>0</v>
      </c>
      <c r="GG31" s="63">
        <v>0</v>
      </c>
      <c r="GH31" s="60">
        <v>0</v>
      </c>
      <c r="GI31" s="61">
        <v>0</v>
      </c>
      <c r="GJ31" s="62">
        <v>0</v>
      </c>
      <c r="GK31" s="231"/>
      <c r="GL31" s="61">
        <v>2</v>
      </c>
      <c r="GM31" s="61">
        <v>1</v>
      </c>
      <c r="GN31" s="61">
        <v>0</v>
      </c>
      <c r="GO31" s="61">
        <v>1</v>
      </c>
      <c r="GP31" s="61">
        <v>1</v>
      </c>
      <c r="GQ31" s="62">
        <v>5</v>
      </c>
      <c r="GR31" s="63">
        <v>5</v>
      </c>
      <c r="GS31" s="113">
        <v>1</v>
      </c>
      <c r="GT31" s="72">
        <v>4</v>
      </c>
      <c r="GU31" s="73">
        <v>5</v>
      </c>
      <c r="GV31" s="228"/>
      <c r="GW31" s="72">
        <v>13</v>
      </c>
      <c r="GX31" s="72">
        <v>10</v>
      </c>
      <c r="GY31" s="72">
        <v>3</v>
      </c>
      <c r="GZ31" s="72">
        <v>1</v>
      </c>
      <c r="HA31" s="72">
        <v>3</v>
      </c>
      <c r="HB31" s="74">
        <v>30</v>
      </c>
      <c r="HC31" s="75">
        <v>35</v>
      </c>
      <c r="HD31" s="60">
        <v>0</v>
      </c>
      <c r="HE31" s="61">
        <v>0</v>
      </c>
      <c r="HF31" s="62">
        <v>0</v>
      </c>
      <c r="HG31" s="231"/>
      <c r="HH31" s="61">
        <v>0</v>
      </c>
      <c r="HI31" s="61">
        <v>0</v>
      </c>
      <c r="HJ31" s="61">
        <v>0</v>
      </c>
      <c r="HK31" s="61">
        <v>0</v>
      </c>
      <c r="HL31" s="61">
        <v>0</v>
      </c>
      <c r="HM31" s="62">
        <v>0</v>
      </c>
      <c r="HN31" s="63">
        <v>0</v>
      </c>
      <c r="HO31" s="60">
        <v>0</v>
      </c>
      <c r="HP31" s="61">
        <v>0</v>
      </c>
      <c r="HQ31" s="62">
        <v>0</v>
      </c>
      <c r="HR31" s="231"/>
      <c r="HS31" s="61">
        <v>1</v>
      </c>
      <c r="HT31" s="61">
        <v>0</v>
      </c>
      <c r="HU31" s="61">
        <v>0</v>
      </c>
      <c r="HV31" s="61">
        <v>0</v>
      </c>
      <c r="HW31" s="61">
        <v>0</v>
      </c>
      <c r="HX31" s="62">
        <v>1</v>
      </c>
      <c r="HY31" s="63">
        <v>1</v>
      </c>
      <c r="HZ31" s="60">
        <v>0</v>
      </c>
      <c r="IA31" s="61">
        <v>0</v>
      </c>
      <c r="IB31" s="62">
        <v>0</v>
      </c>
      <c r="IC31" s="231"/>
      <c r="ID31" s="61">
        <v>2</v>
      </c>
      <c r="IE31" s="61">
        <v>1</v>
      </c>
      <c r="IF31" s="61">
        <v>0</v>
      </c>
      <c r="IG31" s="61">
        <v>0</v>
      </c>
      <c r="IH31" s="61">
        <v>0</v>
      </c>
      <c r="II31" s="62">
        <v>3</v>
      </c>
      <c r="IJ31" s="63">
        <v>3</v>
      </c>
      <c r="IK31" s="60">
        <v>1</v>
      </c>
      <c r="IL31" s="61">
        <v>2</v>
      </c>
      <c r="IM31" s="62">
        <v>3</v>
      </c>
      <c r="IN31" s="231"/>
      <c r="IO31" s="61">
        <v>3</v>
      </c>
      <c r="IP31" s="61">
        <v>3</v>
      </c>
      <c r="IQ31" s="61">
        <v>0</v>
      </c>
      <c r="IR31" s="61">
        <v>0</v>
      </c>
      <c r="IS31" s="61">
        <v>1</v>
      </c>
      <c r="IT31" s="62">
        <v>7</v>
      </c>
      <c r="IU31" s="63">
        <v>10</v>
      </c>
      <c r="IV31" s="60">
        <v>0</v>
      </c>
      <c r="IW31" s="61">
        <v>2</v>
      </c>
      <c r="IX31" s="62">
        <v>2</v>
      </c>
      <c r="IY31" s="231"/>
      <c r="IZ31" s="61">
        <v>4</v>
      </c>
      <c r="JA31" s="61">
        <v>5</v>
      </c>
      <c r="JB31" s="61">
        <v>1</v>
      </c>
      <c r="JC31" s="61">
        <v>0</v>
      </c>
      <c r="JD31" s="61">
        <v>1</v>
      </c>
      <c r="JE31" s="62">
        <v>11</v>
      </c>
      <c r="JF31" s="63">
        <v>13</v>
      </c>
      <c r="JG31" s="60">
        <v>0</v>
      </c>
      <c r="JH31" s="61">
        <v>0</v>
      </c>
      <c r="JI31" s="62">
        <v>0</v>
      </c>
      <c r="JJ31" s="231"/>
      <c r="JK31" s="61">
        <v>3</v>
      </c>
      <c r="JL31" s="61">
        <v>1</v>
      </c>
      <c r="JM31" s="61">
        <v>2</v>
      </c>
      <c r="JN31" s="61">
        <v>1</v>
      </c>
      <c r="JO31" s="61">
        <v>1</v>
      </c>
      <c r="JP31" s="62">
        <v>8</v>
      </c>
      <c r="JQ31" s="63">
        <v>8</v>
      </c>
      <c r="JR31" s="60">
        <v>0</v>
      </c>
      <c r="JS31" s="61">
        <v>0</v>
      </c>
      <c r="JT31" s="62">
        <v>0</v>
      </c>
      <c r="JU31" s="231"/>
      <c r="JV31" s="61">
        <v>0</v>
      </c>
      <c r="JW31" s="61">
        <v>0</v>
      </c>
      <c r="JX31" s="61">
        <v>0</v>
      </c>
      <c r="JY31" s="61">
        <v>0</v>
      </c>
      <c r="JZ31" s="61">
        <v>0</v>
      </c>
      <c r="KA31" s="62">
        <v>0</v>
      </c>
      <c r="KB31" s="63">
        <v>0</v>
      </c>
      <c r="KC31" s="60">
        <v>1</v>
      </c>
      <c r="KD31" s="61">
        <v>4</v>
      </c>
      <c r="KE31" s="62">
        <v>5</v>
      </c>
      <c r="KF31" s="231"/>
      <c r="KG31" s="61">
        <v>13</v>
      </c>
      <c r="KH31" s="61">
        <v>10</v>
      </c>
      <c r="KI31" s="61">
        <v>3</v>
      </c>
      <c r="KJ31" s="61">
        <v>1</v>
      </c>
      <c r="KK31" s="61">
        <v>3</v>
      </c>
      <c r="KL31" s="62">
        <v>30</v>
      </c>
      <c r="KM31" s="63">
        <v>35</v>
      </c>
    </row>
    <row r="32" spans="2:299" ht="21" customHeight="1" x14ac:dyDescent="0.2">
      <c r="B32" s="472" t="s">
        <v>29</v>
      </c>
      <c r="C32" s="293">
        <v>5</v>
      </c>
      <c r="D32" s="72">
        <v>2</v>
      </c>
      <c r="E32" s="73">
        <v>7</v>
      </c>
      <c r="F32" s="228"/>
      <c r="G32" s="72">
        <v>2</v>
      </c>
      <c r="H32" s="72">
        <v>4</v>
      </c>
      <c r="I32" s="72">
        <v>6</v>
      </c>
      <c r="J32" s="72">
        <v>5</v>
      </c>
      <c r="K32" s="72">
        <v>4</v>
      </c>
      <c r="L32" s="74">
        <v>21</v>
      </c>
      <c r="M32" s="75">
        <v>28</v>
      </c>
      <c r="N32" s="60">
        <v>0</v>
      </c>
      <c r="O32" s="61">
        <v>0</v>
      </c>
      <c r="P32" s="62">
        <v>0</v>
      </c>
      <c r="Q32" s="231"/>
      <c r="R32" s="61">
        <v>0</v>
      </c>
      <c r="S32" s="61">
        <v>0</v>
      </c>
      <c r="T32" s="61">
        <v>1</v>
      </c>
      <c r="U32" s="61">
        <v>0</v>
      </c>
      <c r="V32" s="61">
        <v>0</v>
      </c>
      <c r="W32" s="62">
        <v>1</v>
      </c>
      <c r="X32" s="63">
        <v>1</v>
      </c>
      <c r="Y32" s="60">
        <v>0</v>
      </c>
      <c r="Z32" s="61">
        <v>0</v>
      </c>
      <c r="AA32" s="62">
        <v>0</v>
      </c>
      <c r="AB32" s="228"/>
      <c r="AC32" s="61">
        <v>0</v>
      </c>
      <c r="AD32" s="61">
        <v>0</v>
      </c>
      <c r="AE32" s="61">
        <v>0</v>
      </c>
      <c r="AF32" s="61">
        <v>0</v>
      </c>
      <c r="AG32" s="61">
        <v>0</v>
      </c>
      <c r="AH32" s="62">
        <v>0</v>
      </c>
      <c r="AI32" s="63">
        <v>0</v>
      </c>
      <c r="AJ32" s="60">
        <v>1</v>
      </c>
      <c r="AK32" s="61">
        <v>0</v>
      </c>
      <c r="AL32" s="62">
        <v>1</v>
      </c>
      <c r="AM32" s="228"/>
      <c r="AN32" s="61">
        <v>1</v>
      </c>
      <c r="AO32" s="61">
        <v>0</v>
      </c>
      <c r="AP32" s="61">
        <v>1</v>
      </c>
      <c r="AQ32" s="61">
        <v>1</v>
      </c>
      <c r="AR32" s="61">
        <v>1</v>
      </c>
      <c r="AS32" s="62">
        <v>4</v>
      </c>
      <c r="AT32" s="63">
        <v>5</v>
      </c>
      <c r="AU32" s="60">
        <v>2</v>
      </c>
      <c r="AV32" s="61">
        <v>1</v>
      </c>
      <c r="AW32" s="62">
        <v>3</v>
      </c>
      <c r="AX32" s="228"/>
      <c r="AY32" s="61">
        <v>0</v>
      </c>
      <c r="AZ32" s="61">
        <v>0</v>
      </c>
      <c r="BA32" s="61">
        <v>0</v>
      </c>
      <c r="BB32" s="61">
        <v>1</v>
      </c>
      <c r="BC32" s="61">
        <v>1</v>
      </c>
      <c r="BD32" s="62">
        <v>2</v>
      </c>
      <c r="BE32" s="63">
        <v>5</v>
      </c>
      <c r="BF32" s="60">
        <v>1</v>
      </c>
      <c r="BG32" s="61">
        <v>1</v>
      </c>
      <c r="BH32" s="62">
        <v>2</v>
      </c>
      <c r="BI32" s="231"/>
      <c r="BJ32" s="61">
        <v>1</v>
      </c>
      <c r="BK32" s="61">
        <v>2</v>
      </c>
      <c r="BL32" s="61">
        <v>1</v>
      </c>
      <c r="BM32" s="61">
        <v>1</v>
      </c>
      <c r="BN32" s="61">
        <v>1</v>
      </c>
      <c r="BO32" s="62">
        <v>6</v>
      </c>
      <c r="BP32" s="63">
        <v>8</v>
      </c>
      <c r="BQ32" s="60">
        <v>1</v>
      </c>
      <c r="BR32" s="61">
        <v>0</v>
      </c>
      <c r="BS32" s="62">
        <v>1</v>
      </c>
      <c r="BT32" s="231"/>
      <c r="BU32" s="61">
        <v>0</v>
      </c>
      <c r="BV32" s="61">
        <v>2</v>
      </c>
      <c r="BW32" s="61">
        <v>3</v>
      </c>
      <c r="BX32" s="61">
        <v>2</v>
      </c>
      <c r="BY32" s="61">
        <v>1</v>
      </c>
      <c r="BZ32" s="62">
        <v>8</v>
      </c>
      <c r="CA32" s="63">
        <v>9</v>
      </c>
      <c r="CB32" s="60">
        <v>0</v>
      </c>
      <c r="CC32" s="61">
        <v>0</v>
      </c>
      <c r="CD32" s="62">
        <v>0</v>
      </c>
      <c r="CE32" s="231"/>
      <c r="CF32" s="61">
        <v>0</v>
      </c>
      <c r="CG32" s="61">
        <v>0</v>
      </c>
      <c r="CH32" s="61">
        <v>0</v>
      </c>
      <c r="CI32" s="61">
        <v>0</v>
      </c>
      <c r="CJ32" s="61">
        <v>0</v>
      </c>
      <c r="CK32" s="62">
        <v>0</v>
      </c>
      <c r="CL32" s="63">
        <v>0</v>
      </c>
      <c r="CM32" s="60">
        <v>5</v>
      </c>
      <c r="CN32" s="61">
        <v>2</v>
      </c>
      <c r="CO32" s="62">
        <v>7</v>
      </c>
      <c r="CP32" s="231"/>
      <c r="CQ32" s="61">
        <v>2</v>
      </c>
      <c r="CR32" s="61">
        <v>4</v>
      </c>
      <c r="CS32" s="61">
        <v>6</v>
      </c>
      <c r="CT32" s="61">
        <v>5</v>
      </c>
      <c r="CU32" s="61">
        <v>4</v>
      </c>
      <c r="CV32" s="62">
        <v>21</v>
      </c>
      <c r="CW32" s="63">
        <v>28</v>
      </c>
      <c r="CX32" s="113">
        <v>2</v>
      </c>
      <c r="CY32" s="72">
        <v>0</v>
      </c>
      <c r="CZ32" s="73">
        <v>2</v>
      </c>
      <c r="DA32" s="228"/>
      <c r="DB32" s="72">
        <v>1</v>
      </c>
      <c r="DC32" s="72">
        <v>1</v>
      </c>
      <c r="DD32" s="72">
        <v>1</v>
      </c>
      <c r="DE32" s="72">
        <v>1</v>
      </c>
      <c r="DF32" s="72">
        <v>1</v>
      </c>
      <c r="DG32" s="74">
        <v>5</v>
      </c>
      <c r="DH32" s="75">
        <v>7</v>
      </c>
      <c r="DI32" s="60">
        <v>0</v>
      </c>
      <c r="DJ32" s="61">
        <v>0</v>
      </c>
      <c r="DK32" s="62">
        <v>0</v>
      </c>
      <c r="DL32" s="231"/>
      <c r="DM32" s="61">
        <v>0</v>
      </c>
      <c r="DN32" s="61">
        <v>0</v>
      </c>
      <c r="DO32" s="61">
        <v>0</v>
      </c>
      <c r="DP32" s="61">
        <v>0</v>
      </c>
      <c r="DQ32" s="61">
        <v>0</v>
      </c>
      <c r="DR32" s="62">
        <v>0</v>
      </c>
      <c r="DS32" s="63">
        <v>0</v>
      </c>
      <c r="DT32" s="60">
        <v>0</v>
      </c>
      <c r="DU32" s="61">
        <v>0</v>
      </c>
      <c r="DV32" s="62">
        <v>0</v>
      </c>
      <c r="DW32" s="231"/>
      <c r="DX32" s="61">
        <v>0</v>
      </c>
      <c r="DY32" s="61">
        <v>1</v>
      </c>
      <c r="DZ32" s="61">
        <v>0</v>
      </c>
      <c r="EA32" s="61">
        <v>0</v>
      </c>
      <c r="EB32" s="61">
        <v>0</v>
      </c>
      <c r="EC32" s="62">
        <v>1</v>
      </c>
      <c r="ED32" s="63">
        <v>1</v>
      </c>
      <c r="EE32" s="60">
        <v>0</v>
      </c>
      <c r="EF32" s="61">
        <v>0</v>
      </c>
      <c r="EG32" s="62">
        <v>0</v>
      </c>
      <c r="EH32" s="231"/>
      <c r="EI32" s="61">
        <v>0</v>
      </c>
      <c r="EJ32" s="61">
        <v>0</v>
      </c>
      <c r="EK32" s="61">
        <v>0</v>
      </c>
      <c r="EL32" s="61">
        <v>0</v>
      </c>
      <c r="EM32" s="61">
        <v>0</v>
      </c>
      <c r="EN32" s="62">
        <v>0</v>
      </c>
      <c r="EO32" s="63">
        <v>0</v>
      </c>
      <c r="EP32" s="60">
        <v>2</v>
      </c>
      <c r="EQ32" s="61">
        <v>0</v>
      </c>
      <c r="ER32" s="62">
        <v>2</v>
      </c>
      <c r="ES32" s="231"/>
      <c r="ET32" s="61">
        <v>0</v>
      </c>
      <c r="EU32" s="61">
        <v>0</v>
      </c>
      <c r="EV32" s="61">
        <v>0</v>
      </c>
      <c r="EW32" s="61">
        <v>0</v>
      </c>
      <c r="EX32" s="61">
        <v>0</v>
      </c>
      <c r="EY32" s="62">
        <v>0</v>
      </c>
      <c r="EZ32" s="63">
        <v>2</v>
      </c>
      <c r="FA32" s="60">
        <v>0</v>
      </c>
      <c r="FB32" s="61">
        <v>0</v>
      </c>
      <c r="FC32" s="62">
        <v>0</v>
      </c>
      <c r="FD32" s="231"/>
      <c r="FE32" s="61">
        <v>0</v>
      </c>
      <c r="FF32" s="61">
        <v>0</v>
      </c>
      <c r="FG32" s="61">
        <v>0</v>
      </c>
      <c r="FH32" s="61">
        <v>0</v>
      </c>
      <c r="FI32" s="61">
        <v>1</v>
      </c>
      <c r="FJ32" s="62">
        <v>1</v>
      </c>
      <c r="FK32" s="63">
        <v>1</v>
      </c>
      <c r="FL32" s="60">
        <v>0</v>
      </c>
      <c r="FM32" s="61">
        <v>0</v>
      </c>
      <c r="FN32" s="62">
        <v>0</v>
      </c>
      <c r="FO32" s="231"/>
      <c r="FP32" s="61">
        <v>1</v>
      </c>
      <c r="FQ32" s="61">
        <v>0</v>
      </c>
      <c r="FR32" s="61">
        <v>1</v>
      </c>
      <c r="FS32" s="61">
        <v>1</v>
      </c>
      <c r="FT32" s="61">
        <v>0</v>
      </c>
      <c r="FU32" s="62">
        <v>3</v>
      </c>
      <c r="FV32" s="63">
        <v>3</v>
      </c>
      <c r="FW32" s="60">
        <v>0</v>
      </c>
      <c r="FX32" s="61">
        <v>0</v>
      </c>
      <c r="FY32" s="62">
        <v>0</v>
      </c>
      <c r="FZ32" s="231"/>
      <c r="GA32" s="61">
        <v>0</v>
      </c>
      <c r="GB32" s="61">
        <v>0</v>
      </c>
      <c r="GC32" s="61">
        <v>0</v>
      </c>
      <c r="GD32" s="61">
        <v>0</v>
      </c>
      <c r="GE32" s="61">
        <v>0</v>
      </c>
      <c r="GF32" s="62">
        <v>0</v>
      </c>
      <c r="GG32" s="63">
        <v>0</v>
      </c>
      <c r="GH32" s="60">
        <v>2</v>
      </c>
      <c r="GI32" s="61">
        <v>0</v>
      </c>
      <c r="GJ32" s="62">
        <v>2</v>
      </c>
      <c r="GK32" s="231"/>
      <c r="GL32" s="61">
        <v>1</v>
      </c>
      <c r="GM32" s="61">
        <v>1</v>
      </c>
      <c r="GN32" s="61">
        <v>1</v>
      </c>
      <c r="GO32" s="61">
        <v>1</v>
      </c>
      <c r="GP32" s="61">
        <v>1</v>
      </c>
      <c r="GQ32" s="62">
        <v>5</v>
      </c>
      <c r="GR32" s="63">
        <v>7</v>
      </c>
      <c r="GS32" s="113">
        <v>7</v>
      </c>
      <c r="GT32" s="72">
        <v>2</v>
      </c>
      <c r="GU32" s="73">
        <v>9</v>
      </c>
      <c r="GV32" s="228"/>
      <c r="GW32" s="72">
        <v>3</v>
      </c>
      <c r="GX32" s="72">
        <v>5</v>
      </c>
      <c r="GY32" s="72">
        <v>7</v>
      </c>
      <c r="GZ32" s="72">
        <v>6</v>
      </c>
      <c r="HA32" s="72">
        <v>5</v>
      </c>
      <c r="HB32" s="74">
        <v>26</v>
      </c>
      <c r="HC32" s="75">
        <v>35</v>
      </c>
      <c r="HD32" s="60">
        <v>0</v>
      </c>
      <c r="HE32" s="61">
        <v>0</v>
      </c>
      <c r="HF32" s="62">
        <v>0</v>
      </c>
      <c r="HG32" s="231"/>
      <c r="HH32" s="61">
        <v>0</v>
      </c>
      <c r="HI32" s="61">
        <v>0</v>
      </c>
      <c r="HJ32" s="61">
        <v>1</v>
      </c>
      <c r="HK32" s="61">
        <v>0</v>
      </c>
      <c r="HL32" s="61">
        <v>0</v>
      </c>
      <c r="HM32" s="62">
        <v>1</v>
      </c>
      <c r="HN32" s="63">
        <v>1</v>
      </c>
      <c r="HO32" s="60">
        <v>0</v>
      </c>
      <c r="HP32" s="61">
        <v>0</v>
      </c>
      <c r="HQ32" s="62">
        <v>0</v>
      </c>
      <c r="HR32" s="231"/>
      <c r="HS32" s="61">
        <v>0</v>
      </c>
      <c r="HT32" s="61">
        <v>1</v>
      </c>
      <c r="HU32" s="61">
        <v>0</v>
      </c>
      <c r="HV32" s="61">
        <v>0</v>
      </c>
      <c r="HW32" s="61">
        <v>0</v>
      </c>
      <c r="HX32" s="62">
        <v>1</v>
      </c>
      <c r="HY32" s="63">
        <v>1</v>
      </c>
      <c r="HZ32" s="60">
        <v>1</v>
      </c>
      <c r="IA32" s="61">
        <v>0</v>
      </c>
      <c r="IB32" s="62">
        <v>1</v>
      </c>
      <c r="IC32" s="231"/>
      <c r="ID32" s="61">
        <v>1</v>
      </c>
      <c r="IE32" s="61">
        <v>0</v>
      </c>
      <c r="IF32" s="61">
        <v>1</v>
      </c>
      <c r="IG32" s="61">
        <v>1</v>
      </c>
      <c r="IH32" s="61">
        <v>1</v>
      </c>
      <c r="II32" s="62">
        <v>4</v>
      </c>
      <c r="IJ32" s="63">
        <v>5</v>
      </c>
      <c r="IK32" s="60">
        <v>4</v>
      </c>
      <c r="IL32" s="61">
        <v>1</v>
      </c>
      <c r="IM32" s="62">
        <v>5</v>
      </c>
      <c r="IN32" s="231"/>
      <c r="IO32" s="61">
        <v>0</v>
      </c>
      <c r="IP32" s="61">
        <v>0</v>
      </c>
      <c r="IQ32" s="61">
        <v>0</v>
      </c>
      <c r="IR32" s="61">
        <v>1</v>
      </c>
      <c r="IS32" s="61">
        <v>1</v>
      </c>
      <c r="IT32" s="62">
        <v>2</v>
      </c>
      <c r="IU32" s="63">
        <v>7</v>
      </c>
      <c r="IV32" s="60">
        <v>1</v>
      </c>
      <c r="IW32" s="61">
        <v>1</v>
      </c>
      <c r="IX32" s="62">
        <v>2</v>
      </c>
      <c r="IY32" s="231"/>
      <c r="IZ32" s="61">
        <v>1</v>
      </c>
      <c r="JA32" s="61">
        <v>2</v>
      </c>
      <c r="JB32" s="61">
        <v>1</v>
      </c>
      <c r="JC32" s="61">
        <v>1</v>
      </c>
      <c r="JD32" s="61">
        <v>2</v>
      </c>
      <c r="JE32" s="62">
        <v>7</v>
      </c>
      <c r="JF32" s="63">
        <v>9</v>
      </c>
      <c r="JG32" s="60">
        <v>1</v>
      </c>
      <c r="JH32" s="61">
        <v>0</v>
      </c>
      <c r="JI32" s="62">
        <v>1</v>
      </c>
      <c r="JJ32" s="231"/>
      <c r="JK32" s="61">
        <v>1</v>
      </c>
      <c r="JL32" s="61">
        <v>2</v>
      </c>
      <c r="JM32" s="61">
        <v>4</v>
      </c>
      <c r="JN32" s="61">
        <v>3</v>
      </c>
      <c r="JO32" s="61">
        <v>1</v>
      </c>
      <c r="JP32" s="62">
        <v>11</v>
      </c>
      <c r="JQ32" s="63">
        <v>12</v>
      </c>
      <c r="JR32" s="60">
        <v>0</v>
      </c>
      <c r="JS32" s="61">
        <v>0</v>
      </c>
      <c r="JT32" s="62">
        <v>0</v>
      </c>
      <c r="JU32" s="231"/>
      <c r="JV32" s="61">
        <v>0</v>
      </c>
      <c r="JW32" s="61">
        <v>0</v>
      </c>
      <c r="JX32" s="61">
        <v>0</v>
      </c>
      <c r="JY32" s="61">
        <v>0</v>
      </c>
      <c r="JZ32" s="61">
        <v>0</v>
      </c>
      <c r="KA32" s="62">
        <v>0</v>
      </c>
      <c r="KB32" s="63">
        <v>0</v>
      </c>
      <c r="KC32" s="60">
        <v>7</v>
      </c>
      <c r="KD32" s="61">
        <v>2</v>
      </c>
      <c r="KE32" s="62">
        <v>9</v>
      </c>
      <c r="KF32" s="231"/>
      <c r="KG32" s="61">
        <v>3</v>
      </c>
      <c r="KH32" s="61">
        <v>5</v>
      </c>
      <c r="KI32" s="61">
        <v>7</v>
      </c>
      <c r="KJ32" s="61">
        <v>6</v>
      </c>
      <c r="KK32" s="61">
        <v>5</v>
      </c>
      <c r="KL32" s="62">
        <v>26</v>
      </c>
      <c r="KM32" s="63">
        <v>35</v>
      </c>
    </row>
    <row r="33" spans="2:299" ht="21" customHeight="1" x14ac:dyDescent="0.2">
      <c r="B33" s="472" t="s">
        <v>30</v>
      </c>
      <c r="C33" s="293">
        <v>3</v>
      </c>
      <c r="D33" s="72">
        <v>4</v>
      </c>
      <c r="E33" s="73">
        <v>7</v>
      </c>
      <c r="F33" s="228"/>
      <c r="G33" s="72">
        <v>3</v>
      </c>
      <c r="H33" s="72">
        <v>2</v>
      </c>
      <c r="I33" s="72">
        <v>4</v>
      </c>
      <c r="J33" s="72">
        <v>7</v>
      </c>
      <c r="K33" s="72">
        <v>0</v>
      </c>
      <c r="L33" s="74">
        <v>16</v>
      </c>
      <c r="M33" s="75">
        <v>23</v>
      </c>
      <c r="N33" s="60">
        <v>0</v>
      </c>
      <c r="O33" s="61">
        <v>0</v>
      </c>
      <c r="P33" s="62">
        <v>0</v>
      </c>
      <c r="Q33" s="231"/>
      <c r="R33" s="61">
        <v>0</v>
      </c>
      <c r="S33" s="61">
        <v>0</v>
      </c>
      <c r="T33" s="61">
        <v>0</v>
      </c>
      <c r="U33" s="61">
        <v>0</v>
      </c>
      <c r="V33" s="61">
        <v>0</v>
      </c>
      <c r="W33" s="62">
        <v>0</v>
      </c>
      <c r="X33" s="63">
        <v>0</v>
      </c>
      <c r="Y33" s="60">
        <v>1</v>
      </c>
      <c r="Z33" s="61">
        <v>0</v>
      </c>
      <c r="AA33" s="62">
        <v>1</v>
      </c>
      <c r="AB33" s="228"/>
      <c r="AC33" s="61">
        <v>0</v>
      </c>
      <c r="AD33" s="61">
        <v>0</v>
      </c>
      <c r="AE33" s="61">
        <v>1</v>
      </c>
      <c r="AF33" s="61">
        <v>0</v>
      </c>
      <c r="AG33" s="61">
        <v>0</v>
      </c>
      <c r="AH33" s="62">
        <v>1</v>
      </c>
      <c r="AI33" s="63">
        <v>2</v>
      </c>
      <c r="AJ33" s="60">
        <v>0</v>
      </c>
      <c r="AK33" s="61">
        <v>0</v>
      </c>
      <c r="AL33" s="62">
        <v>0</v>
      </c>
      <c r="AM33" s="228"/>
      <c r="AN33" s="61">
        <v>0</v>
      </c>
      <c r="AO33" s="61">
        <v>0</v>
      </c>
      <c r="AP33" s="61">
        <v>0</v>
      </c>
      <c r="AQ33" s="61">
        <v>0</v>
      </c>
      <c r="AR33" s="61">
        <v>0</v>
      </c>
      <c r="AS33" s="62">
        <v>0</v>
      </c>
      <c r="AT33" s="63">
        <v>0</v>
      </c>
      <c r="AU33" s="60">
        <v>0</v>
      </c>
      <c r="AV33" s="61">
        <v>1</v>
      </c>
      <c r="AW33" s="62">
        <v>1</v>
      </c>
      <c r="AX33" s="228"/>
      <c r="AY33" s="61">
        <v>1</v>
      </c>
      <c r="AZ33" s="61">
        <v>0</v>
      </c>
      <c r="BA33" s="61">
        <v>1</v>
      </c>
      <c r="BB33" s="61">
        <v>1</v>
      </c>
      <c r="BC33" s="61">
        <v>0</v>
      </c>
      <c r="BD33" s="62">
        <v>3</v>
      </c>
      <c r="BE33" s="63">
        <v>4</v>
      </c>
      <c r="BF33" s="60">
        <v>1</v>
      </c>
      <c r="BG33" s="61">
        <v>1</v>
      </c>
      <c r="BH33" s="62">
        <v>2</v>
      </c>
      <c r="BI33" s="231"/>
      <c r="BJ33" s="61">
        <v>1</v>
      </c>
      <c r="BK33" s="61">
        <v>1</v>
      </c>
      <c r="BL33" s="61">
        <v>0</v>
      </c>
      <c r="BM33" s="61">
        <v>1</v>
      </c>
      <c r="BN33" s="61">
        <v>0</v>
      </c>
      <c r="BO33" s="62">
        <v>3</v>
      </c>
      <c r="BP33" s="63">
        <v>5</v>
      </c>
      <c r="BQ33" s="60">
        <v>1</v>
      </c>
      <c r="BR33" s="61">
        <v>2</v>
      </c>
      <c r="BS33" s="62">
        <v>3</v>
      </c>
      <c r="BT33" s="231"/>
      <c r="BU33" s="61">
        <v>1</v>
      </c>
      <c r="BV33" s="61">
        <v>1</v>
      </c>
      <c r="BW33" s="61">
        <v>2</v>
      </c>
      <c r="BX33" s="61">
        <v>5</v>
      </c>
      <c r="BY33" s="61">
        <v>0</v>
      </c>
      <c r="BZ33" s="62">
        <v>9</v>
      </c>
      <c r="CA33" s="63">
        <v>12</v>
      </c>
      <c r="CB33" s="60">
        <v>0</v>
      </c>
      <c r="CC33" s="61">
        <v>0</v>
      </c>
      <c r="CD33" s="62">
        <v>0</v>
      </c>
      <c r="CE33" s="231"/>
      <c r="CF33" s="61">
        <v>0</v>
      </c>
      <c r="CG33" s="61">
        <v>0</v>
      </c>
      <c r="CH33" s="61">
        <v>0</v>
      </c>
      <c r="CI33" s="61">
        <v>0</v>
      </c>
      <c r="CJ33" s="61">
        <v>0</v>
      </c>
      <c r="CK33" s="62">
        <v>0</v>
      </c>
      <c r="CL33" s="63">
        <v>0</v>
      </c>
      <c r="CM33" s="60">
        <v>3</v>
      </c>
      <c r="CN33" s="61">
        <v>4</v>
      </c>
      <c r="CO33" s="62">
        <v>7</v>
      </c>
      <c r="CP33" s="231"/>
      <c r="CQ33" s="61">
        <v>3</v>
      </c>
      <c r="CR33" s="61">
        <v>2</v>
      </c>
      <c r="CS33" s="61">
        <v>4</v>
      </c>
      <c r="CT33" s="61">
        <v>7</v>
      </c>
      <c r="CU33" s="61">
        <v>0</v>
      </c>
      <c r="CV33" s="62">
        <v>16</v>
      </c>
      <c r="CW33" s="63">
        <v>23</v>
      </c>
      <c r="CX33" s="113">
        <v>0</v>
      </c>
      <c r="CY33" s="72">
        <v>0</v>
      </c>
      <c r="CZ33" s="73">
        <v>0</v>
      </c>
      <c r="DA33" s="228"/>
      <c r="DB33" s="72">
        <v>2</v>
      </c>
      <c r="DC33" s="72">
        <v>2</v>
      </c>
      <c r="DD33" s="72">
        <v>0</v>
      </c>
      <c r="DE33" s="72">
        <v>1</v>
      </c>
      <c r="DF33" s="72">
        <v>1</v>
      </c>
      <c r="DG33" s="74">
        <v>6</v>
      </c>
      <c r="DH33" s="75">
        <v>6</v>
      </c>
      <c r="DI33" s="60">
        <v>0</v>
      </c>
      <c r="DJ33" s="61">
        <v>0</v>
      </c>
      <c r="DK33" s="62">
        <v>0</v>
      </c>
      <c r="DL33" s="231"/>
      <c r="DM33" s="61">
        <v>0</v>
      </c>
      <c r="DN33" s="61">
        <v>0</v>
      </c>
      <c r="DO33" s="61">
        <v>0</v>
      </c>
      <c r="DP33" s="61">
        <v>0</v>
      </c>
      <c r="DQ33" s="61">
        <v>0</v>
      </c>
      <c r="DR33" s="62">
        <v>0</v>
      </c>
      <c r="DS33" s="63">
        <v>0</v>
      </c>
      <c r="DT33" s="60">
        <v>0</v>
      </c>
      <c r="DU33" s="61">
        <v>0</v>
      </c>
      <c r="DV33" s="62">
        <v>0</v>
      </c>
      <c r="DW33" s="231"/>
      <c r="DX33" s="61">
        <v>0</v>
      </c>
      <c r="DY33" s="61">
        <v>0</v>
      </c>
      <c r="DZ33" s="61">
        <v>0</v>
      </c>
      <c r="EA33" s="61">
        <v>0</v>
      </c>
      <c r="EB33" s="61">
        <v>0</v>
      </c>
      <c r="EC33" s="62">
        <v>0</v>
      </c>
      <c r="ED33" s="63">
        <v>0</v>
      </c>
      <c r="EE33" s="60">
        <v>0</v>
      </c>
      <c r="EF33" s="61">
        <v>0</v>
      </c>
      <c r="EG33" s="62">
        <v>0</v>
      </c>
      <c r="EH33" s="231"/>
      <c r="EI33" s="61">
        <v>0</v>
      </c>
      <c r="EJ33" s="61">
        <v>0</v>
      </c>
      <c r="EK33" s="61">
        <v>0</v>
      </c>
      <c r="EL33" s="61">
        <v>0</v>
      </c>
      <c r="EM33" s="61">
        <v>0</v>
      </c>
      <c r="EN33" s="62">
        <v>0</v>
      </c>
      <c r="EO33" s="63">
        <v>0</v>
      </c>
      <c r="EP33" s="60">
        <v>0</v>
      </c>
      <c r="EQ33" s="61">
        <v>0</v>
      </c>
      <c r="ER33" s="62">
        <v>0</v>
      </c>
      <c r="ES33" s="231"/>
      <c r="ET33" s="61">
        <v>1</v>
      </c>
      <c r="EU33" s="61">
        <v>1</v>
      </c>
      <c r="EV33" s="61">
        <v>0</v>
      </c>
      <c r="EW33" s="61">
        <v>0</v>
      </c>
      <c r="EX33" s="61">
        <v>0</v>
      </c>
      <c r="EY33" s="62">
        <v>2</v>
      </c>
      <c r="EZ33" s="63">
        <v>2</v>
      </c>
      <c r="FA33" s="60">
        <v>0</v>
      </c>
      <c r="FB33" s="61">
        <v>0</v>
      </c>
      <c r="FC33" s="62">
        <v>0</v>
      </c>
      <c r="FD33" s="231"/>
      <c r="FE33" s="61">
        <v>1</v>
      </c>
      <c r="FF33" s="61">
        <v>0</v>
      </c>
      <c r="FG33" s="61">
        <v>0</v>
      </c>
      <c r="FH33" s="61">
        <v>0</v>
      </c>
      <c r="FI33" s="61">
        <v>1</v>
      </c>
      <c r="FJ33" s="62">
        <v>2</v>
      </c>
      <c r="FK33" s="63">
        <v>2</v>
      </c>
      <c r="FL33" s="60">
        <v>0</v>
      </c>
      <c r="FM33" s="61">
        <v>0</v>
      </c>
      <c r="FN33" s="62">
        <v>0</v>
      </c>
      <c r="FO33" s="231"/>
      <c r="FP33" s="61">
        <v>0</v>
      </c>
      <c r="FQ33" s="61">
        <v>1</v>
      </c>
      <c r="FR33" s="61">
        <v>0</v>
      </c>
      <c r="FS33" s="61">
        <v>1</v>
      </c>
      <c r="FT33" s="61">
        <v>0</v>
      </c>
      <c r="FU33" s="62">
        <v>2</v>
      </c>
      <c r="FV33" s="63">
        <v>2</v>
      </c>
      <c r="FW33" s="60">
        <v>0</v>
      </c>
      <c r="FX33" s="61">
        <v>0</v>
      </c>
      <c r="FY33" s="62">
        <v>0</v>
      </c>
      <c r="FZ33" s="231"/>
      <c r="GA33" s="61">
        <v>0</v>
      </c>
      <c r="GB33" s="61">
        <v>0</v>
      </c>
      <c r="GC33" s="61">
        <v>0</v>
      </c>
      <c r="GD33" s="61">
        <v>0</v>
      </c>
      <c r="GE33" s="61">
        <v>0</v>
      </c>
      <c r="GF33" s="62">
        <v>0</v>
      </c>
      <c r="GG33" s="63">
        <v>0</v>
      </c>
      <c r="GH33" s="60">
        <v>0</v>
      </c>
      <c r="GI33" s="61">
        <v>0</v>
      </c>
      <c r="GJ33" s="62">
        <v>0</v>
      </c>
      <c r="GK33" s="231"/>
      <c r="GL33" s="61">
        <v>2</v>
      </c>
      <c r="GM33" s="61">
        <v>2</v>
      </c>
      <c r="GN33" s="61">
        <v>0</v>
      </c>
      <c r="GO33" s="61">
        <v>1</v>
      </c>
      <c r="GP33" s="61">
        <v>1</v>
      </c>
      <c r="GQ33" s="62">
        <v>6</v>
      </c>
      <c r="GR33" s="63">
        <v>6</v>
      </c>
      <c r="GS33" s="113">
        <v>3</v>
      </c>
      <c r="GT33" s="72">
        <v>4</v>
      </c>
      <c r="GU33" s="73">
        <v>7</v>
      </c>
      <c r="GV33" s="228"/>
      <c r="GW33" s="72">
        <v>5</v>
      </c>
      <c r="GX33" s="72">
        <v>4</v>
      </c>
      <c r="GY33" s="72">
        <v>4</v>
      </c>
      <c r="GZ33" s="72">
        <v>8</v>
      </c>
      <c r="HA33" s="72">
        <v>1</v>
      </c>
      <c r="HB33" s="74">
        <v>22</v>
      </c>
      <c r="HC33" s="75">
        <v>29</v>
      </c>
      <c r="HD33" s="60">
        <v>0</v>
      </c>
      <c r="HE33" s="61">
        <v>0</v>
      </c>
      <c r="HF33" s="62">
        <v>0</v>
      </c>
      <c r="HG33" s="231"/>
      <c r="HH33" s="61">
        <v>0</v>
      </c>
      <c r="HI33" s="61">
        <v>0</v>
      </c>
      <c r="HJ33" s="61">
        <v>0</v>
      </c>
      <c r="HK33" s="61">
        <v>0</v>
      </c>
      <c r="HL33" s="61">
        <v>0</v>
      </c>
      <c r="HM33" s="62">
        <v>0</v>
      </c>
      <c r="HN33" s="63">
        <v>0</v>
      </c>
      <c r="HO33" s="60">
        <v>1</v>
      </c>
      <c r="HP33" s="61">
        <v>0</v>
      </c>
      <c r="HQ33" s="62">
        <v>1</v>
      </c>
      <c r="HR33" s="231"/>
      <c r="HS33" s="61">
        <v>0</v>
      </c>
      <c r="HT33" s="61">
        <v>0</v>
      </c>
      <c r="HU33" s="61">
        <v>1</v>
      </c>
      <c r="HV33" s="61">
        <v>0</v>
      </c>
      <c r="HW33" s="61">
        <v>0</v>
      </c>
      <c r="HX33" s="62">
        <v>1</v>
      </c>
      <c r="HY33" s="63">
        <v>2</v>
      </c>
      <c r="HZ33" s="60">
        <v>0</v>
      </c>
      <c r="IA33" s="61">
        <v>0</v>
      </c>
      <c r="IB33" s="62">
        <v>0</v>
      </c>
      <c r="IC33" s="231"/>
      <c r="ID33" s="61">
        <v>0</v>
      </c>
      <c r="IE33" s="61">
        <v>0</v>
      </c>
      <c r="IF33" s="61">
        <v>0</v>
      </c>
      <c r="IG33" s="61">
        <v>0</v>
      </c>
      <c r="IH33" s="61">
        <v>0</v>
      </c>
      <c r="II33" s="62">
        <v>0</v>
      </c>
      <c r="IJ33" s="63">
        <v>0</v>
      </c>
      <c r="IK33" s="60">
        <v>0</v>
      </c>
      <c r="IL33" s="61">
        <v>1</v>
      </c>
      <c r="IM33" s="62">
        <v>1</v>
      </c>
      <c r="IN33" s="231"/>
      <c r="IO33" s="61">
        <v>2</v>
      </c>
      <c r="IP33" s="61">
        <v>1</v>
      </c>
      <c r="IQ33" s="61">
        <v>1</v>
      </c>
      <c r="IR33" s="61">
        <v>1</v>
      </c>
      <c r="IS33" s="61">
        <v>0</v>
      </c>
      <c r="IT33" s="62">
        <v>5</v>
      </c>
      <c r="IU33" s="63">
        <v>6</v>
      </c>
      <c r="IV33" s="60">
        <v>1</v>
      </c>
      <c r="IW33" s="61">
        <v>1</v>
      </c>
      <c r="IX33" s="62">
        <v>2</v>
      </c>
      <c r="IY33" s="231"/>
      <c r="IZ33" s="61">
        <v>2</v>
      </c>
      <c r="JA33" s="61">
        <v>1</v>
      </c>
      <c r="JB33" s="61">
        <v>0</v>
      </c>
      <c r="JC33" s="61">
        <v>1</v>
      </c>
      <c r="JD33" s="61">
        <v>1</v>
      </c>
      <c r="JE33" s="62">
        <v>5</v>
      </c>
      <c r="JF33" s="63">
        <v>7</v>
      </c>
      <c r="JG33" s="60">
        <v>1</v>
      </c>
      <c r="JH33" s="61">
        <v>2</v>
      </c>
      <c r="JI33" s="62">
        <v>3</v>
      </c>
      <c r="JJ33" s="231"/>
      <c r="JK33" s="61">
        <v>1</v>
      </c>
      <c r="JL33" s="61">
        <v>2</v>
      </c>
      <c r="JM33" s="61">
        <v>2</v>
      </c>
      <c r="JN33" s="61">
        <v>6</v>
      </c>
      <c r="JO33" s="61">
        <v>0</v>
      </c>
      <c r="JP33" s="62">
        <v>11</v>
      </c>
      <c r="JQ33" s="63">
        <v>14</v>
      </c>
      <c r="JR33" s="60">
        <v>0</v>
      </c>
      <c r="JS33" s="61">
        <v>0</v>
      </c>
      <c r="JT33" s="62">
        <v>0</v>
      </c>
      <c r="JU33" s="231"/>
      <c r="JV33" s="61">
        <v>0</v>
      </c>
      <c r="JW33" s="61">
        <v>0</v>
      </c>
      <c r="JX33" s="61">
        <v>0</v>
      </c>
      <c r="JY33" s="61">
        <v>0</v>
      </c>
      <c r="JZ33" s="61">
        <v>0</v>
      </c>
      <c r="KA33" s="62">
        <v>0</v>
      </c>
      <c r="KB33" s="63">
        <v>0</v>
      </c>
      <c r="KC33" s="60">
        <v>3</v>
      </c>
      <c r="KD33" s="61">
        <v>4</v>
      </c>
      <c r="KE33" s="62">
        <v>7</v>
      </c>
      <c r="KF33" s="231"/>
      <c r="KG33" s="61">
        <v>5</v>
      </c>
      <c r="KH33" s="61">
        <v>4</v>
      </c>
      <c r="KI33" s="61">
        <v>4</v>
      </c>
      <c r="KJ33" s="61">
        <v>8</v>
      </c>
      <c r="KK33" s="61">
        <v>1</v>
      </c>
      <c r="KL33" s="62">
        <v>22</v>
      </c>
      <c r="KM33" s="63">
        <v>29</v>
      </c>
    </row>
    <row r="34" spans="2:299" ht="21" customHeight="1" x14ac:dyDescent="0.2">
      <c r="B34" s="472" t="s">
        <v>31</v>
      </c>
      <c r="C34" s="293">
        <v>3</v>
      </c>
      <c r="D34" s="72">
        <v>5</v>
      </c>
      <c r="E34" s="73">
        <v>8</v>
      </c>
      <c r="F34" s="228"/>
      <c r="G34" s="72">
        <v>7</v>
      </c>
      <c r="H34" s="72">
        <v>5</v>
      </c>
      <c r="I34" s="72">
        <v>8</v>
      </c>
      <c r="J34" s="72">
        <v>2</v>
      </c>
      <c r="K34" s="72">
        <v>1</v>
      </c>
      <c r="L34" s="74">
        <v>23</v>
      </c>
      <c r="M34" s="75">
        <v>31</v>
      </c>
      <c r="N34" s="60">
        <v>0</v>
      </c>
      <c r="O34" s="61">
        <v>0</v>
      </c>
      <c r="P34" s="62">
        <v>0</v>
      </c>
      <c r="Q34" s="231"/>
      <c r="R34" s="61">
        <v>0</v>
      </c>
      <c r="S34" s="61">
        <v>0</v>
      </c>
      <c r="T34" s="61">
        <v>0</v>
      </c>
      <c r="U34" s="61">
        <v>0</v>
      </c>
      <c r="V34" s="61">
        <v>1</v>
      </c>
      <c r="W34" s="62">
        <v>1</v>
      </c>
      <c r="X34" s="63">
        <v>1</v>
      </c>
      <c r="Y34" s="60">
        <v>0</v>
      </c>
      <c r="Z34" s="61">
        <v>0</v>
      </c>
      <c r="AA34" s="62">
        <v>0</v>
      </c>
      <c r="AB34" s="228"/>
      <c r="AC34" s="61">
        <v>0</v>
      </c>
      <c r="AD34" s="61">
        <v>0</v>
      </c>
      <c r="AE34" s="61">
        <v>0</v>
      </c>
      <c r="AF34" s="61">
        <v>0</v>
      </c>
      <c r="AG34" s="61">
        <v>0</v>
      </c>
      <c r="AH34" s="62">
        <v>0</v>
      </c>
      <c r="AI34" s="63">
        <v>0</v>
      </c>
      <c r="AJ34" s="60">
        <v>0</v>
      </c>
      <c r="AK34" s="61">
        <v>1</v>
      </c>
      <c r="AL34" s="62">
        <v>1</v>
      </c>
      <c r="AM34" s="228"/>
      <c r="AN34" s="61">
        <v>0</v>
      </c>
      <c r="AO34" s="61">
        <v>0</v>
      </c>
      <c r="AP34" s="61">
        <v>1</v>
      </c>
      <c r="AQ34" s="61">
        <v>0</v>
      </c>
      <c r="AR34" s="61">
        <v>0</v>
      </c>
      <c r="AS34" s="62">
        <v>1</v>
      </c>
      <c r="AT34" s="63">
        <v>2</v>
      </c>
      <c r="AU34" s="60">
        <v>0</v>
      </c>
      <c r="AV34" s="61">
        <v>1</v>
      </c>
      <c r="AW34" s="62">
        <v>1</v>
      </c>
      <c r="AX34" s="228"/>
      <c r="AY34" s="61">
        <v>0</v>
      </c>
      <c r="AZ34" s="61">
        <v>1</v>
      </c>
      <c r="BA34" s="61">
        <v>1</v>
      </c>
      <c r="BB34" s="61">
        <v>1</v>
      </c>
      <c r="BC34" s="61">
        <v>0</v>
      </c>
      <c r="BD34" s="62">
        <v>3</v>
      </c>
      <c r="BE34" s="63">
        <v>4</v>
      </c>
      <c r="BF34" s="60">
        <v>0</v>
      </c>
      <c r="BG34" s="61">
        <v>2</v>
      </c>
      <c r="BH34" s="62">
        <v>2</v>
      </c>
      <c r="BI34" s="231"/>
      <c r="BJ34" s="61">
        <v>4</v>
      </c>
      <c r="BK34" s="61">
        <v>2</v>
      </c>
      <c r="BL34" s="61">
        <v>1</v>
      </c>
      <c r="BM34" s="61">
        <v>1</v>
      </c>
      <c r="BN34" s="61">
        <v>0</v>
      </c>
      <c r="BO34" s="62">
        <v>8</v>
      </c>
      <c r="BP34" s="63">
        <v>10</v>
      </c>
      <c r="BQ34" s="60">
        <v>3</v>
      </c>
      <c r="BR34" s="61">
        <v>1</v>
      </c>
      <c r="BS34" s="62">
        <v>4</v>
      </c>
      <c r="BT34" s="231"/>
      <c r="BU34" s="61">
        <v>3</v>
      </c>
      <c r="BV34" s="61">
        <v>2</v>
      </c>
      <c r="BW34" s="61">
        <v>5</v>
      </c>
      <c r="BX34" s="61">
        <v>0</v>
      </c>
      <c r="BY34" s="61">
        <v>0</v>
      </c>
      <c r="BZ34" s="62">
        <v>10</v>
      </c>
      <c r="CA34" s="63">
        <v>14</v>
      </c>
      <c r="CB34" s="60">
        <v>0</v>
      </c>
      <c r="CC34" s="61">
        <v>0</v>
      </c>
      <c r="CD34" s="62">
        <v>0</v>
      </c>
      <c r="CE34" s="231"/>
      <c r="CF34" s="61">
        <v>0</v>
      </c>
      <c r="CG34" s="61">
        <v>0</v>
      </c>
      <c r="CH34" s="61">
        <v>0</v>
      </c>
      <c r="CI34" s="61">
        <v>0</v>
      </c>
      <c r="CJ34" s="61">
        <v>0</v>
      </c>
      <c r="CK34" s="62">
        <v>0</v>
      </c>
      <c r="CL34" s="63">
        <v>0</v>
      </c>
      <c r="CM34" s="60">
        <v>3</v>
      </c>
      <c r="CN34" s="61">
        <v>5</v>
      </c>
      <c r="CO34" s="62">
        <v>8</v>
      </c>
      <c r="CP34" s="231"/>
      <c r="CQ34" s="61">
        <v>7</v>
      </c>
      <c r="CR34" s="61">
        <v>5</v>
      </c>
      <c r="CS34" s="61">
        <v>8</v>
      </c>
      <c r="CT34" s="61">
        <v>2</v>
      </c>
      <c r="CU34" s="61">
        <v>1</v>
      </c>
      <c r="CV34" s="62">
        <v>23</v>
      </c>
      <c r="CW34" s="63">
        <v>31</v>
      </c>
      <c r="CX34" s="113">
        <v>3</v>
      </c>
      <c r="CY34" s="72">
        <v>0</v>
      </c>
      <c r="CZ34" s="73">
        <v>3</v>
      </c>
      <c r="DA34" s="228"/>
      <c r="DB34" s="72">
        <v>0</v>
      </c>
      <c r="DC34" s="72">
        <v>1</v>
      </c>
      <c r="DD34" s="72">
        <v>0</v>
      </c>
      <c r="DE34" s="72">
        <v>1</v>
      </c>
      <c r="DF34" s="72">
        <v>1</v>
      </c>
      <c r="DG34" s="74">
        <v>3</v>
      </c>
      <c r="DH34" s="75">
        <v>6</v>
      </c>
      <c r="DI34" s="60">
        <v>0</v>
      </c>
      <c r="DJ34" s="61">
        <v>0</v>
      </c>
      <c r="DK34" s="62">
        <v>0</v>
      </c>
      <c r="DL34" s="231"/>
      <c r="DM34" s="61">
        <v>0</v>
      </c>
      <c r="DN34" s="61">
        <v>0</v>
      </c>
      <c r="DO34" s="61">
        <v>0</v>
      </c>
      <c r="DP34" s="61">
        <v>0</v>
      </c>
      <c r="DQ34" s="61">
        <v>0</v>
      </c>
      <c r="DR34" s="62">
        <v>0</v>
      </c>
      <c r="DS34" s="63">
        <v>0</v>
      </c>
      <c r="DT34" s="60">
        <v>0</v>
      </c>
      <c r="DU34" s="61">
        <v>0</v>
      </c>
      <c r="DV34" s="62">
        <v>0</v>
      </c>
      <c r="DW34" s="231"/>
      <c r="DX34" s="61">
        <v>0</v>
      </c>
      <c r="DY34" s="61">
        <v>0</v>
      </c>
      <c r="DZ34" s="61">
        <v>0</v>
      </c>
      <c r="EA34" s="61">
        <v>0</v>
      </c>
      <c r="EB34" s="61">
        <v>0</v>
      </c>
      <c r="EC34" s="62">
        <v>0</v>
      </c>
      <c r="ED34" s="63">
        <v>0</v>
      </c>
      <c r="EE34" s="60">
        <v>0</v>
      </c>
      <c r="EF34" s="61">
        <v>0</v>
      </c>
      <c r="EG34" s="62">
        <v>0</v>
      </c>
      <c r="EH34" s="231"/>
      <c r="EI34" s="61">
        <v>0</v>
      </c>
      <c r="EJ34" s="61">
        <v>0</v>
      </c>
      <c r="EK34" s="61">
        <v>0</v>
      </c>
      <c r="EL34" s="61">
        <v>0</v>
      </c>
      <c r="EM34" s="61">
        <v>0</v>
      </c>
      <c r="EN34" s="62">
        <v>0</v>
      </c>
      <c r="EO34" s="63">
        <v>0</v>
      </c>
      <c r="EP34" s="60">
        <v>1</v>
      </c>
      <c r="EQ34" s="61">
        <v>0</v>
      </c>
      <c r="ER34" s="62">
        <v>1</v>
      </c>
      <c r="ES34" s="231"/>
      <c r="ET34" s="61">
        <v>0</v>
      </c>
      <c r="EU34" s="61">
        <v>1</v>
      </c>
      <c r="EV34" s="61">
        <v>0</v>
      </c>
      <c r="EW34" s="61">
        <v>0</v>
      </c>
      <c r="EX34" s="61">
        <v>0</v>
      </c>
      <c r="EY34" s="62">
        <v>1</v>
      </c>
      <c r="EZ34" s="63">
        <v>2</v>
      </c>
      <c r="FA34" s="60">
        <v>1</v>
      </c>
      <c r="FB34" s="61">
        <v>0</v>
      </c>
      <c r="FC34" s="62">
        <v>1</v>
      </c>
      <c r="FD34" s="231"/>
      <c r="FE34" s="61">
        <v>0</v>
      </c>
      <c r="FF34" s="61">
        <v>0</v>
      </c>
      <c r="FG34" s="61">
        <v>0</v>
      </c>
      <c r="FH34" s="61">
        <v>0</v>
      </c>
      <c r="FI34" s="61">
        <v>0</v>
      </c>
      <c r="FJ34" s="62">
        <v>0</v>
      </c>
      <c r="FK34" s="63">
        <v>1</v>
      </c>
      <c r="FL34" s="60">
        <v>1</v>
      </c>
      <c r="FM34" s="61">
        <v>0</v>
      </c>
      <c r="FN34" s="62">
        <v>1</v>
      </c>
      <c r="FO34" s="231"/>
      <c r="FP34" s="61">
        <v>0</v>
      </c>
      <c r="FQ34" s="61">
        <v>0</v>
      </c>
      <c r="FR34" s="61">
        <v>0</v>
      </c>
      <c r="FS34" s="61">
        <v>1</v>
      </c>
      <c r="FT34" s="61">
        <v>1</v>
      </c>
      <c r="FU34" s="62">
        <v>2</v>
      </c>
      <c r="FV34" s="63">
        <v>3</v>
      </c>
      <c r="FW34" s="60">
        <v>0</v>
      </c>
      <c r="FX34" s="61">
        <v>0</v>
      </c>
      <c r="FY34" s="62">
        <v>0</v>
      </c>
      <c r="FZ34" s="231"/>
      <c r="GA34" s="61">
        <v>0</v>
      </c>
      <c r="GB34" s="61">
        <v>0</v>
      </c>
      <c r="GC34" s="61">
        <v>0</v>
      </c>
      <c r="GD34" s="61">
        <v>0</v>
      </c>
      <c r="GE34" s="61">
        <v>0</v>
      </c>
      <c r="GF34" s="62">
        <v>0</v>
      </c>
      <c r="GG34" s="63">
        <v>0</v>
      </c>
      <c r="GH34" s="60">
        <v>3</v>
      </c>
      <c r="GI34" s="61">
        <v>0</v>
      </c>
      <c r="GJ34" s="62">
        <v>3</v>
      </c>
      <c r="GK34" s="231"/>
      <c r="GL34" s="61">
        <v>0</v>
      </c>
      <c r="GM34" s="61">
        <v>1</v>
      </c>
      <c r="GN34" s="61">
        <v>0</v>
      </c>
      <c r="GO34" s="61">
        <v>1</v>
      </c>
      <c r="GP34" s="61">
        <v>1</v>
      </c>
      <c r="GQ34" s="62">
        <v>3</v>
      </c>
      <c r="GR34" s="63">
        <v>6</v>
      </c>
      <c r="GS34" s="113">
        <v>6</v>
      </c>
      <c r="GT34" s="72">
        <v>5</v>
      </c>
      <c r="GU34" s="73">
        <v>11</v>
      </c>
      <c r="GV34" s="228"/>
      <c r="GW34" s="72">
        <v>7</v>
      </c>
      <c r="GX34" s="72">
        <v>6</v>
      </c>
      <c r="GY34" s="72">
        <v>8</v>
      </c>
      <c r="GZ34" s="72">
        <v>3</v>
      </c>
      <c r="HA34" s="72">
        <v>2</v>
      </c>
      <c r="HB34" s="74">
        <v>26</v>
      </c>
      <c r="HC34" s="75">
        <v>37</v>
      </c>
      <c r="HD34" s="60">
        <v>0</v>
      </c>
      <c r="HE34" s="61">
        <v>0</v>
      </c>
      <c r="HF34" s="62">
        <v>0</v>
      </c>
      <c r="HG34" s="231"/>
      <c r="HH34" s="61">
        <v>0</v>
      </c>
      <c r="HI34" s="61">
        <v>0</v>
      </c>
      <c r="HJ34" s="61">
        <v>0</v>
      </c>
      <c r="HK34" s="61">
        <v>0</v>
      </c>
      <c r="HL34" s="61">
        <v>1</v>
      </c>
      <c r="HM34" s="62">
        <v>1</v>
      </c>
      <c r="HN34" s="63">
        <v>1</v>
      </c>
      <c r="HO34" s="60">
        <v>0</v>
      </c>
      <c r="HP34" s="61">
        <v>0</v>
      </c>
      <c r="HQ34" s="62">
        <v>0</v>
      </c>
      <c r="HR34" s="231"/>
      <c r="HS34" s="61">
        <v>0</v>
      </c>
      <c r="HT34" s="61">
        <v>0</v>
      </c>
      <c r="HU34" s="61">
        <v>0</v>
      </c>
      <c r="HV34" s="61">
        <v>0</v>
      </c>
      <c r="HW34" s="61">
        <v>0</v>
      </c>
      <c r="HX34" s="62">
        <v>0</v>
      </c>
      <c r="HY34" s="63">
        <v>0</v>
      </c>
      <c r="HZ34" s="60">
        <v>0</v>
      </c>
      <c r="IA34" s="61">
        <v>1</v>
      </c>
      <c r="IB34" s="62">
        <v>1</v>
      </c>
      <c r="IC34" s="231"/>
      <c r="ID34" s="61">
        <v>0</v>
      </c>
      <c r="IE34" s="61">
        <v>0</v>
      </c>
      <c r="IF34" s="61">
        <v>1</v>
      </c>
      <c r="IG34" s="61">
        <v>0</v>
      </c>
      <c r="IH34" s="61">
        <v>0</v>
      </c>
      <c r="II34" s="62">
        <v>1</v>
      </c>
      <c r="IJ34" s="63">
        <v>2</v>
      </c>
      <c r="IK34" s="60">
        <v>1</v>
      </c>
      <c r="IL34" s="61">
        <v>1</v>
      </c>
      <c r="IM34" s="62">
        <v>2</v>
      </c>
      <c r="IN34" s="231"/>
      <c r="IO34" s="61">
        <v>0</v>
      </c>
      <c r="IP34" s="61">
        <v>2</v>
      </c>
      <c r="IQ34" s="61">
        <v>1</v>
      </c>
      <c r="IR34" s="61">
        <v>1</v>
      </c>
      <c r="IS34" s="61">
        <v>0</v>
      </c>
      <c r="IT34" s="62">
        <v>4</v>
      </c>
      <c r="IU34" s="63">
        <v>6</v>
      </c>
      <c r="IV34" s="60">
        <v>1</v>
      </c>
      <c r="IW34" s="61">
        <v>2</v>
      </c>
      <c r="IX34" s="62">
        <v>3</v>
      </c>
      <c r="IY34" s="231"/>
      <c r="IZ34" s="61">
        <v>4</v>
      </c>
      <c r="JA34" s="61">
        <v>2</v>
      </c>
      <c r="JB34" s="61">
        <v>1</v>
      </c>
      <c r="JC34" s="61">
        <v>1</v>
      </c>
      <c r="JD34" s="61">
        <v>0</v>
      </c>
      <c r="JE34" s="62">
        <v>8</v>
      </c>
      <c r="JF34" s="63">
        <v>11</v>
      </c>
      <c r="JG34" s="60">
        <v>4</v>
      </c>
      <c r="JH34" s="61">
        <v>1</v>
      </c>
      <c r="JI34" s="62">
        <v>5</v>
      </c>
      <c r="JJ34" s="231"/>
      <c r="JK34" s="61">
        <v>3</v>
      </c>
      <c r="JL34" s="61">
        <v>2</v>
      </c>
      <c r="JM34" s="61">
        <v>5</v>
      </c>
      <c r="JN34" s="61">
        <v>1</v>
      </c>
      <c r="JO34" s="61">
        <v>1</v>
      </c>
      <c r="JP34" s="62">
        <v>12</v>
      </c>
      <c r="JQ34" s="63">
        <v>17</v>
      </c>
      <c r="JR34" s="60">
        <v>0</v>
      </c>
      <c r="JS34" s="61">
        <v>0</v>
      </c>
      <c r="JT34" s="62">
        <v>0</v>
      </c>
      <c r="JU34" s="231"/>
      <c r="JV34" s="61">
        <v>0</v>
      </c>
      <c r="JW34" s="61">
        <v>0</v>
      </c>
      <c r="JX34" s="61">
        <v>0</v>
      </c>
      <c r="JY34" s="61">
        <v>0</v>
      </c>
      <c r="JZ34" s="61">
        <v>0</v>
      </c>
      <c r="KA34" s="62">
        <v>0</v>
      </c>
      <c r="KB34" s="63">
        <v>0</v>
      </c>
      <c r="KC34" s="60">
        <v>6</v>
      </c>
      <c r="KD34" s="61">
        <v>5</v>
      </c>
      <c r="KE34" s="62">
        <v>11</v>
      </c>
      <c r="KF34" s="231"/>
      <c r="KG34" s="61">
        <v>7</v>
      </c>
      <c r="KH34" s="61">
        <v>6</v>
      </c>
      <c r="KI34" s="61">
        <v>8</v>
      </c>
      <c r="KJ34" s="61">
        <v>3</v>
      </c>
      <c r="KK34" s="61">
        <v>2</v>
      </c>
      <c r="KL34" s="62">
        <v>26</v>
      </c>
      <c r="KM34" s="63">
        <v>37</v>
      </c>
    </row>
    <row r="35" spans="2:299" ht="21" customHeight="1" x14ac:dyDescent="0.2">
      <c r="B35" s="472" t="s">
        <v>32</v>
      </c>
      <c r="C35" s="293">
        <v>2</v>
      </c>
      <c r="D35" s="72">
        <v>5</v>
      </c>
      <c r="E35" s="73">
        <v>7</v>
      </c>
      <c r="F35" s="228"/>
      <c r="G35" s="72">
        <v>12</v>
      </c>
      <c r="H35" s="72">
        <v>12</v>
      </c>
      <c r="I35" s="72">
        <v>4</v>
      </c>
      <c r="J35" s="72">
        <v>5</v>
      </c>
      <c r="K35" s="72">
        <v>1</v>
      </c>
      <c r="L35" s="74">
        <v>34</v>
      </c>
      <c r="M35" s="75">
        <v>41</v>
      </c>
      <c r="N35" s="60">
        <v>1</v>
      </c>
      <c r="O35" s="61">
        <v>0</v>
      </c>
      <c r="P35" s="62">
        <v>1</v>
      </c>
      <c r="Q35" s="231"/>
      <c r="R35" s="61">
        <v>0</v>
      </c>
      <c r="S35" s="61">
        <v>0</v>
      </c>
      <c r="T35" s="61">
        <v>0</v>
      </c>
      <c r="U35" s="61">
        <v>0</v>
      </c>
      <c r="V35" s="61">
        <v>0</v>
      </c>
      <c r="W35" s="62">
        <v>0</v>
      </c>
      <c r="X35" s="63">
        <v>1</v>
      </c>
      <c r="Y35" s="60">
        <v>0</v>
      </c>
      <c r="Z35" s="61">
        <v>0</v>
      </c>
      <c r="AA35" s="62">
        <v>0</v>
      </c>
      <c r="AB35" s="228"/>
      <c r="AC35" s="61">
        <v>0</v>
      </c>
      <c r="AD35" s="61">
        <v>0</v>
      </c>
      <c r="AE35" s="61">
        <v>0</v>
      </c>
      <c r="AF35" s="61">
        <v>0</v>
      </c>
      <c r="AG35" s="61">
        <v>0</v>
      </c>
      <c r="AH35" s="62">
        <v>0</v>
      </c>
      <c r="AI35" s="63">
        <v>0</v>
      </c>
      <c r="AJ35" s="60">
        <v>0</v>
      </c>
      <c r="AK35" s="61">
        <v>0</v>
      </c>
      <c r="AL35" s="62">
        <v>0</v>
      </c>
      <c r="AM35" s="228"/>
      <c r="AN35" s="61">
        <v>0</v>
      </c>
      <c r="AO35" s="61">
        <v>2</v>
      </c>
      <c r="AP35" s="61">
        <v>0</v>
      </c>
      <c r="AQ35" s="61">
        <v>0</v>
      </c>
      <c r="AR35" s="61">
        <v>0</v>
      </c>
      <c r="AS35" s="62">
        <v>2</v>
      </c>
      <c r="AT35" s="63">
        <v>2</v>
      </c>
      <c r="AU35" s="60">
        <v>0</v>
      </c>
      <c r="AV35" s="61">
        <v>2</v>
      </c>
      <c r="AW35" s="62">
        <v>2</v>
      </c>
      <c r="AX35" s="228"/>
      <c r="AY35" s="61">
        <v>2</v>
      </c>
      <c r="AZ35" s="61">
        <v>1</v>
      </c>
      <c r="BA35" s="61">
        <v>2</v>
      </c>
      <c r="BB35" s="61">
        <v>1</v>
      </c>
      <c r="BC35" s="61">
        <v>0</v>
      </c>
      <c r="BD35" s="62">
        <v>6</v>
      </c>
      <c r="BE35" s="63">
        <v>8</v>
      </c>
      <c r="BF35" s="60">
        <v>0</v>
      </c>
      <c r="BG35" s="61">
        <v>1</v>
      </c>
      <c r="BH35" s="62">
        <v>1</v>
      </c>
      <c r="BI35" s="231"/>
      <c r="BJ35" s="61">
        <v>5</v>
      </c>
      <c r="BK35" s="61">
        <v>3</v>
      </c>
      <c r="BL35" s="61">
        <v>2</v>
      </c>
      <c r="BM35" s="61">
        <v>4</v>
      </c>
      <c r="BN35" s="61">
        <v>1</v>
      </c>
      <c r="BO35" s="62">
        <v>15</v>
      </c>
      <c r="BP35" s="63">
        <v>16</v>
      </c>
      <c r="BQ35" s="60">
        <v>1</v>
      </c>
      <c r="BR35" s="61">
        <v>2</v>
      </c>
      <c r="BS35" s="62">
        <v>3</v>
      </c>
      <c r="BT35" s="231"/>
      <c r="BU35" s="61">
        <v>5</v>
      </c>
      <c r="BV35" s="61">
        <v>6</v>
      </c>
      <c r="BW35" s="61">
        <v>0</v>
      </c>
      <c r="BX35" s="61">
        <v>0</v>
      </c>
      <c r="BY35" s="61">
        <v>0</v>
      </c>
      <c r="BZ35" s="62">
        <v>11</v>
      </c>
      <c r="CA35" s="63">
        <v>14</v>
      </c>
      <c r="CB35" s="60">
        <v>0</v>
      </c>
      <c r="CC35" s="61">
        <v>0</v>
      </c>
      <c r="CD35" s="62">
        <v>0</v>
      </c>
      <c r="CE35" s="231"/>
      <c r="CF35" s="61">
        <v>0</v>
      </c>
      <c r="CG35" s="61">
        <v>0</v>
      </c>
      <c r="CH35" s="61">
        <v>0</v>
      </c>
      <c r="CI35" s="61">
        <v>0</v>
      </c>
      <c r="CJ35" s="61">
        <v>0</v>
      </c>
      <c r="CK35" s="62">
        <v>0</v>
      </c>
      <c r="CL35" s="63">
        <v>0</v>
      </c>
      <c r="CM35" s="60">
        <v>2</v>
      </c>
      <c r="CN35" s="61">
        <v>5</v>
      </c>
      <c r="CO35" s="62">
        <v>7</v>
      </c>
      <c r="CP35" s="231"/>
      <c r="CQ35" s="61">
        <v>12</v>
      </c>
      <c r="CR35" s="61">
        <v>12</v>
      </c>
      <c r="CS35" s="61">
        <v>4</v>
      </c>
      <c r="CT35" s="61">
        <v>5</v>
      </c>
      <c r="CU35" s="61">
        <v>1</v>
      </c>
      <c r="CV35" s="62">
        <v>34</v>
      </c>
      <c r="CW35" s="63">
        <v>41</v>
      </c>
      <c r="CX35" s="113">
        <v>0</v>
      </c>
      <c r="CY35" s="72">
        <v>0</v>
      </c>
      <c r="CZ35" s="73">
        <v>0</v>
      </c>
      <c r="DA35" s="228"/>
      <c r="DB35" s="72">
        <v>1</v>
      </c>
      <c r="DC35" s="72">
        <v>3</v>
      </c>
      <c r="DD35" s="72">
        <v>1</v>
      </c>
      <c r="DE35" s="72">
        <v>3</v>
      </c>
      <c r="DF35" s="72">
        <v>3</v>
      </c>
      <c r="DG35" s="74">
        <v>11</v>
      </c>
      <c r="DH35" s="75">
        <v>11</v>
      </c>
      <c r="DI35" s="60">
        <v>0</v>
      </c>
      <c r="DJ35" s="61">
        <v>0</v>
      </c>
      <c r="DK35" s="62">
        <v>0</v>
      </c>
      <c r="DL35" s="231"/>
      <c r="DM35" s="61">
        <v>1</v>
      </c>
      <c r="DN35" s="61">
        <v>0</v>
      </c>
      <c r="DO35" s="61">
        <v>0</v>
      </c>
      <c r="DP35" s="61">
        <v>0</v>
      </c>
      <c r="DQ35" s="61">
        <v>0</v>
      </c>
      <c r="DR35" s="62">
        <v>1</v>
      </c>
      <c r="DS35" s="63">
        <v>1</v>
      </c>
      <c r="DT35" s="60">
        <v>0</v>
      </c>
      <c r="DU35" s="61">
        <v>0</v>
      </c>
      <c r="DV35" s="62">
        <v>0</v>
      </c>
      <c r="DW35" s="231"/>
      <c r="DX35" s="61">
        <v>0</v>
      </c>
      <c r="DY35" s="61">
        <v>0</v>
      </c>
      <c r="DZ35" s="61">
        <v>0</v>
      </c>
      <c r="EA35" s="61">
        <v>0</v>
      </c>
      <c r="EB35" s="61">
        <v>0</v>
      </c>
      <c r="EC35" s="62">
        <v>0</v>
      </c>
      <c r="ED35" s="63">
        <v>0</v>
      </c>
      <c r="EE35" s="60">
        <v>0</v>
      </c>
      <c r="EF35" s="61">
        <v>0</v>
      </c>
      <c r="EG35" s="62">
        <v>0</v>
      </c>
      <c r="EH35" s="231"/>
      <c r="EI35" s="61">
        <v>0</v>
      </c>
      <c r="EJ35" s="61">
        <v>0</v>
      </c>
      <c r="EK35" s="61">
        <v>0</v>
      </c>
      <c r="EL35" s="61">
        <v>0</v>
      </c>
      <c r="EM35" s="61">
        <v>0</v>
      </c>
      <c r="EN35" s="62">
        <v>0</v>
      </c>
      <c r="EO35" s="63">
        <v>0</v>
      </c>
      <c r="EP35" s="60">
        <v>0</v>
      </c>
      <c r="EQ35" s="61">
        <v>0</v>
      </c>
      <c r="ER35" s="62">
        <v>0</v>
      </c>
      <c r="ES35" s="231"/>
      <c r="ET35" s="61">
        <v>0</v>
      </c>
      <c r="EU35" s="61">
        <v>1</v>
      </c>
      <c r="EV35" s="61">
        <v>0</v>
      </c>
      <c r="EW35" s="61">
        <v>0</v>
      </c>
      <c r="EX35" s="61">
        <v>0</v>
      </c>
      <c r="EY35" s="62">
        <v>1</v>
      </c>
      <c r="EZ35" s="63">
        <v>1</v>
      </c>
      <c r="FA35" s="60">
        <v>0</v>
      </c>
      <c r="FB35" s="61">
        <v>0</v>
      </c>
      <c r="FC35" s="62">
        <v>0</v>
      </c>
      <c r="FD35" s="231"/>
      <c r="FE35" s="61">
        <v>0</v>
      </c>
      <c r="FF35" s="61">
        <v>1</v>
      </c>
      <c r="FG35" s="61">
        <v>1</v>
      </c>
      <c r="FH35" s="61">
        <v>1</v>
      </c>
      <c r="FI35" s="61">
        <v>1</v>
      </c>
      <c r="FJ35" s="62">
        <v>4</v>
      </c>
      <c r="FK35" s="63">
        <v>4</v>
      </c>
      <c r="FL35" s="60">
        <v>0</v>
      </c>
      <c r="FM35" s="61">
        <v>0</v>
      </c>
      <c r="FN35" s="62">
        <v>0</v>
      </c>
      <c r="FO35" s="231"/>
      <c r="FP35" s="61">
        <v>0</v>
      </c>
      <c r="FQ35" s="61">
        <v>1</v>
      </c>
      <c r="FR35" s="61">
        <v>0</v>
      </c>
      <c r="FS35" s="61">
        <v>2</v>
      </c>
      <c r="FT35" s="61">
        <v>2</v>
      </c>
      <c r="FU35" s="62">
        <v>5</v>
      </c>
      <c r="FV35" s="63">
        <v>5</v>
      </c>
      <c r="FW35" s="60">
        <v>0</v>
      </c>
      <c r="FX35" s="61">
        <v>0</v>
      </c>
      <c r="FY35" s="62">
        <v>0</v>
      </c>
      <c r="FZ35" s="231"/>
      <c r="GA35" s="61">
        <v>0</v>
      </c>
      <c r="GB35" s="61">
        <v>0</v>
      </c>
      <c r="GC35" s="61">
        <v>0</v>
      </c>
      <c r="GD35" s="61">
        <v>0</v>
      </c>
      <c r="GE35" s="61">
        <v>0</v>
      </c>
      <c r="GF35" s="62">
        <v>0</v>
      </c>
      <c r="GG35" s="63">
        <v>0</v>
      </c>
      <c r="GH35" s="60">
        <v>0</v>
      </c>
      <c r="GI35" s="61">
        <v>0</v>
      </c>
      <c r="GJ35" s="62">
        <v>0</v>
      </c>
      <c r="GK35" s="231"/>
      <c r="GL35" s="61">
        <v>1</v>
      </c>
      <c r="GM35" s="61">
        <v>3</v>
      </c>
      <c r="GN35" s="61">
        <v>1</v>
      </c>
      <c r="GO35" s="61">
        <v>3</v>
      </c>
      <c r="GP35" s="61">
        <v>3</v>
      </c>
      <c r="GQ35" s="62">
        <v>11</v>
      </c>
      <c r="GR35" s="63">
        <v>11</v>
      </c>
      <c r="GS35" s="113">
        <v>2</v>
      </c>
      <c r="GT35" s="72">
        <v>5</v>
      </c>
      <c r="GU35" s="73">
        <v>7</v>
      </c>
      <c r="GV35" s="228"/>
      <c r="GW35" s="72">
        <v>13</v>
      </c>
      <c r="GX35" s="72">
        <v>15</v>
      </c>
      <c r="GY35" s="72">
        <v>5</v>
      </c>
      <c r="GZ35" s="72">
        <v>8</v>
      </c>
      <c r="HA35" s="72">
        <v>4</v>
      </c>
      <c r="HB35" s="74">
        <v>45</v>
      </c>
      <c r="HC35" s="75">
        <v>52</v>
      </c>
      <c r="HD35" s="60">
        <v>1</v>
      </c>
      <c r="HE35" s="61">
        <v>0</v>
      </c>
      <c r="HF35" s="62">
        <v>1</v>
      </c>
      <c r="HG35" s="231"/>
      <c r="HH35" s="61">
        <v>1</v>
      </c>
      <c r="HI35" s="61">
        <v>0</v>
      </c>
      <c r="HJ35" s="61">
        <v>0</v>
      </c>
      <c r="HK35" s="61">
        <v>0</v>
      </c>
      <c r="HL35" s="61">
        <v>0</v>
      </c>
      <c r="HM35" s="62">
        <v>1</v>
      </c>
      <c r="HN35" s="63">
        <v>2</v>
      </c>
      <c r="HO35" s="60">
        <v>0</v>
      </c>
      <c r="HP35" s="61">
        <v>0</v>
      </c>
      <c r="HQ35" s="62">
        <v>0</v>
      </c>
      <c r="HR35" s="231"/>
      <c r="HS35" s="61">
        <v>0</v>
      </c>
      <c r="HT35" s="61">
        <v>0</v>
      </c>
      <c r="HU35" s="61">
        <v>0</v>
      </c>
      <c r="HV35" s="61">
        <v>0</v>
      </c>
      <c r="HW35" s="61">
        <v>0</v>
      </c>
      <c r="HX35" s="62">
        <v>0</v>
      </c>
      <c r="HY35" s="63">
        <v>0</v>
      </c>
      <c r="HZ35" s="60">
        <v>0</v>
      </c>
      <c r="IA35" s="61">
        <v>0</v>
      </c>
      <c r="IB35" s="62">
        <v>0</v>
      </c>
      <c r="IC35" s="231"/>
      <c r="ID35" s="61">
        <v>0</v>
      </c>
      <c r="IE35" s="61">
        <v>2</v>
      </c>
      <c r="IF35" s="61">
        <v>0</v>
      </c>
      <c r="IG35" s="61">
        <v>0</v>
      </c>
      <c r="IH35" s="61">
        <v>0</v>
      </c>
      <c r="II35" s="62">
        <v>2</v>
      </c>
      <c r="IJ35" s="63">
        <v>2</v>
      </c>
      <c r="IK35" s="60">
        <v>0</v>
      </c>
      <c r="IL35" s="61">
        <v>2</v>
      </c>
      <c r="IM35" s="62">
        <v>2</v>
      </c>
      <c r="IN35" s="231"/>
      <c r="IO35" s="61">
        <v>2</v>
      </c>
      <c r="IP35" s="61">
        <v>2</v>
      </c>
      <c r="IQ35" s="61">
        <v>2</v>
      </c>
      <c r="IR35" s="61">
        <v>1</v>
      </c>
      <c r="IS35" s="61">
        <v>0</v>
      </c>
      <c r="IT35" s="62">
        <v>7</v>
      </c>
      <c r="IU35" s="63">
        <v>9</v>
      </c>
      <c r="IV35" s="60">
        <v>0</v>
      </c>
      <c r="IW35" s="61">
        <v>1</v>
      </c>
      <c r="IX35" s="62">
        <v>1</v>
      </c>
      <c r="IY35" s="231"/>
      <c r="IZ35" s="61">
        <v>5</v>
      </c>
      <c r="JA35" s="61">
        <v>4</v>
      </c>
      <c r="JB35" s="61">
        <v>3</v>
      </c>
      <c r="JC35" s="61">
        <v>5</v>
      </c>
      <c r="JD35" s="61">
        <v>2</v>
      </c>
      <c r="JE35" s="62">
        <v>19</v>
      </c>
      <c r="JF35" s="63">
        <v>20</v>
      </c>
      <c r="JG35" s="60">
        <v>1</v>
      </c>
      <c r="JH35" s="61">
        <v>2</v>
      </c>
      <c r="JI35" s="62">
        <v>3</v>
      </c>
      <c r="JJ35" s="231"/>
      <c r="JK35" s="61">
        <v>5</v>
      </c>
      <c r="JL35" s="61">
        <v>7</v>
      </c>
      <c r="JM35" s="61">
        <v>0</v>
      </c>
      <c r="JN35" s="61">
        <v>2</v>
      </c>
      <c r="JO35" s="61">
        <v>2</v>
      </c>
      <c r="JP35" s="62">
        <v>16</v>
      </c>
      <c r="JQ35" s="63">
        <v>19</v>
      </c>
      <c r="JR35" s="60">
        <v>0</v>
      </c>
      <c r="JS35" s="61">
        <v>0</v>
      </c>
      <c r="JT35" s="62">
        <v>0</v>
      </c>
      <c r="JU35" s="231"/>
      <c r="JV35" s="61">
        <v>0</v>
      </c>
      <c r="JW35" s="61">
        <v>0</v>
      </c>
      <c r="JX35" s="61">
        <v>0</v>
      </c>
      <c r="JY35" s="61">
        <v>0</v>
      </c>
      <c r="JZ35" s="61">
        <v>0</v>
      </c>
      <c r="KA35" s="62">
        <v>0</v>
      </c>
      <c r="KB35" s="63">
        <v>0</v>
      </c>
      <c r="KC35" s="60">
        <v>2</v>
      </c>
      <c r="KD35" s="61">
        <v>5</v>
      </c>
      <c r="KE35" s="62">
        <v>7</v>
      </c>
      <c r="KF35" s="231"/>
      <c r="KG35" s="61">
        <v>13</v>
      </c>
      <c r="KH35" s="61">
        <v>15</v>
      </c>
      <c r="KI35" s="61">
        <v>5</v>
      </c>
      <c r="KJ35" s="61">
        <v>8</v>
      </c>
      <c r="KK35" s="61">
        <v>4</v>
      </c>
      <c r="KL35" s="62">
        <v>45</v>
      </c>
      <c r="KM35" s="63">
        <v>52</v>
      </c>
    </row>
    <row r="36" spans="2:299" ht="21" customHeight="1" x14ac:dyDescent="0.2">
      <c r="B36" s="472" t="s">
        <v>33</v>
      </c>
      <c r="C36" s="293">
        <v>6</v>
      </c>
      <c r="D36" s="72">
        <v>4</v>
      </c>
      <c r="E36" s="73">
        <v>10</v>
      </c>
      <c r="F36" s="228"/>
      <c r="G36" s="72">
        <v>5</v>
      </c>
      <c r="H36" s="72">
        <v>2</v>
      </c>
      <c r="I36" s="72">
        <v>4</v>
      </c>
      <c r="J36" s="72">
        <v>0</v>
      </c>
      <c r="K36" s="72">
        <v>1</v>
      </c>
      <c r="L36" s="74">
        <v>12</v>
      </c>
      <c r="M36" s="75">
        <v>22</v>
      </c>
      <c r="N36" s="60">
        <v>0</v>
      </c>
      <c r="O36" s="61">
        <v>0</v>
      </c>
      <c r="P36" s="62">
        <v>0</v>
      </c>
      <c r="Q36" s="231"/>
      <c r="R36" s="61">
        <v>0</v>
      </c>
      <c r="S36" s="61">
        <v>0</v>
      </c>
      <c r="T36" s="61">
        <v>0</v>
      </c>
      <c r="U36" s="61">
        <v>0</v>
      </c>
      <c r="V36" s="61">
        <v>0</v>
      </c>
      <c r="W36" s="62">
        <v>0</v>
      </c>
      <c r="X36" s="63">
        <v>0</v>
      </c>
      <c r="Y36" s="60">
        <v>0</v>
      </c>
      <c r="Z36" s="61">
        <v>0</v>
      </c>
      <c r="AA36" s="62">
        <v>0</v>
      </c>
      <c r="AB36" s="228"/>
      <c r="AC36" s="61">
        <v>0</v>
      </c>
      <c r="AD36" s="61">
        <v>0</v>
      </c>
      <c r="AE36" s="61">
        <v>0</v>
      </c>
      <c r="AF36" s="61">
        <v>0</v>
      </c>
      <c r="AG36" s="61">
        <v>0</v>
      </c>
      <c r="AH36" s="62">
        <v>0</v>
      </c>
      <c r="AI36" s="63">
        <v>0</v>
      </c>
      <c r="AJ36" s="60">
        <v>2</v>
      </c>
      <c r="AK36" s="61">
        <v>0</v>
      </c>
      <c r="AL36" s="62">
        <v>2</v>
      </c>
      <c r="AM36" s="228"/>
      <c r="AN36" s="61">
        <v>0</v>
      </c>
      <c r="AO36" s="61">
        <v>0</v>
      </c>
      <c r="AP36" s="61">
        <v>0</v>
      </c>
      <c r="AQ36" s="61">
        <v>0</v>
      </c>
      <c r="AR36" s="61">
        <v>1</v>
      </c>
      <c r="AS36" s="62">
        <v>1</v>
      </c>
      <c r="AT36" s="63">
        <v>3</v>
      </c>
      <c r="AU36" s="60">
        <v>1</v>
      </c>
      <c r="AV36" s="61">
        <v>1</v>
      </c>
      <c r="AW36" s="62">
        <v>2</v>
      </c>
      <c r="AX36" s="228"/>
      <c r="AY36" s="61">
        <v>1</v>
      </c>
      <c r="AZ36" s="61">
        <v>0</v>
      </c>
      <c r="BA36" s="61">
        <v>2</v>
      </c>
      <c r="BB36" s="61">
        <v>0</v>
      </c>
      <c r="BC36" s="61">
        <v>0</v>
      </c>
      <c r="BD36" s="62">
        <v>3</v>
      </c>
      <c r="BE36" s="63">
        <v>5</v>
      </c>
      <c r="BF36" s="60">
        <v>1</v>
      </c>
      <c r="BG36" s="61">
        <v>2</v>
      </c>
      <c r="BH36" s="62">
        <v>3</v>
      </c>
      <c r="BI36" s="231"/>
      <c r="BJ36" s="61">
        <v>1</v>
      </c>
      <c r="BK36" s="61">
        <v>0</v>
      </c>
      <c r="BL36" s="61">
        <v>2</v>
      </c>
      <c r="BM36" s="61">
        <v>0</v>
      </c>
      <c r="BN36" s="61">
        <v>0</v>
      </c>
      <c r="BO36" s="62">
        <v>3</v>
      </c>
      <c r="BP36" s="63">
        <v>6</v>
      </c>
      <c r="BQ36" s="60">
        <v>2</v>
      </c>
      <c r="BR36" s="61">
        <v>1</v>
      </c>
      <c r="BS36" s="62">
        <v>3</v>
      </c>
      <c r="BT36" s="231"/>
      <c r="BU36" s="61">
        <v>3</v>
      </c>
      <c r="BV36" s="61">
        <v>2</v>
      </c>
      <c r="BW36" s="61">
        <v>0</v>
      </c>
      <c r="BX36" s="61">
        <v>0</v>
      </c>
      <c r="BY36" s="61">
        <v>0</v>
      </c>
      <c r="BZ36" s="62">
        <v>5</v>
      </c>
      <c r="CA36" s="63">
        <v>8</v>
      </c>
      <c r="CB36" s="60">
        <v>0</v>
      </c>
      <c r="CC36" s="61">
        <v>0</v>
      </c>
      <c r="CD36" s="62">
        <v>0</v>
      </c>
      <c r="CE36" s="231"/>
      <c r="CF36" s="61">
        <v>0</v>
      </c>
      <c r="CG36" s="61">
        <v>0</v>
      </c>
      <c r="CH36" s="61">
        <v>0</v>
      </c>
      <c r="CI36" s="61">
        <v>0</v>
      </c>
      <c r="CJ36" s="61">
        <v>0</v>
      </c>
      <c r="CK36" s="62">
        <v>0</v>
      </c>
      <c r="CL36" s="63">
        <v>0</v>
      </c>
      <c r="CM36" s="60">
        <v>6</v>
      </c>
      <c r="CN36" s="61">
        <v>4</v>
      </c>
      <c r="CO36" s="62">
        <v>10</v>
      </c>
      <c r="CP36" s="231"/>
      <c r="CQ36" s="61">
        <v>5</v>
      </c>
      <c r="CR36" s="61">
        <v>2</v>
      </c>
      <c r="CS36" s="61">
        <v>4</v>
      </c>
      <c r="CT36" s="61">
        <v>0</v>
      </c>
      <c r="CU36" s="61">
        <v>1</v>
      </c>
      <c r="CV36" s="62">
        <v>12</v>
      </c>
      <c r="CW36" s="63">
        <v>22</v>
      </c>
      <c r="CX36" s="113">
        <v>0</v>
      </c>
      <c r="CY36" s="72">
        <v>2</v>
      </c>
      <c r="CZ36" s="73">
        <v>2</v>
      </c>
      <c r="DA36" s="228"/>
      <c r="DB36" s="72">
        <v>2</v>
      </c>
      <c r="DC36" s="72">
        <v>2</v>
      </c>
      <c r="DD36" s="72">
        <v>0</v>
      </c>
      <c r="DE36" s="72">
        <v>0</v>
      </c>
      <c r="DF36" s="72">
        <v>0</v>
      </c>
      <c r="DG36" s="74">
        <v>4</v>
      </c>
      <c r="DH36" s="75">
        <v>6</v>
      </c>
      <c r="DI36" s="60">
        <v>0</v>
      </c>
      <c r="DJ36" s="61">
        <v>0</v>
      </c>
      <c r="DK36" s="62">
        <v>0</v>
      </c>
      <c r="DL36" s="231"/>
      <c r="DM36" s="61">
        <v>0</v>
      </c>
      <c r="DN36" s="61">
        <v>0</v>
      </c>
      <c r="DO36" s="61">
        <v>0</v>
      </c>
      <c r="DP36" s="61">
        <v>0</v>
      </c>
      <c r="DQ36" s="61">
        <v>0</v>
      </c>
      <c r="DR36" s="62">
        <v>0</v>
      </c>
      <c r="DS36" s="63">
        <v>0</v>
      </c>
      <c r="DT36" s="60">
        <v>0</v>
      </c>
      <c r="DU36" s="61">
        <v>1</v>
      </c>
      <c r="DV36" s="62">
        <v>1</v>
      </c>
      <c r="DW36" s="231"/>
      <c r="DX36" s="61">
        <v>0</v>
      </c>
      <c r="DY36" s="61">
        <v>0</v>
      </c>
      <c r="DZ36" s="61">
        <v>0</v>
      </c>
      <c r="EA36" s="61">
        <v>0</v>
      </c>
      <c r="EB36" s="61">
        <v>0</v>
      </c>
      <c r="EC36" s="62">
        <v>0</v>
      </c>
      <c r="ED36" s="63">
        <v>1</v>
      </c>
      <c r="EE36" s="60">
        <v>0</v>
      </c>
      <c r="EF36" s="61">
        <v>0</v>
      </c>
      <c r="EG36" s="62">
        <v>0</v>
      </c>
      <c r="EH36" s="231"/>
      <c r="EI36" s="61">
        <v>0</v>
      </c>
      <c r="EJ36" s="61">
        <v>0</v>
      </c>
      <c r="EK36" s="61">
        <v>0</v>
      </c>
      <c r="EL36" s="61">
        <v>0</v>
      </c>
      <c r="EM36" s="61">
        <v>0</v>
      </c>
      <c r="EN36" s="62">
        <v>0</v>
      </c>
      <c r="EO36" s="63">
        <v>0</v>
      </c>
      <c r="EP36" s="60">
        <v>0</v>
      </c>
      <c r="EQ36" s="61">
        <v>0</v>
      </c>
      <c r="ER36" s="62">
        <v>0</v>
      </c>
      <c r="ES36" s="231"/>
      <c r="ET36" s="61">
        <v>0</v>
      </c>
      <c r="EU36" s="61">
        <v>0</v>
      </c>
      <c r="EV36" s="61">
        <v>0</v>
      </c>
      <c r="EW36" s="61">
        <v>0</v>
      </c>
      <c r="EX36" s="61">
        <v>0</v>
      </c>
      <c r="EY36" s="62">
        <v>0</v>
      </c>
      <c r="EZ36" s="63">
        <v>0</v>
      </c>
      <c r="FA36" s="60">
        <v>0</v>
      </c>
      <c r="FB36" s="61">
        <v>0</v>
      </c>
      <c r="FC36" s="62">
        <v>0</v>
      </c>
      <c r="FD36" s="231"/>
      <c r="FE36" s="61">
        <v>1</v>
      </c>
      <c r="FF36" s="61">
        <v>0</v>
      </c>
      <c r="FG36" s="61">
        <v>0</v>
      </c>
      <c r="FH36" s="61">
        <v>0</v>
      </c>
      <c r="FI36" s="61">
        <v>0</v>
      </c>
      <c r="FJ36" s="62">
        <v>1</v>
      </c>
      <c r="FK36" s="63">
        <v>1</v>
      </c>
      <c r="FL36" s="60">
        <v>0</v>
      </c>
      <c r="FM36" s="61">
        <v>1</v>
      </c>
      <c r="FN36" s="62">
        <v>1</v>
      </c>
      <c r="FO36" s="231"/>
      <c r="FP36" s="61">
        <v>1</v>
      </c>
      <c r="FQ36" s="61">
        <v>2</v>
      </c>
      <c r="FR36" s="61">
        <v>0</v>
      </c>
      <c r="FS36" s="61">
        <v>0</v>
      </c>
      <c r="FT36" s="61">
        <v>0</v>
      </c>
      <c r="FU36" s="62">
        <v>3</v>
      </c>
      <c r="FV36" s="63">
        <v>4</v>
      </c>
      <c r="FW36" s="60">
        <v>0</v>
      </c>
      <c r="FX36" s="61">
        <v>0</v>
      </c>
      <c r="FY36" s="62">
        <v>0</v>
      </c>
      <c r="FZ36" s="231"/>
      <c r="GA36" s="61">
        <v>0</v>
      </c>
      <c r="GB36" s="61">
        <v>0</v>
      </c>
      <c r="GC36" s="61">
        <v>0</v>
      </c>
      <c r="GD36" s="61">
        <v>0</v>
      </c>
      <c r="GE36" s="61">
        <v>0</v>
      </c>
      <c r="GF36" s="62">
        <v>0</v>
      </c>
      <c r="GG36" s="63">
        <v>0</v>
      </c>
      <c r="GH36" s="60">
        <v>0</v>
      </c>
      <c r="GI36" s="61">
        <v>2</v>
      </c>
      <c r="GJ36" s="62">
        <v>2</v>
      </c>
      <c r="GK36" s="231"/>
      <c r="GL36" s="61">
        <v>2</v>
      </c>
      <c r="GM36" s="61">
        <v>2</v>
      </c>
      <c r="GN36" s="61">
        <v>0</v>
      </c>
      <c r="GO36" s="61">
        <v>0</v>
      </c>
      <c r="GP36" s="61">
        <v>0</v>
      </c>
      <c r="GQ36" s="62">
        <v>4</v>
      </c>
      <c r="GR36" s="63">
        <v>6</v>
      </c>
      <c r="GS36" s="113">
        <v>6</v>
      </c>
      <c r="GT36" s="72">
        <v>6</v>
      </c>
      <c r="GU36" s="73">
        <v>12</v>
      </c>
      <c r="GV36" s="228"/>
      <c r="GW36" s="72">
        <v>7</v>
      </c>
      <c r="GX36" s="72">
        <v>4</v>
      </c>
      <c r="GY36" s="72">
        <v>4</v>
      </c>
      <c r="GZ36" s="72">
        <v>0</v>
      </c>
      <c r="HA36" s="72">
        <v>1</v>
      </c>
      <c r="HB36" s="74">
        <v>16</v>
      </c>
      <c r="HC36" s="75">
        <v>28</v>
      </c>
      <c r="HD36" s="60">
        <v>0</v>
      </c>
      <c r="HE36" s="61">
        <v>0</v>
      </c>
      <c r="HF36" s="62">
        <v>0</v>
      </c>
      <c r="HG36" s="231"/>
      <c r="HH36" s="61">
        <v>0</v>
      </c>
      <c r="HI36" s="61">
        <v>0</v>
      </c>
      <c r="HJ36" s="61">
        <v>0</v>
      </c>
      <c r="HK36" s="61">
        <v>0</v>
      </c>
      <c r="HL36" s="61">
        <v>0</v>
      </c>
      <c r="HM36" s="62">
        <v>0</v>
      </c>
      <c r="HN36" s="63">
        <v>0</v>
      </c>
      <c r="HO36" s="60">
        <v>0</v>
      </c>
      <c r="HP36" s="61">
        <v>1</v>
      </c>
      <c r="HQ36" s="62">
        <v>1</v>
      </c>
      <c r="HR36" s="231"/>
      <c r="HS36" s="61">
        <v>0</v>
      </c>
      <c r="HT36" s="61">
        <v>0</v>
      </c>
      <c r="HU36" s="61">
        <v>0</v>
      </c>
      <c r="HV36" s="61">
        <v>0</v>
      </c>
      <c r="HW36" s="61">
        <v>0</v>
      </c>
      <c r="HX36" s="62">
        <v>0</v>
      </c>
      <c r="HY36" s="63">
        <v>1</v>
      </c>
      <c r="HZ36" s="60">
        <v>2</v>
      </c>
      <c r="IA36" s="61">
        <v>0</v>
      </c>
      <c r="IB36" s="62">
        <v>2</v>
      </c>
      <c r="IC36" s="231"/>
      <c r="ID36" s="61">
        <v>0</v>
      </c>
      <c r="IE36" s="61">
        <v>0</v>
      </c>
      <c r="IF36" s="61">
        <v>0</v>
      </c>
      <c r="IG36" s="61">
        <v>0</v>
      </c>
      <c r="IH36" s="61">
        <v>1</v>
      </c>
      <c r="II36" s="62">
        <v>1</v>
      </c>
      <c r="IJ36" s="63">
        <v>3</v>
      </c>
      <c r="IK36" s="60">
        <v>1</v>
      </c>
      <c r="IL36" s="61">
        <v>1</v>
      </c>
      <c r="IM36" s="62">
        <v>2</v>
      </c>
      <c r="IN36" s="231"/>
      <c r="IO36" s="61">
        <v>1</v>
      </c>
      <c r="IP36" s="61">
        <v>0</v>
      </c>
      <c r="IQ36" s="61">
        <v>2</v>
      </c>
      <c r="IR36" s="61">
        <v>0</v>
      </c>
      <c r="IS36" s="61">
        <v>0</v>
      </c>
      <c r="IT36" s="62">
        <v>3</v>
      </c>
      <c r="IU36" s="63">
        <v>5</v>
      </c>
      <c r="IV36" s="60">
        <v>1</v>
      </c>
      <c r="IW36" s="61">
        <v>2</v>
      </c>
      <c r="IX36" s="62">
        <v>3</v>
      </c>
      <c r="IY36" s="231"/>
      <c r="IZ36" s="61">
        <v>2</v>
      </c>
      <c r="JA36" s="61">
        <v>0</v>
      </c>
      <c r="JB36" s="61">
        <v>2</v>
      </c>
      <c r="JC36" s="61">
        <v>0</v>
      </c>
      <c r="JD36" s="61">
        <v>0</v>
      </c>
      <c r="JE36" s="62">
        <v>4</v>
      </c>
      <c r="JF36" s="63">
        <v>7</v>
      </c>
      <c r="JG36" s="60">
        <v>2</v>
      </c>
      <c r="JH36" s="61">
        <v>2</v>
      </c>
      <c r="JI36" s="62">
        <v>4</v>
      </c>
      <c r="JJ36" s="231"/>
      <c r="JK36" s="61">
        <v>4</v>
      </c>
      <c r="JL36" s="61">
        <v>4</v>
      </c>
      <c r="JM36" s="61">
        <v>0</v>
      </c>
      <c r="JN36" s="61">
        <v>0</v>
      </c>
      <c r="JO36" s="61">
        <v>0</v>
      </c>
      <c r="JP36" s="62">
        <v>8</v>
      </c>
      <c r="JQ36" s="63">
        <v>12</v>
      </c>
      <c r="JR36" s="60">
        <v>0</v>
      </c>
      <c r="JS36" s="61">
        <v>0</v>
      </c>
      <c r="JT36" s="62">
        <v>0</v>
      </c>
      <c r="JU36" s="231"/>
      <c r="JV36" s="61">
        <v>0</v>
      </c>
      <c r="JW36" s="61">
        <v>0</v>
      </c>
      <c r="JX36" s="61">
        <v>0</v>
      </c>
      <c r="JY36" s="61">
        <v>0</v>
      </c>
      <c r="JZ36" s="61">
        <v>0</v>
      </c>
      <c r="KA36" s="62">
        <v>0</v>
      </c>
      <c r="KB36" s="63">
        <v>0</v>
      </c>
      <c r="KC36" s="60">
        <v>6</v>
      </c>
      <c r="KD36" s="61">
        <v>6</v>
      </c>
      <c r="KE36" s="62">
        <v>12</v>
      </c>
      <c r="KF36" s="231"/>
      <c r="KG36" s="61">
        <v>7</v>
      </c>
      <c r="KH36" s="61">
        <v>4</v>
      </c>
      <c r="KI36" s="61">
        <v>4</v>
      </c>
      <c r="KJ36" s="61">
        <v>0</v>
      </c>
      <c r="KK36" s="61">
        <v>1</v>
      </c>
      <c r="KL36" s="62">
        <v>16</v>
      </c>
      <c r="KM36" s="63">
        <v>28</v>
      </c>
    </row>
    <row r="37" spans="2:299" ht="21" customHeight="1" x14ac:dyDescent="0.2">
      <c r="B37" s="472" t="s">
        <v>34</v>
      </c>
      <c r="C37" s="293">
        <v>3</v>
      </c>
      <c r="D37" s="72">
        <v>2</v>
      </c>
      <c r="E37" s="73">
        <v>5</v>
      </c>
      <c r="F37" s="228"/>
      <c r="G37" s="72">
        <v>4</v>
      </c>
      <c r="H37" s="72">
        <v>9</v>
      </c>
      <c r="I37" s="72">
        <v>3</v>
      </c>
      <c r="J37" s="72">
        <v>0</v>
      </c>
      <c r="K37" s="72">
        <v>0</v>
      </c>
      <c r="L37" s="74">
        <v>16</v>
      </c>
      <c r="M37" s="75">
        <v>21</v>
      </c>
      <c r="N37" s="60">
        <v>0</v>
      </c>
      <c r="O37" s="61">
        <v>0</v>
      </c>
      <c r="P37" s="62">
        <v>0</v>
      </c>
      <c r="Q37" s="231"/>
      <c r="R37" s="61">
        <v>0</v>
      </c>
      <c r="S37" s="61">
        <v>0</v>
      </c>
      <c r="T37" s="61">
        <v>0</v>
      </c>
      <c r="U37" s="61">
        <v>0</v>
      </c>
      <c r="V37" s="61">
        <v>0</v>
      </c>
      <c r="W37" s="62">
        <v>0</v>
      </c>
      <c r="X37" s="63">
        <v>0</v>
      </c>
      <c r="Y37" s="60">
        <v>0</v>
      </c>
      <c r="Z37" s="61">
        <v>0</v>
      </c>
      <c r="AA37" s="62">
        <v>0</v>
      </c>
      <c r="AB37" s="228"/>
      <c r="AC37" s="61">
        <v>0</v>
      </c>
      <c r="AD37" s="61">
        <v>0</v>
      </c>
      <c r="AE37" s="61">
        <v>0</v>
      </c>
      <c r="AF37" s="61">
        <v>0</v>
      </c>
      <c r="AG37" s="61">
        <v>0</v>
      </c>
      <c r="AH37" s="62">
        <v>0</v>
      </c>
      <c r="AI37" s="63">
        <v>0</v>
      </c>
      <c r="AJ37" s="60">
        <v>0</v>
      </c>
      <c r="AK37" s="61">
        <v>0</v>
      </c>
      <c r="AL37" s="62">
        <v>0</v>
      </c>
      <c r="AM37" s="228"/>
      <c r="AN37" s="61">
        <v>0</v>
      </c>
      <c r="AO37" s="61">
        <v>0</v>
      </c>
      <c r="AP37" s="61">
        <v>0</v>
      </c>
      <c r="AQ37" s="61">
        <v>0</v>
      </c>
      <c r="AR37" s="61">
        <v>0</v>
      </c>
      <c r="AS37" s="62">
        <v>0</v>
      </c>
      <c r="AT37" s="63">
        <v>0</v>
      </c>
      <c r="AU37" s="60">
        <v>1</v>
      </c>
      <c r="AV37" s="61">
        <v>0</v>
      </c>
      <c r="AW37" s="62">
        <v>1</v>
      </c>
      <c r="AX37" s="228"/>
      <c r="AY37" s="61">
        <v>1</v>
      </c>
      <c r="AZ37" s="61">
        <v>4</v>
      </c>
      <c r="BA37" s="61">
        <v>0</v>
      </c>
      <c r="BB37" s="61">
        <v>0</v>
      </c>
      <c r="BC37" s="61">
        <v>0</v>
      </c>
      <c r="BD37" s="62">
        <v>5</v>
      </c>
      <c r="BE37" s="63">
        <v>6</v>
      </c>
      <c r="BF37" s="60">
        <v>2</v>
      </c>
      <c r="BG37" s="61">
        <v>1</v>
      </c>
      <c r="BH37" s="62">
        <v>3</v>
      </c>
      <c r="BI37" s="231"/>
      <c r="BJ37" s="61">
        <v>1</v>
      </c>
      <c r="BK37" s="61">
        <v>1</v>
      </c>
      <c r="BL37" s="61">
        <v>3</v>
      </c>
      <c r="BM37" s="61">
        <v>0</v>
      </c>
      <c r="BN37" s="61">
        <v>0</v>
      </c>
      <c r="BO37" s="62">
        <v>5</v>
      </c>
      <c r="BP37" s="63">
        <v>8</v>
      </c>
      <c r="BQ37" s="60">
        <v>0</v>
      </c>
      <c r="BR37" s="61">
        <v>1</v>
      </c>
      <c r="BS37" s="62">
        <v>1</v>
      </c>
      <c r="BT37" s="231"/>
      <c r="BU37" s="61">
        <v>2</v>
      </c>
      <c r="BV37" s="61">
        <v>4</v>
      </c>
      <c r="BW37" s="61">
        <v>0</v>
      </c>
      <c r="BX37" s="61">
        <v>0</v>
      </c>
      <c r="BY37" s="61">
        <v>0</v>
      </c>
      <c r="BZ37" s="62">
        <v>6</v>
      </c>
      <c r="CA37" s="63">
        <v>7</v>
      </c>
      <c r="CB37" s="60">
        <v>0</v>
      </c>
      <c r="CC37" s="61">
        <v>0</v>
      </c>
      <c r="CD37" s="62">
        <v>0</v>
      </c>
      <c r="CE37" s="231"/>
      <c r="CF37" s="61">
        <v>0</v>
      </c>
      <c r="CG37" s="61">
        <v>0</v>
      </c>
      <c r="CH37" s="61">
        <v>0</v>
      </c>
      <c r="CI37" s="61">
        <v>0</v>
      </c>
      <c r="CJ37" s="61">
        <v>0</v>
      </c>
      <c r="CK37" s="62">
        <v>0</v>
      </c>
      <c r="CL37" s="63">
        <v>0</v>
      </c>
      <c r="CM37" s="60">
        <v>3</v>
      </c>
      <c r="CN37" s="61">
        <v>2</v>
      </c>
      <c r="CO37" s="62">
        <v>5</v>
      </c>
      <c r="CP37" s="231"/>
      <c r="CQ37" s="61">
        <v>4</v>
      </c>
      <c r="CR37" s="61">
        <v>9</v>
      </c>
      <c r="CS37" s="61">
        <v>3</v>
      </c>
      <c r="CT37" s="61">
        <v>0</v>
      </c>
      <c r="CU37" s="61">
        <v>0</v>
      </c>
      <c r="CV37" s="62">
        <v>16</v>
      </c>
      <c r="CW37" s="63">
        <v>21</v>
      </c>
      <c r="CX37" s="113">
        <v>1</v>
      </c>
      <c r="CY37" s="72">
        <v>0</v>
      </c>
      <c r="CZ37" s="73">
        <v>1</v>
      </c>
      <c r="DA37" s="228"/>
      <c r="DB37" s="72">
        <v>0</v>
      </c>
      <c r="DC37" s="72">
        <v>0</v>
      </c>
      <c r="DD37" s="72">
        <v>1</v>
      </c>
      <c r="DE37" s="72">
        <v>1</v>
      </c>
      <c r="DF37" s="72">
        <v>2</v>
      </c>
      <c r="DG37" s="74">
        <v>4</v>
      </c>
      <c r="DH37" s="75">
        <v>5</v>
      </c>
      <c r="DI37" s="60">
        <v>0</v>
      </c>
      <c r="DJ37" s="61">
        <v>0</v>
      </c>
      <c r="DK37" s="62">
        <v>0</v>
      </c>
      <c r="DL37" s="231"/>
      <c r="DM37" s="61">
        <v>0</v>
      </c>
      <c r="DN37" s="61">
        <v>0</v>
      </c>
      <c r="DO37" s="61">
        <v>0</v>
      </c>
      <c r="DP37" s="61">
        <v>0</v>
      </c>
      <c r="DQ37" s="61">
        <v>0</v>
      </c>
      <c r="DR37" s="62">
        <v>0</v>
      </c>
      <c r="DS37" s="63">
        <v>0</v>
      </c>
      <c r="DT37" s="60">
        <v>0</v>
      </c>
      <c r="DU37" s="61">
        <v>0</v>
      </c>
      <c r="DV37" s="62">
        <v>0</v>
      </c>
      <c r="DW37" s="231"/>
      <c r="DX37" s="61">
        <v>0</v>
      </c>
      <c r="DY37" s="61">
        <v>0</v>
      </c>
      <c r="DZ37" s="61">
        <v>0</v>
      </c>
      <c r="EA37" s="61">
        <v>1</v>
      </c>
      <c r="EB37" s="61">
        <v>0</v>
      </c>
      <c r="EC37" s="62">
        <v>1</v>
      </c>
      <c r="ED37" s="63">
        <v>1</v>
      </c>
      <c r="EE37" s="60">
        <v>0</v>
      </c>
      <c r="EF37" s="61">
        <v>0</v>
      </c>
      <c r="EG37" s="62">
        <v>0</v>
      </c>
      <c r="EH37" s="231"/>
      <c r="EI37" s="61">
        <v>0</v>
      </c>
      <c r="EJ37" s="61">
        <v>0</v>
      </c>
      <c r="EK37" s="61">
        <v>0</v>
      </c>
      <c r="EL37" s="61">
        <v>0</v>
      </c>
      <c r="EM37" s="61">
        <v>0</v>
      </c>
      <c r="EN37" s="62">
        <v>0</v>
      </c>
      <c r="EO37" s="63">
        <v>0</v>
      </c>
      <c r="EP37" s="60">
        <v>0</v>
      </c>
      <c r="EQ37" s="61">
        <v>0</v>
      </c>
      <c r="ER37" s="62">
        <v>0</v>
      </c>
      <c r="ES37" s="231"/>
      <c r="ET37" s="61">
        <v>0</v>
      </c>
      <c r="EU37" s="61">
        <v>0</v>
      </c>
      <c r="EV37" s="61">
        <v>0</v>
      </c>
      <c r="EW37" s="61">
        <v>0</v>
      </c>
      <c r="EX37" s="61">
        <v>0</v>
      </c>
      <c r="EY37" s="62">
        <v>0</v>
      </c>
      <c r="EZ37" s="63">
        <v>0</v>
      </c>
      <c r="FA37" s="60">
        <v>1</v>
      </c>
      <c r="FB37" s="61">
        <v>0</v>
      </c>
      <c r="FC37" s="62">
        <v>1</v>
      </c>
      <c r="FD37" s="231"/>
      <c r="FE37" s="61">
        <v>0</v>
      </c>
      <c r="FF37" s="61">
        <v>0</v>
      </c>
      <c r="FG37" s="61">
        <v>1</v>
      </c>
      <c r="FH37" s="61">
        <v>0</v>
      </c>
      <c r="FI37" s="61">
        <v>0</v>
      </c>
      <c r="FJ37" s="62">
        <v>1</v>
      </c>
      <c r="FK37" s="63">
        <v>2</v>
      </c>
      <c r="FL37" s="60">
        <v>0</v>
      </c>
      <c r="FM37" s="61">
        <v>0</v>
      </c>
      <c r="FN37" s="62">
        <v>0</v>
      </c>
      <c r="FO37" s="231"/>
      <c r="FP37" s="61">
        <v>0</v>
      </c>
      <c r="FQ37" s="61">
        <v>0</v>
      </c>
      <c r="FR37" s="61">
        <v>0</v>
      </c>
      <c r="FS37" s="61">
        <v>0</v>
      </c>
      <c r="FT37" s="61">
        <v>2</v>
      </c>
      <c r="FU37" s="62">
        <v>2</v>
      </c>
      <c r="FV37" s="63">
        <v>2</v>
      </c>
      <c r="FW37" s="60">
        <v>0</v>
      </c>
      <c r="FX37" s="61">
        <v>0</v>
      </c>
      <c r="FY37" s="62">
        <v>0</v>
      </c>
      <c r="FZ37" s="231"/>
      <c r="GA37" s="61">
        <v>0</v>
      </c>
      <c r="GB37" s="61">
        <v>0</v>
      </c>
      <c r="GC37" s="61">
        <v>0</v>
      </c>
      <c r="GD37" s="61">
        <v>0</v>
      </c>
      <c r="GE37" s="61">
        <v>0</v>
      </c>
      <c r="GF37" s="62">
        <v>0</v>
      </c>
      <c r="GG37" s="63">
        <v>0</v>
      </c>
      <c r="GH37" s="60">
        <v>1</v>
      </c>
      <c r="GI37" s="61">
        <v>0</v>
      </c>
      <c r="GJ37" s="62">
        <v>1</v>
      </c>
      <c r="GK37" s="231"/>
      <c r="GL37" s="61">
        <v>0</v>
      </c>
      <c r="GM37" s="61">
        <v>0</v>
      </c>
      <c r="GN37" s="61">
        <v>1</v>
      </c>
      <c r="GO37" s="61">
        <v>1</v>
      </c>
      <c r="GP37" s="61">
        <v>2</v>
      </c>
      <c r="GQ37" s="62">
        <v>4</v>
      </c>
      <c r="GR37" s="63">
        <v>5</v>
      </c>
      <c r="GS37" s="113">
        <v>4</v>
      </c>
      <c r="GT37" s="72">
        <v>2</v>
      </c>
      <c r="GU37" s="73">
        <v>6</v>
      </c>
      <c r="GV37" s="228"/>
      <c r="GW37" s="72">
        <v>4</v>
      </c>
      <c r="GX37" s="72">
        <v>9</v>
      </c>
      <c r="GY37" s="72">
        <v>4</v>
      </c>
      <c r="GZ37" s="72">
        <v>1</v>
      </c>
      <c r="HA37" s="72">
        <v>2</v>
      </c>
      <c r="HB37" s="74">
        <v>20</v>
      </c>
      <c r="HC37" s="75">
        <v>26</v>
      </c>
      <c r="HD37" s="60">
        <v>0</v>
      </c>
      <c r="HE37" s="61">
        <v>0</v>
      </c>
      <c r="HF37" s="62">
        <v>0</v>
      </c>
      <c r="HG37" s="231"/>
      <c r="HH37" s="61">
        <v>0</v>
      </c>
      <c r="HI37" s="61">
        <v>0</v>
      </c>
      <c r="HJ37" s="61">
        <v>0</v>
      </c>
      <c r="HK37" s="61">
        <v>0</v>
      </c>
      <c r="HL37" s="61">
        <v>0</v>
      </c>
      <c r="HM37" s="62">
        <v>0</v>
      </c>
      <c r="HN37" s="63">
        <v>0</v>
      </c>
      <c r="HO37" s="60">
        <v>0</v>
      </c>
      <c r="HP37" s="61">
        <v>0</v>
      </c>
      <c r="HQ37" s="62">
        <v>0</v>
      </c>
      <c r="HR37" s="231"/>
      <c r="HS37" s="61">
        <v>0</v>
      </c>
      <c r="HT37" s="61">
        <v>0</v>
      </c>
      <c r="HU37" s="61">
        <v>0</v>
      </c>
      <c r="HV37" s="61">
        <v>1</v>
      </c>
      <c r="HW37" s="61">
        <v>0</v>
      </c>
      <c r="HX37" s="62">
        <v>1</v>
      </c>
      <c r="HY37" s="63">
        <v>1</v>
      </c>
      <c r="HZ37" s="60">
        <v>0</v>
      </c>
      <c r="IA37" s="61">
        <v>0</v>
      </c>
      <c r="IB37" s="62">
        <v>0</v>
      </c>
      <c r="IC37" s="231"/>
      <c r="ID37" s="61">
        <v>0</v>
      </c>
      <c r="IE37" s="61">
        <v>0</v>
      </c>
      <c r="IF37" s="61">
        <v>0</v>
      </c>
      <c r="IG37" s="61">
        <v>0</v>
      </c>
      <c r="IH37" s="61">
        <v>0</v>
      </c>
      <c r="II37" s="62">
        <v>0</v>
      </c>
      <c r="IJ37" s="63">
        <v>0</v>
      </c>
      <c r="IK37" s="60">
        <v>1</v>
      </c>
      <c r="IL37" s="61">
        <v>0</v>
      </c>
      <c r="IM37" s="62">
        <v>1</v>
      </c>
      <c r="IN37" s="231"/>
      <c r="IO37" s="61">
        <v>1</v>
      </c>
      <c r="IP37" s="61">
        <v>4</v>
      </c>
      <c r="IQ37" s="61">
        <v>0</v>
      </c>
      <c r="IR37" s="61">
        <v>0</v>
      </c>
      <c r="IS37" s="61">
        <v>0</v>
      </c>
      <c r="IT37" s="62">
        <v>5</v>
      </c>
      <c r="IU37" s="63">
        <v>6</v>
      </c>
      <c r="IV37" s="60">
        <v>3</v>
      </c>
      <c r="IW37" s="61">
        <v>1</v>
      </c>
      <c r="IX37" s="62">
        <v>4</v>
      </c>
      <c r="IY37" s="231"/>
      <c r="IZ37" s="61">
        <v>1</v>
      </c>
      <c r="JA37" s="61">
        <v>1</v>
      </c>
      <c r="JB37" s="61">
        <v>4</v>
      </c>
      <c r="JC37" s="61">
        <v>0</v>
      </c>
      <c r="JD37" s="61">
        <v>0</v>
      </c>
      <c r="JE37" s="62">
        <v>6</v>
      </c>
      <c r="JF37" s="63">
        <v>10</v>
      </c>
      <c r="JG37" s="60">
        <v>0</v>
      </c>
      <c r="JH37" s="61">
        <v>1</v>
      </c>
      <c r="JI37" s="62">
        <v>1</v>
      </c>
      <c r="JJ37" s="231"/>
      <c r="JK37" s="61">
        <v>2</v>
      </c>
      <c r="JL37" s="61">
        <v>4</v>
      </c>
      <c r="JM37" s="61">
        <v>0</v>
      </c>
      <c r="JN37" s="61">
        <v>0</v>
      </c>
      <c r="JO37" s="61">
        <v>2</v>
      </c>
      <c r="JP37" s="62">
        <v>8</v>
      </c>
      <c r="JQ37" s="63">
        <v>9</v>
      </c>
      <c r="JR37" s="60">
        <v>0</v>
      </c>
      <c r="JS37" s="61">
        <v>0</v>
      </c>
      <c r="JT37" s="62">
        <v>0</v>
      </c>
      <c r="JU37" s="231"/>
      <c r="JV37" s="61">
        <v>0</v>
      </c>
      <c r="JW37" s="61">
        <v>0</v>
      </c>
      <c r="JX37" s="61">
        <v>0</v>
      </c>
      <c r="JY37" s="61">
        <v>0</v>
      </c>
      <c r="JZ37" s="61">
        <v>0</v>
      </c>
      <c r="KA37" s="62">
        <v>0</v>
      </c>
      <c r="KB37" s="63">
        <v>0</v>
      </c>
      <c r="KC37" s="60">
        <v>4</v>
      </c>
      <c r="KD37" s="61">
        <v>2</v>
      </c>
      <c r="KE37" s="62">
        <v>6</v>
      </c>
      <c r="KF37" s="231"/>
      <c r="KG37" s="61">
        <v>4</v>
      </c>
      <c r="KH37" s="61">
        <v>9</v>
      </c>
      <c r="KI37" s="61">
        <v>4</v>
      </c>
      <c r="KJ37" s="61">
        <v>1</v>
      </c>
      <c r="KK37" s="61">
        <v>2</v>
      </c>
      <c r="KL37" s="62">
        <v>20</v>
      </c>
      <c r="KM37" s="63">
        <v>26</v>
      </c>
    </row>
    <row r="38" spans="2:299" ht="21" customHeight="1" x14ac:dyDescent="0.2">
      <c r="B38" s="472" t="s">
        <v>35</v>
      </c>
      <c r="C38" s="293">
        <v>9</v>
      </c>
      <c r="D38" s="72">
        <v>4</v>
      </c>
      <c r="E38" s="73">
        <v>13</v>
      </c>
      <c r="F38" s="228"/>
      <c r="G38" s="72">
        <v>18</v>
      </c>
      <c r="H38" s="72">
        <v>7</v>
      </c>
      <c r="I38" s="72">
        <v>6</v>
      </c>
      <c r="J38" s="72">
        <v>5</v>
      </c>
      <c r="K38" s="72">
        <v>1</v>
      </c>
      <c r="L38" s="74">
        <v>37</v>
      </c>
      <c r="M38" s="75">
        <v>50</v>
      </c>
      <c r="N38" s="60">
        <v>0</v>
      </c>
      <c r="O38" s="61">
        <v>0</v>
      </c>
      <c r="P38" s="62">
        <v>0</v>
      </c>
      <c r="Q38" s="231"/>
      <c r="R38" s="61">
        <v>1</v>
      </c>
      <c r="S38" s="61">
        <v>0</v>
      </c>
      <c r="T38" s="61">
        <v>0</v>
      </c>
      <c r="U38" s="61">
        <v>0</v>
      </c>
      <c r="V38" s="61">
        <v>0</v>
      </c>
      <c r="W38" s="62">
        <v>1</v>
      </c>
      <c r="X38" s="63">
        <v>1</v>
      </c>
      <c r="Y38" s="60">
        <v>0</v>
      </c>
      <c r="Z38" s="61">
        <v>0</v>
      </c>
      <c r="AA38" s="62">
        <v>0</v>
      </c>
      <c r="AB38" s="228"/>
      <c r="AC38" s="61">
        <v>1</v>
      </c>
      <c r="AD38" s="61">
        <v>0</v>
      </c>
      <c r="AE38" s="61">
        <v>0</v>
      </c>
      <c r="AF38" s="61">
        <v>0</v>
      </c>
      <c r="AG38" s="61">
        <v>0</v>
      </c>
      <c r="AH38" s="62">
        <v>1</v>
      </c>
      <c r="AI38" s="63">
        <v>1</v>
      </c>
      <c r="AJ38" s="60">
        <v>2</v>
      </c>
      <c r="AK38" s="61">
        <v>0</v>
      </c>
      <c r="AL38" s="62">
        <v>2</v>
      </c>
      <c r="AM38" s="228"/>
      <c r="AN38" s="61">
        <v>2</v>
      </c>
      <c r="AO38" s="61">
        <v>0</v>
      </c>
      <c r="AP38" s="61">
        <v>1</v>
      </c>
      <c r="AQ38" s="61">
        <v>1</v>
      </c>
      <c r="AR38" s="61">
        <v>0</v>
      </c>
      <c r="AS38" s="62">
        <v>4</v>
      </c>
      <c r="AT38" s="63">
        <v>6</v>
      </c>
      <c r="AU38" s="60">
        <v>3</v>
      </c>
      <c r="AV38" s="61">
        <v>3</v>
      </c>
      <c r="AW38" s="62">
        <v>6</v>
      </c>
      <c r="AX38" s="228"/>
      <c r="AY38" s="61">
        <v>2</v>
      </c>
      <c r="AZ38" s="61">
        <v>1</v>
      </c>
      <c r="BA38" s="61">
        <v>1</v>
      </c>
      <c r="BB38" s="61">
        <v>1</v>
      </c>
      <c r="BC38" s="61">
        <v>0</v>
      </c>
      <c r="BD38" s="62">
        <v>5</v>
      </c>
      <c r="BE38" s="63">
        <v>11</v>
      </c>
      <c r="BF38" s="60">
        <v>1</v>
      </c>
      <c r="BG38" s="61">
        <v>0</v>
      </c>
      <c r="BH38" s="62">
        <v>1</v>
      </c>
      <c r="BI38" s="231"/>
      <c r="BJ38" s="61">
        <v>7</v>
      </c>
      <c r="BK38" s="61">
        <v>2</v>
      </c>
      <c r="BL38" s="61">
        <v>0</v>
      </c>
      <c r="BM38" s="61">
        <v>0</v>
      </c>
      <c r="BN38" s="61">
        <v>0</v>
      </c>
      <c r="BO38" s="62">
        <v>9</v>
      </c>
      <c r="BP38" s="63">
        <v>10</v>
      </c>
      <c r="BQ38" s="60">
        <v>3</v>
      </c>
      <c r="BR38" s="61">
        <v>1</v>
      </c>
      <c r="BS38" s="62">
        <v>4</v>
      </c>
      <c r="BT38" s="231"/>
      <c r="BU38" s="61">
        <v>5</v>
      </c>
      <c r="BV38" s="61">
        <v>4</v>
      </c>
      <c r="BW38" s="61">
        <v>4</v>
      </c>
      <c r="BX38" s="61">
        <v>3</v>
      </c>
      <c r="BY38" s="61">
        <v>1</v>
      </c>
      <c r="BZ38" s="62">
        <v>17</v>
      </c>
      <c r="CA38" s="63">
        <v>21</v>
      </c>
      <c r="CB38" s="60">
        <v>0</v>
      </c>
      <c r="CC38" s="61">
        <v>0</v>
      </c>
      <c r="CD38" s="62">
        <v>0</v>
      </c>
      <c r="CE38" s="231"/>
      <c r="CF38" s="61">
        <v>0</v>
      </c>
      <c r="CG38" s="61">
        <v>0</v>
      </c>
      <c r="CH38" s="61">
        <v>0</v>
      </c>
      <c r="CI38" s="61">
        <v>0</v>
      </c>
      <c r="CJ38" s="61">
        <v>0</v>
      </c>
      <c r="CK38" s="62">
        <v>0</v>
      </c>
      <c r="CL38" s="63">
        <v>0</v>
      </c>
      <c r="CM38" s="60">
        <v>9</v>
      </c>
      <c r="CN38" s="61">
        <v>4</v>
      </c>
      <c r="CO38" s="62">
        <v>13</v>
      </c>
      <c r="CP38" s="231"/>
      <c r="CQ38" s="61">
        <v>18</v>
      </c>
      <c r="CR38" s="61">
        <v>7</v>
      </c>
      <c r="CS38" s="61">
        <v>6</v>
      </c>
      <c r="CT38" s="61">
        <v>5</v>
      </c>
      <c r="CU38" s="61">
        <v>1</v>
      </c>
      <c r="CV38" s="62">
        <v>37</v>
      </c>
      <c r="CW38" s="63">
        <v>50</v>
      </c>
      <c r="CX38" s="113">
        <v>1</v>
      </c>
      <c r="CY38" s="72">
        <v>1</v>
      </c>
      <c r="CZ38" s="73">
        <v>2</v>
      </c>
      <c r="DA38" s="228"/>
      <c r="DB38" s="72">
        <v>6</v>
      </c>
      <c r="DC38" s="72">
        <v>2</v>
      </c>
      <c r="DD38" s="72">
        <v>2</v>
      </c>
      <c r="DE38" s="72">
        <v>2</v>
      </c>
      <c r="DF38" s="72">
        <v>2</v>
      </c>
      <c r="DG38" s="74">
        <v>14</v>
      </c>
      <c r="DH38" s="75">
        <v>16</v>
      </c>
      <c r="DI38" s="60">
        <v>0</v>
      </c>
      <c r="DJ38" s="61">
        <v>0</v>
      </c>
      <c r="DK38" s="62">
        <v>0</v>
      </c>
      <c r="DL38" s="231"/>
      <c r="DM38" s="61">
        <v>0</v>
      </c>
      <c r="DN38" s="61">
        <v>0</v>
      </c>
      <c r="DO38" s="61">
        <v>0</v>
      </c>
      <c r="DP38" s="61">
        <v>0</v>
      </c>
      <c r="DQ38" s="61">
        <v>0</v>
      </c>
      <c r="DR38" s="62">
        <v>0</v>
      </c>
      <c r="DS38" s="63">
        <v>0</v>
      </c>
      <c r="DT38" s="60">
        <v>1</v>
      </c>
      <c r="DU38" s="61">
        <v>0</v>
      </c>
      <c r="DV38" s="62">
        <v>1</v>
      </c>
      <c r="DW38" s="231"/>
      <c r="DX38" s="61">
        <v>0</v>
      </c>
      <c r="DY38" s="61">
        <v>0</v>
      </c>
      <c r="DZ38" s="61">
        <v>1</v>
      </c>
      <c r="EA38" s="61">
        <v>0</v>
      </c>
      <c r="EB38" s="61">
        <v>0</v>
      </c>
      <c r="EC38" s="62">
        <v>1</v>
      </c>
      <c r="ED38" s="63">
        <v>2</v>
      </c>
      <c r="EE38" s="60">
        <v>0</v>
      </c>
      <c r="EF38" s="61">
        <v>0</v>
      </c>
      <c r="EG38" s="62">
        <v>0</v>
      </c>
      <c r="EH38" s="231"/>
      <c r="EI38" s="61">
        <v>0</v>
      </c>
      <c r="EJ38" s="61">
        <v>1</v>
      </c>
      <c r="EK38" s="61">
        <v>0</v>
      </c>
      <c r="EL38" s="61">
        <v>0</v>
      </c>
      <c r="EM38" s="61">
        <v>0</v>
      </c>
      <c r="EN38" s="62">
        <v>1</v>
      </c>
      <c r="EO38" s="63">
        <v>1</v>
      </c>
      <c r="EP38" s="60">
        <v>0</v>
      </c>
      <c r="EQ38" s="61">
        <v>0</v>
      </c>
      <c r="ER38" s="62">
        <v>0</v>
      </c>
      <c r="ES38" s="231"/>
      <c r="ET38" s="61">
        <v>2</v>
      </c>
      <c r="EU38" s="61">
        <v>0</v>
      </c>
      <c r="EV38" s="61">
        <v>0</v>
      </c>
      <c r="EW38" s="61">
        <v>0</v>
      </c>
      <c r="EX38" s="61">
        <v>0</v>
      </c>
      <c r="EY38" s="62">
        <v>2</v>
      </c>
      <c r="EZ38" s="63">
        <v>2</v>
      </c>
      <c r="FA38" s="60">
        <v>0</v>
      </c>
      <c r="FB38" s="61">
        <v>0</v>
      </c>
      <c r="FC38" s="62">
        <v>0</v>
      </c>
      <c r="FD38" s="231"/>
      <c r="FE38" s="61">
        <v>3</v>
      </c>
      <c r="FF38" s="61">
        <v>0</v>
      </c>
      <c r="FG38" s="61">
        <v>0</v>
      </c>
      <c r="FH38" s="61">
        <v>0</v>
      </c>
      <c r="FI38" s="61">
        <v>1</v>
      </c>
      <c r="FJ38" s="62">
        <v>4</v>
      </c>
      <c r="FK38" s="63">
        <v>4</v>
      </c>
      <c r="FL38" s="60">
        <v>0</v>
      </c>
      <c r="FM38" s="61">
        <v>1</v>
      </c>
      <c r="FN38" s="62">
        <v>1</v>
      </c>
      <c r="FO38" s="231"/>
      <c r="FP38" s="61">
        <v>1</v>
      </c>
      <c r="FQ38" s="61">
        <v>1</v>
      </c>
      <c r="FR38" s="61">
        <v>1</v>
      </c>
      <c r="FS38" s="61">
        <v>2</v>
      </c>
      <c r="FT38" s="61">
        <v>1</v>
      </c>
      <c r="FU38" s="62">
        <v>6</v>
      </c>
      <c r="FV38" s="63">
        <v>7</v>
      </c>
      <c r="FW38" s="60">
        <v>0</v>
      </c>
      <c r="FX38" s="61">
        <v>0</v>
      </c>
      <c r="FY38" s="62">
        <v>0</v>
      </c>
      <c r="FZ38" s="231"/>
      <c r="GA38" s="61">
        <v>0</v>
      </c>
      <c r="GB38" s="61">
        <v>0</v>
      </c>
      <c r="GC38" s="61">
        <v>0</v>
      </c>
      <c r="GD38" s="61">
        <v>0</v>
      </c>
      <c r="GE38" s="61">
        <v>0</v>
      </c>
      <c r="GF38" s="62">
        <v>0</v>
      </c>
      <c r="GG38" s="63">
        <v>0</v>
      </c>
      <c r="GH38" s="60">
        <v>1</v>
      </c>
      <c r="GI38" s="61">
        <v>1</v>
      </c>
      <c r="GJ38" s="62">
        <v>2</v>
      </c>
      <c r="GK38" s="231"/>
      <c r="GL38" s="61">
        <v>6</v>
      </c>
      <c r="GM38" s="61">
        <v>2</v>
      </c>
      <c r="GN38" s="61">
        <v>2</v>
      </c>
      <c r="GO38" s="61">
        <v>2</v>
      </c>
      <c r="GP38" s="61">
        <v>2</v>
      </c>
      <c r="GQ38" s="62">
        <v>14</v>
      </c>
      <c r="GR38" s="63">
        <v>16</v>
      </c>
      <c r="GS38" s="113">
        <v>10</v>
      </c>
      <c r="GT38" s="72">
        <v>5</v>
      </c>
      <c r="GU38" s="73">
        <v>15</v>
      </c>
      <c r="GV38" s="228"/>
      <c r="GW38" s="72">
        <v>24</v>
      </c>
      <c r="GX38" s="72">
        <v>9</v>
      </c>
      <c r="GY38" s="72">
        <v>8</v>
      </c>
      <c r="GZ38" s="72">
        <v>7</v>
      </c>
      <c r="HA38" s="72">
        <v>3</v>
      </c>
      <c r="HB38" s="74">
        <v>51</v>
      </c>
      <c r="HC38" s="75">
        <v>66</v>
      </c>
      <c r="HD38" s="60">
        <v>0</v>
      </c>
      <c r="HE38" s="61">
        <v>0</v>
      </c>
      <c r="HF38" s="62">
        <v>0</v>
      </c>
      <c r="HG38" s="231"/>
      <c r="HH38" s="61">
        <v>1</v>
      </c>
      <c r="HI38" s="61">
        <v>0</v>
      </c>
      <c r="HJ38" s="61">
        <v>0</v>
      </c>
      <c r="HK38" s="61">
        <v>0</v>
      </c>
      <c r="HL38" s="61">
        <v>0</v>
      </c>
      <c r="HM38" s="62">
        <v>1</v>
      </c>
      <c r="HN38" s="63">
        <v>1</v>
      </c>
      <c r="HO38" s="60">
        <v>1</v>
      </c>
      <c r="HP38" s="61">
        <v>0</v>
      </c>
      <c r="HQ38" s="62">
        <v>1</v>
      </c>
      <c r="HR38" s="231"/>
      <c r="HS38" s="61">
        <v>1</v>
      </c>
      <c r="HT38" s="61">
        <v>0</v>
      </c>
      <c r="HU38" s="61">
        <v>1</v>
      </c>
      <c r="HV38" s="61">
        <v>0</v>
      </c>
      <c r="HW38" s="61">
        <v>0</v>
      </c>
      <c r="HX38" s="62">
        <v>2</v>
      </c>
      <c r="HY38" s="63">
        <v>3</v>
      </c>
      <c r="HZ38" s="60">
        <v>2</v>
      </c>
      <c r="IA38" s="61">
        <v>0</v>
      </c>
      <c r="IB38" s="62">
        <v>2</v>
      </c>
      <c r="IC38" s="231"/>
      <c r="ID38" s="61">
        <v>2</v>
      </c>
      <c r="IE38" s="61">
        <v>1</v>
      </c>
      <c r="IF38" s="61">
        <v>1</v>
      </c>
      <c r="IG38" s="61">
        <v>1</v>
      </c>
      <c r="IH38" s="61">
        <v>0</v>
      </c>
      <c r="II38" s="62">
        <v>5</v>
      </c>
      <c r="IJ38" s="63">
        <v>7</v>
      </c>
      <c r="IK38" s="60">
        <v>3</v>
      </c>
      <c r="IL38" s="61">
        <v>3</v>
      </c>
      <c r="IM38" s="62">
        <v>6</v>
      </c>
      <c r="IN38" s="231"/>
      <c r="IO38" s="61">
        <v>4</v>
      </c>
      <c r="IP38" s="61">
        <v>1</v>
      </c>
      <c r="IQ38" s="61">
        <v>1</v>
      </c>
      <c r="IR38" s="61">
        <v>1</v>
      </c>
      <c r="IS38" s="61">
        <v>0</v>
      </c>
      <c r="IT38" s="62">
        <v>7</v>
      </c>
      <c r="IU38" s="63">
        <v>13</v>
      </c>
      <c r="IV38" s="60">
        <v>1</v>
      </c>
      <c r="IW38" s="61">
        <v>0</v>
      </c>
      <c r="IX38" s="62">
        <v>1</v>
      </c>
      <c r="IY38" s="231"/>
      <c r="IZ38" s="61">
        <v>10</v>
      </c>
      <c r="JA38" s="61">
        <v>2</v>
      </c>
      <c r="JB38" s="61">
        <v>0</v>
      </c>
      <c r="JC38" s="61">
        <v>0</v>
      </c>
      <c r="JD38" s="61">
        <v>1</v>
      </c>
      <c r="JE38" s="62">
        <v>13</v>
      </c>
      <c r="JF38" s="63">
        <v>14</v>
      </c>
      <c r="JG38" s="60">
        <v>3</v>
      </c>
      <c r="JH38" s="61">
        <v>2</v>
      </c>
      <c r="JI38" s="62">
        <v>5</v>
      </c>
      <c r="JJ38" s="231"/>
      <c r="JK38" s="61">
        <v>6</v>
      </c>
      <c r="JL38" s="61">
        <v>5</v>
      </c>
      <c r="JM38" s="61">
        <v>5</v>
      </c>
      <c r="JN38" s="61">
        <v>5</v>
      </c>
      <c r="JO38" s="61">
        <v>2</v>
      </c>
      <c r="JP38" s="62">
        <v>23</v>
      </c>
      <c r="JQ38" s="63">
        <v>28</v>
      </c>
      <c r="JR38" s="60">
        <v>0</v>
      </c>
      <c r="JS38" s="61">
        <v>0</v>
      </c>
      <c r="JT38" s="62">
        <v>0</v>
      </c>
      <c r="JU38" s="231"/>
      <c r="JV38" s="61">
        <v>0</v>
      </c>
      <c r="JW38" s="61">
        <v>0</v>
      </c>
      <c r="JX38" s="61">
        <v>0</v>
      </c>
      <c r="JY38" s="61">
        <v>0</v>
      </c>
      <c r="JZ38" s="61">
        <v>0</v>
      </c>
      <c r="KA38" s="62">
        <v>0</v>
      </c>
      <c r="KB38" s="63">
        <v>0</v>
      </c>
      <c r="KC38" s="60">
        <v>10</v>
      </c>
      <c r="KD38" s="61">
        <v>5</v>
      </c>
      <c r="KE38" s="62">
        <v>15</v>
      </c>
      <c r="KF38" s="231"/>
      <c r="KG38" s="61">
        <v>24</v>
      </c>
      <c r="KH38" s="61">
        <v>9</v>
      </c>
      <c r="KI38" s="61">
        <v>8</v>
      </c>
      <c r="KJ38" s="61">
        <v>7</v>
      </c>
      <c r="KK38" s="61">
        <v>3</v>
      </c>
      <c r="KL38" s="62">
        <v>51</v>
      </c>
      <c r="KM38" s="63">
        <v>66</v>
      </c>
    </row>
    <row r="39" spans="2:299" ht="21" customHeight="1" x14ac:dyDescent="0.2">
      <c r="B39" s="472" t="s">
        <v>36</v>
      </c>
      <c r="C39" s="293">
        <v>5</v>
      </c>
      <c r="D39" s="72">
        <v>5</v>
      </c>
      <c r="E39" s="73">
        <v>10</v>
      </c>
      <c r="F39" s="228"/>
      <c r="G39" s="72">
        <v>11</v>
      </c>
      <c r="H39" s="72">
        <v>5</v>
      </c>
      <c r="I39" s="72">
        <v>3</v>
      </c>
      <c r="J39" s="72">
        <v>8</v>
      </c>
      <c r="K39" s="72">
        <v>4</v>
      </c>
      <c r="L39" s="74">
        <v>31</v>
      </c>
      <c r="M39" s="75">
        <v>41</v>
      </c>
      <c r="N39" s="60">
        <v>1</v>
      </c>
      <c r="O39" s="61">
        <v>0</v>
      </c>
      <c r="P39" s="62">
        <v>1</v>
      </c>
      <c r="Q39" s="231"/>
      <c r="R39" s="61">
        <v>0</v>
      </c>
      <c r="S39" s="61">
        <v>1</v>
      </c>
      <c r="T39" s="61">
        <v>1</v>
      </c>
      <c r="U39" s="61">
        <v>0</v>
      </c>
      <c r="V39" s="61">
        <v>1</v>
      </c>
      <c r="W39" s="62">
        <v>3</v>
      </c>
      <c r="X39" s="63">
        <v>4</v>
      </c>
      <c r="Y39" s="60">
        <v>0</v>
      </c>
      <c r="Z39" s="61">
        <v>0</v>
      </c>
      <c r="AA39" s="62">
        <v>0</v>
      </c>
      <c r="AB39" s="228"/>
      <c r="AC39" s="61">
        <v>1</v>
      </c>
      <c r="AD39" s="61">
        <v>1</v>
      </c>
      <c r="AE39" s="61">
        <v>0</v>
      </c>
      <c r="AF39" s="61">
        <v>1</v>
      </c>
      <c r="AG39" s="61">
        <v>0</v>
      </c>
      <c r="AH39" s="62">
        <v>3</v>
      </c>
      <c r="AI39" s="63">
        <v>3</v>
      </c>
      <c r="AJ39" s="60">
        <v>1</v>
      </c>
      <c r="AK39" s="61">
        <v>1</v>
      </c>
      <c r="AL39" s="62">
        <v>2</v>
      </c>
      <c r="AM39" s="228"/>
      <c r="AN39" s="61">
        <v>0</v>
      </c>
      <c r="AO39" s="61">
        <v>0</v>
      </c>
      <c r="AP39" s="61">
        <v>0</v>
      </c>
      <c r="AQ39" s="61">
        <v>1</v>
      </c>
      <c r="AR39" s="61">
        <v>0</v>
      </c>
      <c r="AS39" s="62">
        <v>1</v>
      </c>
      <c r="AT39" s="63">
        <v>3</v>
      </c>
      <c r="AU39" s="60">
        <v>0</v>
      </c>
      <c r="AV39" s="61">
        <v>1</v>
      </c>
      <c r="AW39" s="62">
        <v>1</v>
      </c>
      <c r="AX39" s="228"/>
      <c r="AY39" s="61">
        <v>4</v>
      </c>
      <c r="AZ39" s="61">
        <v>0</v>
      </c>
      <c r="BA39" s="61">
        <v>0</v>
      </c>
      <c r="BB39" s="61">
        <v>1</v>
      </c>
      <c r="BC39" s="61">
        <v>1</v>
      </c>
      <c r="BD39" s="62">
        <v>6</v>
      </c>
      <c r="BE39" s="63">
        <v>7</v>
      </c>
      <c r="BF39" s="60">
        <v>3</v>
      </c>
      <c r="BG39" s="61">
        <v>0</v>
      </c>
      <c r="BH39" s="62">
        <v>3</v>
      </c>
      <c r="BI39" s="231"/>
      <c r="BJ39" s="61">
        <v>4</v>
      </c>
      <c r="BK39" s="61">
        <v>2</v>
      </c>
      <c r="BL39" s="61">
        <v>1</v>
      </c>
      <c r="BM39" s="61">
        <v>2</v>
      </c>
      <c r="BN39" s="61">
        <v>2</v>
      </c>
      <c r="BO39" s="62">
        <v>11</v>
      </c>
      <c r="BP39" s="63">
        <v>14</v>
      </c>
      <c r="BQ39" s="60">
        <v>0</v>
      </c>
      <c r="BR39" s="61">
        <v>3</v>
      </c>
      <c r="BS39" s="62">
        <v>3</v>
      </c>
      <c r="BT39" s="231"/>
      <c r="BU39" s="61">
        <v>2</v>
      </c>
      <c r="BV39" s="61">
        <v>1</v>
      </c>
      <c r="BW39" s="61">
        <v>1</v>
      </c>
      <c r="BX39" s="61">
        <v>3</v>
      </c>
      <c r="BY39" s="61">
        <v>0</v>
      </c>
      <c r="BZ39" s="62">
        <v>7</v>
      </c>
      <c r="CA39" s="63">
        <v>10</v>
      </c>
      <c r="CB39" s="60">
        <v>0</v>
      </c>
      <c r="CC39" s="61">
        <v>0</v>
      </c>
      <c r="CD39" s="62">
        <v>0</v>
      </c>
      <c r="CE39" s="231"/>
      <c r="CF39" s="61">
        <v>0</v>
      </c>
      <c r="CG39" s="61">
        <v>0</v>
      </c>
      <c r="CH39" s="61">
        <v>0</v>
      </c>
      <c r="CI39" s="61">
        <v>0</v>
      </c>
      <c r="CJ39" s="61">
        <v>0</v>
      </c>
      <c r="CK39" s="62">
        <v>0</v>
      </c>
      <c r="CL39" s="63">
        <v>0</v>
      </c>
      <c r="CM39" s="60">
        <v>5</v>
      </c>
      <c r="CN39" s="61">
        <v>5</v>
      </c>
      <c r="CO39" s="62">
        <v>10</v>
      </c>
      <c r="CP39" s="231"/>
      <c r="CQ39" s="61">
        <v>11</v>
      </c>
      <c r="CR39" s="61">
        <v>5</v>
      </c>
      <c r="CS39" s="61">
        <v>3</v>
      </c>
      <c r="CT39" s="61">
        <v>8</v>
      </c>
      <c r="CU39" s="61">
        <v>4</v>
      </c>
      <c r="CV39" s="62">
        <v>31</v>
      </c>
      <c r="CW39" s="63">
        <v>41</v>
      </c>
      <c r="CX39" s="113">
        <v>2</v>
      </c>
      <c r="CY39" s="72">
        <v>2</v>
      </c>
      <c r="CZ39" s="73">
        <v>4</v>
      </c>
      <c r="DA39" s="228"/>
      <c r="DB39" s="72">
        <v>2</v>
      </c>
      <c r="DC39" s="72">
        <v>1</v>
      </c>
      <c r="DD39" s="72">
        <v>1</v>
      </c>
      <c r="DE39" s="72">
        <v>0</v>
      </c>
      <c r="DF39" s="72">
        <v>1</v>
      </c>
      <c r="DG39" s="74">
        <v>5</v>
      </c>
      <c r="DH39" s="75">
        <v>9</v>
      </c>
      <c r="DI39" s="60">
        <v>0</v>
      </c>
      <c r="DJ39" s="61">
        <v>0</v>
      </c>
      <c r="DK39" s="62">
        <v>0</v>
      </c>
      <c r="DL39" s="231"/>
      <c r="DM39" s="61">
        <v>0</v>
      </c>
      <c r="DN39" s="61">
        <v>0</v>
      </c>
      <c r="DO39" s="61">
        <v>0</v>
      </c>
      <c r="DP39" s="61">
        <v>0</v>
      </c>
      <c r="DQ39" s="61">
        <v>0</v>
      </c>
      <c r="DR39" s="62">
        <v>0</v>
      </c>
      <c r="DS39" s="63">
        <v>0</v>
      </c>
      <c r="DT39" s="60">
        <v>1</v>
      </c>
      <c r="DU39" s="61">
        <v>0</v>
      </c>
      <c r="DV39" s="62">
        <v>1</v>
      </c>
      <c r="DW39" s="231"/>
      <c r="DX39" s="61">
        <v>0</v>
      </c>
      <c r="DY39" s="61">
        <v>0</v>
      </c>
      <c r="DZ39" s="61">
        <v>0</v>
      </c>
      <c r="EA39" s="61">
        <v>0</v>
      </c>
      <c r="EB39" s="61">
        <v>0</v>
      </c>
      <c r="EC39" s="62">
        <v>0</v>
      </c>
      <c r="ED39" s="63">
        <v>1</v>
      </c>
      <c r="EE39" s="60">
        <v>0</v>
      </c>
      <c r="EF39" s="61">
        <v>0</v>
      </c>
      <c r="EG39" s="62">
        <v>0</v>
      </c>
      <c r="EH39" s="231"/>
      <c r="EI39" s="61">
        <v>0</v>
      </c>
      <c r="EJ39" s="61">
        <v>0</v>
      </c>
      <c r="EK39" s="61">
        <v>0</v>
      </c>
      <c r="EL39" s="61">
        <v>0</v>
      </c>
      <c r="EM39" s="61">
        <v>0</v>
      </c>
      <c r="EN39" s="62">
        <v>0</v>
      </c>
      <c r="EO39" s="63">
        <v>0</v>
      </c>
      <c r="EP39" s="60">
        <v>0</v>
      </c>
      <c r="EQ39" s="61">
        <v>1</v>
      </c>
      <c r="ER39" s="62">
        <v>1</v>
      </c>
      <c r="ES39" s="231"/>
      <c r="ET39" s="61">
        <v>1</v>
      </c>
      <c r="EU39" s="61">
        <v>1</v>
      </c>
      <c r="EV39" s="61">
        <v>0</v>
      </c>
      <c r="EW39" s="61">
        <v>0</v>
      </c>
      <c r="EX39" s="61">
        <v>0</v>
      </c>
      <c r="EY39" s="62">
        <v>2</v>
      </c>
      <c r="EZ39" s="63">
        <v>3</v>
      </c>
      <c r="FA39" s="60">
        <v>0</v>
      </c>
      <c r="FB39" s="61">
        <v>1</v>
      </c>
      <c r="FC39" s="62">
        <v>1</v>
      </c>
      <c r="FD39" s="231"/>
      <c r="FE39" s="61">
        <v>0</v>
      </c>
      <c r="FF39" s="61">
        <v>0</v>
      </c>
      <c r="FG39" s="61">
        <v>1</v>
      </c>
      <c r="FH39" s="61">
        <v>0</v>
      </c>
      <c r="FI39" s="61">
        <v>0</v>
      </c>
      <c r="FJ39" s="62">
        <v>1</v>
      </c>
      <c r="FK39" s="63">
        <v>2</v>
      </c>
      <c r="FL39" s="60">
        <v>1</v>
      </c>
      <c r="FM39" s="61">
        <v>0</v>
      </c>
      <c r="FN39" s="62">
        <v>1</v>
      </c>
      <c r="FO39" s="231"/>
      <c r="FP39" s="61">
        <v>1</v>
      </c>
      <c r="FQ39" s="61">
        <v>0</v>
      </c>
      <c r="FR39" s="61">
        <v>0</v>
      </c>
      <c r="FS39" s="61">
        <v>0</v>
      </c>
      <c r="FT39" s="61">
        <v>1</v>
      </c>
      <c r="FU39" s="62">
        <v>2</v>
      </c>
      <c r="FV39" s="63">
        <v>3</v>
      </c>
      <c r="FW39" s="60">
        <v>0</v>
      </c>
      <c r="FX39" s="61">
        <v>0</v>
      </c>
      <c r="FY39" s="62">
        <v>0</v>
      </c>
      <c r="FZ39" s="231"/>
      <c r="GA39" s="61">
        <v>0</v>
      </c>
      <c r="GB39" s="61">
        <v>0</v>
      </c>
      <c r="GC39" s="61">
        <v>0</v>
      </c>
      <c r="GD39" s="61">
        <v>0</v>
      </c>
      <c r="GE39" s="61">
        <v>0</v>
      </c>
      <c r="GF39" s="62">
        <v>0</v>
      </c>
      <c r="GG39" s="63">
        <v>0</v>
      </c>
      <c r="GH39" s="60">
        <v>2</v>
      </c>
      <c r="GI39" s="61">
        <v>2</v>
      </c>
      <c r="GJ39" s="62">
        <v>4</v>
      </c>
      <c r="GK39" s="231"/>
      <c r="GL39" s="61">
        <v>2</v>
      </c>
      <c r="GM39" s="61">
        <v>1</v>
      </c>
      <c r="GN39" s="61">
        <v>1</v>
      </c>
      <c r="GO39" s="61">
        <v>0</v>
      </c>
      <c r="GP39" s="61">
        <v>1</v>
      </c>
      <c r="GQ39" s="62">
        <v>5</v>
      </c>
      <c r="GR39" s="63">
        <v>9</v>
      </c>
      <c r="GS39" s="113">
        <v>7</v>
      </c>
      <c r="GT39" s="72">
        <v>7</v>
      </c>
      <c r="GU39" s="73">
        <v>14</v>
      </c>
      <c r="GV39" s="228"/>
      <c r="GW39" s="72">
        <v>13</v>
      </c>
      <c r="GX39" s="72">
        <v>6</v>
      </c>
      <c r="GY39" s="72">
        <v>4</v>
      </c>
      <c r="GZ39" s="72">
        <v>8</v>
      </c>
      <c r="HA39" s="72">
        <v>5</v>
      </c>
      <c r="HB39" s="74">
        <v>36</v>
      </c>
      <c r="HC39" s="75">
        <v>50</v>
      </c>
      <c r="HD39" s="60">
        <v>1</v>
      </c>
      <c r="HE39" s="61">
        <v>0</v>
      </c>
      <c r="HF39" s="62">
        <v>1</v>
      </c>
      <c r="HG39" s="231"/>
      <c r="HH39" s="61">
        <v>0</v>
      </c>
      <c r="HI39" s="61">
        <v>1</v>
      </c>
      <c r="HJ39" s="61">
        <v>1</v>
      </c>
      <c r="HK39" s="61">
        <v>0</v>
      </c>
      <c r="HL39" s="61">
        <v>1</v>
      </c>
      <c r="HM39" s="62">
        <v>3</v>
      </c>
      <c r="HN39" s="63">
        <v>4</v>
      </c>
      <c r="HO39" s="60">
        <v>1</v>
      </c>
      <c r="HP39" s="61">
        <v>0</v>
      </c>
      <c r="HQ39" s="62">
        <v>1</v>
      </c>
      <c r="HR39" s="231"/>
      <c r="HS39" s="61">
        <v>1</v>
      </c>
      <c r="HT39" s="61">
        <v>1</v>
      </c>
      <c r="HU39" s="61">
        <v>0</v>
      </c>
      <c r="HV39" s="61">
        <v>1</v>
      </c>
      <c r="HW39" s="61">
        <v>0</v>
      </c>
      <c r="HX39" s="62">
        <v>3</v>
      </c>
      <c r="HY39" s="63">
        <v>4</v>
      </c>
      <c r="HZ39" s="60">
        <v>1</v>
      </c>
      <c r="IA39" s="61">
        <v>1</v>
      </c>
      <c r="IB39" s="62">
        <v>2</v>
      </c>
      <c r="IC39" s="231"/>
      <c r="ID39" s="61">
        <v>0</v>
      </c>
      <c r="IE39" s="61">
        <v>0</v>
      </c>
      <c r="IF39" s="61">
        <v>0</v>
      </c>
      <c r="IG39" s="61">
        <v>1</v>
      </c>
      <c r="IH39" s="61">
        <v>0</v>
      </c>
      <c r="II39" s="62">
        <v>1</v>
      </c>
      <c r="IJ39" s="63">
        <v>3</v>
      </c>
      <c r="IK39" s="60">
        <v>0</v>
      </c>
      <c r="IL39" s="61">
        <v>2</v>
      </c>
      <c r="IM39" s="62">
        <v>2</v>
      </c>
      <c r="IN39" s="231"/>
      <c r="IO39" s="61">
        <v>5</v>
      </c>
      <c r="IP39" s="61">
        <v>1</v>
      </c>
      <c r="IQ39" s="61">
        <v>0</v>
      </c>
      <c r="IR39" s="61">
        <v>1</v>
      </c>
      <c r="IS39" s="61">
        <v>1</v>
      </c>
      <c r="IT39" s="62">
        <v>8</v>
      </c>
      <c r="IU39" s="63">
        <v>10</v>
      </c>
      <c r="IV39" s="60">
        <v>3</v>
      </c>
      <c r="IW39" s="61">
        <v>1</v>
      </c>
      <c r="IX39" s="62">
        <v>4</v>
      </c>
      <c r="IY39" s="231"/>
      <c r="IZ39" s="61">
        <v>4</v>
      </c>
      <c r="JA39" s="61">
        <v>2</v>
      </c>
      <c r="JB39" s="61">
        <v>2</v>
      </c>
      <c r="JC39" s="61">
        <v>2</v>
      </c>
      <c r="JD39" s="61">
        <v>2</v>
      </c>
      <c r="JE39" s="62">
        <v>12</v>
      </c>
      <c r="JF39" s="63">
        <v>16</v>
      </c>
      <c r="JG39" s="60">
        <v>1</v>
      </c>
      <c r="JH39" s="61">
        <v>3</v>
      </c>
      <c r="JI39" s="62">
        <v>4</v>
      </c>
      <c r="JJ39" s="231"/>
      <c r="JK39" s="61">
        <v>3</v>
      </c>
      <c r="JL39" s="61">
        <v>1</v>
      </c>
      <c r="JM39" s="61">
        <v>1</v>
      </c>
      <c r="JN39" s="61">
        <v>3</v>
      </c>
      <c r="JO39" s="61">
        <v>1</v>
      </c>
      <c r="JP39" s="62">
        <v>9</v>
      </c>
      <c r="JQ39" s="63">
        <v>13</v>
      </c>
      <c r="JR39" s="60">
        <v>0</v>
      </c>
      <c r="JS39" s="61">
        <v>0</v>
      </c>
      <c r="JT39" s="62">
        <v>0</v>
      </c>
      <c r="JU39" s="231"/>
      <c r="JV39" s="61">
        <v>0</v>
      </c>
      <c r="JW39" s="61">
        <v>0</v>
      </c>
      <c r="JX39" s="61">
        <v>0</v>
      </c>
      <c r="JY39" s="61">
        <v>0</v>
      </c>
      <c r="JZ39" s="61">
        <v>0</v>
      </c>
      <c r="KA39" s="62">
        <v>0</v>
      </c>
      <c r="KB39" s="63">
        <v>0</v>
      </c>
      <c r="KC39" s="60">
        <v>7</v>
      </c>
      <c r="KD39" s="61">
        <v>7</v>
      </c>
      <c r="KE39" s="62">
        <v>14</v>
      </c>
      <c r="KF39" s="231"/>
      <c r="KG39" s="61">
        <v>13</v>
      </c>
      <c r="KH39" s="61">
        <v>6</v>
      </c>
      <c r="KI39" s="61">
        <v>4</v>
      </c>
      <c r="KJ39" s="61">
        <v>8</v>
      </c>
      <c r="KK39" s="61">
        <v>5</v>
      </c>
      <c r="KL39" s="62">
        <v>36</v>
      </c>
      <c r="KM39" s="63">
        <v>50</v>
      </c>
    </row>
    <row r="40" spans="2:299" ht="21" customHeight="1" thickBot="1" x14ac:dyDescent="0.25">
      <c r="B40" s="473" t="s">
        <v>37</v>
      </c>
      <c r="C40" s="294">
        <v>0</v>
      </c>
      <c r="D40" s="77">
        <v>0</v>
      </c>
      <c r="E40" s="78">
        <v>0</v>
      </c>
      <c r="F40" s="229"/>
      <c r="G40" s="77">
        <v>1</v>
      </c>
      <c r="H40" s="77">
        <v>1</v>
      </c>
      <c r="I40" s="77">
        <v>2</v>
      </c>
      <c r="J40" s="77">
        <v>1</v>
      </c>
      <c r="K40" s="77">
        <v>0</v>
      </c>
      <c r="L40" s="79">
        <v>5</v>
      </c>
      <c r="M40" s="80">
        <v>5</v>
      </c>
      <c r="N40" s="64">
        <v>0</v>
      </c>
      <c r="O40" s="65">
        <v>0</v>
      </c>
      <c r="P40" s="66">
        <v>0</v>
      </c>
      <c r="Q40" s="232"/>
      <c r="R40" s="65">
        <v>0</v>
      </c>
      <c r="S40" s="65">
        <v>0</v>
      </c>
      <c r="T40" s="65">
        <v>0</v>
      </c>
      <c r="U40" s="65">
        <v>0</v>
      </c>
      <c r="V40" s="65">
        <v>0</v>
      </c>
      <c r="W40" s="66">
        <v>0</v>
      </c>
      <c r="X40" s="67">
        <v>0</v>
      </c>
      <c r="Y40" s="64">
        <v>0</v>
      </c>
      <c r="Z40" s="65">
        <v>0</v>
      </c>
      <c r="AA40" s="66">
        <v>0</v>
      </c>
      <c r="AB40" s="229"/>
      <c r="AC40" s="65">
        <v>0</v>
      </c>
      <c r="AD40" s="65">
        <v>0</v>
      </c>
      <c r="AE40" s="65">
        <v>1</v>
      </c>
      <c r="AF40" s="65">
        <v>0</v>
      </c>
      <c r="AG40" s="65">
        <v>0</v>
      </c>
      <c r="AH40" s="66">
        <v>1</v>
      </c>
      <c r="AI40" s="67">
        <v>1</v>
      </c>
      <c r="AJ40" s="64">
        <v>0</v>
      </c>
      <c r="AK40" s="65">
        <v>0</v>
      </c>
      <c r="AL40" s="66">
        <v>0</v>
      </c>
      <c r="AM40" s="229"/>
      <c r="AN40" s="65">
        <v>1</v>
      </c>
      <c r="AO40" s="65">
        <v>0</v>
      </c>
      <c r="AP40" s="65">
        <v>1</v>
      </c>
      <c r="AQ40" s="65">
        <v>0</v>
      </c>
      <c r="AR40" s="65">
        <v>0</v>
      </c>
      <c r="AS40" s="66">
        <v>2</v>
      </c>
      <c r="AT40" s="67">
        <v>2</v>
      </c>
      <c r="AU40" s="64">
        <v>0</v>
      </c>
      <c r="AV40" s="65">
        <v>0</v>
      </c>
      <c r="AW40" s="66">
        <v>0</v>
      </c>
      <c r="AX40" s="229"/>
      <c r="AY40" s="65">
        <v>0</v>
      </c>
      <c r="AZ40" s="65">
        <v>0</v>
      </c>
      <c r="BA40" s="65">
        <v>0</v>
      </c>
      <c r="BB40" s="65">
        <v>0</v>
      </c>
      <c r="BC40" s="65">
        <v>0</v>
      </c>
      <c r="BD40" s="66">
        <v>0</v>
      </c>
      <c r="BE40" s="67">
        <v>0</v>
      </c>
      <c r="BF40" s="64">
        <v>0</v>
      </c>
      <c r="BG40" s="65">
        <v>0</v>
      </c>
      <c r="BH40" s="66">
        <v>0</v>
      </c>
      <c r="BI40" s="232"/>
      <c r="BJ40" s="65">
        <v>0</v>
      </c>
      <c r="BK40" s="65">
        <v>1</v>
      </c>
      <c r="BL40" s="65">
        <v>0</v>
      </c>
      <c r="BM40" s="65">
        <v>1</v>
      </c>
      <c r="BN40" s="65">
        <v>0</v>
      </c>
      <c r="BO40" s="66">
        <v>2</v>
      </c>
      <c r="BP40" s="67">
        <v>2</v>
      </c>
      <c r="BQ40" s="64">
        <v>0</v>
      </c>
      <c r="BR40" s="65">
        <v>0</v>
      </c>
      <c r="BS40" s="66">
        <v>0</v>
      </c>
      <c r="BT40" s="232"/>
      <c r="BU40" s="65">
        <v>0</v>
      </c>
      <c r="BV40" s="65">
        <v>0</v>
      </c>
      <c r="BW40" s="65">
        <v>0</v>
      </c>
      <c r="BX40" s="65">
        <v>0</v>
      </c>
      <c r="BY40" s="65">
        <v>0</v>
      </c>
      <c r="BZ40" s="66">
        <v>0</v>
      </c>
      <c r="CA40" s="67">
        <v>0</v>
      </c>
      <c r="CB40" s="64">
        <v>0</v>
      </c>
      <c r="CC40" s="65">
        <v>0</v>
      </c>
      <c r="CD40" s="66">
        <v>0</v>
      </c>
      <c r="CE40" s="232"/>
      <c r="CF40" s="65">
        <v>0</v>
      </c>
      <c r="CG40" s="65">
        <v>0</v>
      </c>
      <c r="CH40" s="65">
        <v>0</v>
      </c>
      <c r="CI40" s="65">
        <v>0</v>
      </c>
      <c r="CJ40" s="65">
        <v>0</v>
      </c>
      <c r="CK40" s="66">
        <v>0</v>
      </c>
      <c r="CL40" s="67">
        <v>0</v>
      </c>
      <c r="CM40" s="64">
        <v>0</v>
      </c>
      <c r="CN40" s="65">
        <v>0</v>
      </c>
      <c r="CO40" s="66">
        <v>0</v>
      </c>
      <c r="CP40" s="232"/>
      <c r="CQ40" s="65">
        <v>1</v>
      </c>
      <c r="CR40" s="65">
        <v>1</v>
      </c>
      <c r="CS40" s="65">
        <v>2</v>
      </c>
      <c r="CT40" s="65">
        <v>1</v>
      </c>
      <c r="CU40" s="65">
        <v>0</v>
      </c>
      <c r="CV40" s="66">
        <v>5</v>
      </c>
      <c r="CW40" s="67">
        <v>5</v>
      </c>
      <c r="CX40" s="114">
        <v>0</v>
      </c>
      <c r="CY40" s="77">
        <v>0</v>
      </c>
      <c r="CZ40" s="78">
        <v>0</v>
      </c>
      <c r="DA40" s="229"/>
      <c r="DB40" s="77">
        <v>0</v>
      </c>
      <c r="DC40" s="77">
        <v>0</v>
      </c>
      <c r="DD40" s="77">
        <v>0</v>
      </c>
      <c r="DE40" s="77">
        <v>0</v>
      </c>
      <c r="DF40" s="77">
        <v>0</v>
      </c>
      <c r="DG40" s="79">
        <v>0</v>
      </c>
      <c r="DH40" s="80">
        <v>0</v>
      </c>
      <c r="DI40" s="64">
        <v>0</v>
      </c>
      <c r="DJ40" s="65">
        <v>0</v>
      </c>
      <c r="DK40" s="66">
        <v>0</v>
      </c>
      <c r="DL40" s="232"/>
      <c r="DM40" s="65">
        <v>0</v>
      </c>
      <c r="DN40" s="65">
        <v>0</v>
      </c>
      <c r="DO40" s="65">
        <v>0</v>
      </c>
      <c r="DP40" s="65">
        <v>0</v>
      </c>
      <c r="DQ40" s="65">
        <v>0</v>
      </c>
      <c r="DR40" s="66">
        <v>0</v>
      </c>
      <c r="DS40" s="67">
        <v>0</v>
      </c>
      <c r="DT40" s="64">
        <v>0</v>
      </c>
      <c r="DU40" s="65">
        <v>0</v>
      </c>
      <c r="DV40" s="66">
        <v>0</v>
      </c>
      <c r="DW40" s="232"/>
      <c r="DX40" s="65">
        <v>0</v>
      </c>
      <c r="DY40" s="65">
        <v>0</v>
      </c>
      <c r="DZ40" s="65">
        <v>0</v>
      </c>
      <c r="EA40" s="65">
        <v>0</v>
      </c>
      <c r="EB40" s="65">
        <v>0</v>
      </c>
      <c r="EC40" s="66">
        <v>0</v>
      </c>
      <c r="ED40" s="67">
        <v>0</v>
      </c>
      <c r="EE40" s="64">
        <v>0</v>
      </c>
      <c r="EF40" s="65">
        <v>0</v>
      </c>
      <c r="EG40" s="66">
        <v>0</v>
      </c>
      <c r="EH40" s="232"/>
      <c r="EI40" s="65">
        <v>0</v>
      </c>
      <c r="EJ40" s="65">
        <v>0</v>
      </c>
      <c r="EK40" s="65">
        <v>0</v>
      </c>
      <c r="EL40" s="65">
        <v>0</v>
      </c>
      <c r="EM40" s="65">
        <v>0</v>
      </c>
      <c r="EN40" s="66">
        <v>0</v>
      </c>
      <c r="EO40" s="67">
        <v>0</v>
      </c>
      <c r="EP40" s="64">
        <v>0</v>
      </c>
      <c r="EQ40" s="65">
        <v>0</v>
      </c>
      <c r="ER40" s="66">
        <v>0</v>
      </c>
      <c r="ES40" s="232"/>
      <c r="ET40" s="65">
        <v>0</v>
      </c>
      <c r="EU40" s="65">
        <v>0</v>
      </c>
      <c r="EV40" s="65">
        <v>0</v>
      </c>
      <c r="EW40" s="65">
        <v>0</v>
      </c>
      <c r="EX40" s="65">
        <v>0</v>
      </c>
      <c r="EY40" s="66">
        <v>0</v>
      </c>
      <c r="EZ40" s="67">
        <v>0</v>
      </c>
      <c r="FA40" s="64">
        <v>0</v>
      </c>
      <c r="FB40" s="65">
        <v>0</v>
      </c>
      <c r="FC40" s="66">
        <v>0</v>
      </c>
      <c r="FD40" s="232"/>
      <c r="FE40" s="65">
        <v>0</v>
      </c>
      <c r="FF40" s="65">
        <v>0</v>
      </c>
      <c r="FG40" s="65">
        <v>0</v>
      </c>
      <c r="FH40" s="65">
        <v>0</v>
      </c>
      <c r="FI40" s="65">
        <v>0</v>
      </c>
      <c r="FJ40" s="66">
        <v>0</v>
      </c>
      <c r="FK40" s="67">
        <v>0</v>
      </c>
      <c r="FL40" s="64">
        <v>0</v>
      </c>
      <c r="FM40" s="65">
        <v>0</v>
      </c>
      <c r="FN40" s="66">
        <v>0</v>
      </c>
      <c r="FO40" s="232"/>
      <c r="FP40" s="65">
        <v>0</v>
      </c>
      <c r="FQ40" s="65">
        <v>0</v>
      </c>
      <c r="FR40" s="65">
        <v>0</v>
      </c>
      <c r="FS40" s="65">
        <v>0</v>
      </c>
      <c r="FT40" s="65">
        <v>0</v>
      </c>
      <c r="FU40" s="66">
        <v>0</v>
      </c>
      <c r="FV40" s="67">
        <v>0</v>
      </c>
      <c r="FW40" s="64">
        <v>0</v>
      </c>
      <c r="FX40" s="65">
        <v>0</v>
      </c>
      <c r="FY40" s="66">
        <v>0</v>
      </c>
      <c r="FZ40" s="232"/>
      <c r="GA40" s="65">
        <v>0</v>
      </c>
      <c r="GB40" s="65">
        <v>0</v>
      </c>
      <c r="GC40" s="65">
        <v>0</v>
      </c>
      <c r="GD40" s="65">
        <v>0</v>
      </c>
      <c r="GE40" s="65">
        <v>0</v>
      </c>
      <c r="GF40" s="66">
        <v>0</v>
      </c>
      <c r="GG40" s="67">
        <v>0</v>
      </c>
      <c r="GH40" s="64">
        <v>0</v>
      </c>
      <c r="GI40" s="65">
        <v>0</v>
      </c>
      <c r="GJ40" s="66">
        <v>0</v>
      </c>
      <c r="GK40" s="232"/>
      <c r="GL40" s="65">
        <v>0</v>
      </c>
      <c r="GM40" s="65">
        <v>0</v>
      </c>
      <c r="GN40" s="65">
        <v>0</v>
      </c>
      <c r="GO40" s="65">
        <v>0</v>
      </c>
      <c r="GP40" s="65">
        <v>0</v>
      </c>
      <c r="GQ40" s="66">
        <v>0</v>
      </c>
      <c r="GR40" s="67">
        <v>0</v>
      </c>
      <c r="GS40" s="114">
        <v>0</v>
      </c>
      <c r="GT40" s="77">
        <v>0</v>
      </c>
      <c r="GU40" s="78">
        <v>0</v>
      </c>
      <c r="GV40" s="229"/>
      <c r="GW40" s="77">
        <v>1</v>
      </c>
      <c r="GX40" s="77">
        <v>1</v>
      </c>
      <c r="GY40" s="77">
        <v>2</v>
      </c>
      <c r="GZ40" s="77">
        <v>1</v>
      </c>
      <c r="HA40" s="77">
        <v>0</v>
      </c>
      <c r="HB40" s="79">
        <v>5</v>
      </c>
      <c r="HC40" s="80">
        <v>5</v>
      </c>
      <c r="HD40" s="64">
        <v>0</v>
      </c>
      <c r="HE40" s="65">
        <v>0</v>
      </c>
      <c r="HF40" s="66">
        <v>0</v>
      </c>
      <c r="HG40" s="232"/>
      <c r="HH40" s="65">
        <v>0</v>
      </c>
      <c r="HI40" s="65">
        <v>0</v>
      </c>
      <c r="HJ40" s="65">
        <v>0</v>
      </c>
      <c r="HK40" s="65">
        <v>0</v>
      </c>
      <c r="HL40" s="65">
        <v>0</v>
      </c>
      <c r="HM40" s="66">
        <v>0</v>
      </c>
      <c r="HN40" s="67">
        <v>0</v>
      </c>
      <c r="HO40" s="64">
        <v>0</v>
      </c>
      <c r="HP40" s="65">
        <v>0</v>
      </c>
      <c r="HQ40" s="66">
        <v>0</v>
      </c>
      <c r="HR40" s="232"/>
      <c r="HS40" s="65">
        <v>0</v>
      </c>
      <c r="HT40" s="65">
        <v>0</v>
      </c>
      <c r="HU40" s="65">
        <v>1</v>
      </c>
      <c r="HV40" s="65">
        <v>0</v>
      </c>
      <c r="HW40" s="65">
        <v>0</v>
      </c>
      <c r="HX40" s="66">
        <v>1</v>
      </c>
      <c r="HY40" s="67">
        <v>1</v>
      </c>
      <c r="HZ40" s="64">
        <v>0</v>
      </c>
      <c r="IA40" s="65">
        <v>0</v>
      </c>
      <c r="IB40" s="66">
        <v>0</v>
      </c>
      <c r="IC40" s="232"/>
      <c r="ID40" s="65">
        <v>1</v>
      </c>
      <c r="IE40" s="65">
        <v>0</v>
      </c>
      <c r="IF40" s="65">
        <v>1</v>
      </c>
      <c r="IG40" s="65">
        <v>0</v>
      </c>
      <c r="IH40" s="65">
        <v>0</v>
      </c>
      <c r="II40" s="66">
        <v>2</v>
      </c>
      <c r="IJ40" s="67">
        <v>2</v>
      </c>
      <c r="IK40" s="64">
        <v>0</v>
      </c>
      <c r="IL40" s="65">
        <v>0</v>
      </c>
      <c r="IM40" s="66">
        <v>0</v>
      </c>
      <c r="IN40" s="232"/>
      <c r="IO40" s="65">
        <v>0</v>
      </c>
      <c r="IP40" s="65">
        <v>0</v>
      </c>
      <c r="IQ40" s="65">
        <v>0</v>
      </c>
      <c r="IR40" s="65">
        <v>0</v>
      </c>
      <c r="IS40" s="65">
        <v>0</v>
      </c>
      <c r="IT40" s="66">
        <v>0</v>
      </c>
      <c r="IU40" s="67">
        <v>0</v>
      </c>
      <c r="IV40" s="64">
        <v>0</v>
      </c>
      <c r="IW40" s="65">
        <v>0</v>
      </c>
      <c r="IX40" s="66">
        <v>0</v>
      </c>
      <c r="IY40" s="232"/>
      <c r="IZ40" s="65">
        <v>0</v>
      </c>
      <c r="JA40" s="65">
        <v>1</v>
      </c>
      <c r="JB40" s="65">
        <v>0</v>
      </c>
      <c r="JC40" s="65">
        <v>1</v>
      </c>
      <c r="JD40" s="65">
        <v>0</v>
      </c>
      <c r="JE40" s="66">
        <v>2</v>
      </c>
      <c r="JF40" s="67">
        <v>2</v>
      </c>
      <c r="JG40" s="64">
        <v>0</v>
      </c>
      <c r="JH40" s="65">
        <v>0</v>
      </c>
      <c r="JI40" s="66">
        <v>0</v>
      </c>
      <c r="JJ40" s="232"/>
      <c r="JK40" s="65">
        <v>0</v>
      </c>
      <c r="JL40" s="65">
        <v>0</v>
      </c>
      <c r="JM40" s="65">
        <v>0</v>
      </c>
      <c r="JN40" s="65">
        <v>0</v>
      </c>
      <c r="JO40" s="65">
        <v>0</v>
      </c>
      <c r="JP40" s="66">
        <v>0</v>
      </c>
      <c r="JQ40" s="67">
        <v>0</v>
      </c>
      <c r="JR40" s="64">
        <v>0</v>
      </c>
      <c r="JS40" s="65">
        <v>0</v>
      </c>
      <c r="JT40" s="66">
        <v>0</v>
      </c>
      <c r="JU40" s="232"/>
      <c r="JV40" s="65">
        <v>0</v>
      </c>
      <c r="JW40" s="65">
        <v>0</v>
      </c>
      <c r="JX40" s="65">
        <v>0</v>
      </c>
      <c r="JY40" s="65">
        <v>0</v>
      </c>
      <c r="JZ40" s="65">
        <v>0</v>
      </c>
      <c r="KA40" s="66">
        <v>0</v>
      </c>
      <c r="KB40" s="67">
        <v>0</v>
      </c>
      <c r="KC40" s="64">
        <v>0</v>
      </c>
      <c r="KD40" s="65">
        <v>0</v>
      </c>
      <c r="KE40" s="66">
        <v>0</v>
      </c>
      <c r="KF40" s="232"/>
      <c r="KG40" s="65">
        <v>1</v>
      </c>
      <c r="KH40" s="65">
        <v>1</v>
      </c>
      <c r="KI40" s="65">
        <v>2</v>
      </c>
      <c r="KJ40" s="65">
        <v>1</v>
      </c>
      <c r="KK40" s="65">
        <v>0</v>
      </c>
      <c r="KL40" s="66">
        <v>5</v>
      </c>
      <c r="KM40" s="67">
        <v>5</v>
      </c>
    </row>
    <row r="41" spans="2:299" ht="32.25" customHeight="1" x14ac:dyDescent="0.2">
      <c r="C41" s="289"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1</v>
      </c>
      <c r="F1" s="500">
        <f>第１表!F2</f>
        <v>5</v>
      </c>
      <c r="G1" s="500"/>
      <c r="H1" s="235">
        <f>第１表!G2</f>
        <v>11</v>
      </c>
      <c r="I1" s="482">
        <f>H1</f>
        <v>11</v>
      </c>
      <c r="J1" s="482"/>
    </row>
    <row r="2" spans="2:299" ht="24" customHeight="1" thickBot="1" x14ac:dyDescent="0.25">
      <c r="B2" s="15" t="s">
        <v>152</v>
      </c>
    </row>
    <row r="3" spans="2:299" ht="21" customHeight="1" thickBot="1" x14ac:dyDescent="0.25">
      <c r="B3" s="483" t="s">
        <v>38</v>
      </c>
      <c r="C3" s="495" t="s">
        <v>96</v>
      </c>
      <c r="D3" s="495"/>
      <c r="E3" s="495"/>
      <c r="F3" s="495"/>
      <c r="G3" s="495"/>
      <c r="H3" s="495"/>
      <c r="I3" s="495"/>
      <c r="J3" s="495"/>
      <c r="K3" s="495"/>
      <c r="L3" s="495"/>
      <c r="M3" s="495"/>
      <c r="N3" s="495"/>
      <c r="O3" s="495"/>
      <c r="P3" s="495"/>
      <c r="Q3" s="495"/>
      <c r="R3" s="495"/>
      <c r="S3" s="495"/>
      <c r="T3" s="495"/>
      <c r="U3" s="495"/>
      <c r="V3" s="495"/>
      <c r="W3" s="495"/>
      <c r="X3" s="495"/>
      <c r="Y3" s="495"/>
      <c r="Z3" s="495"/>
      <c r="AA3" s="495"/>
      <c r="AB3" s="495"/>
      <c r="AC3" s="495"/>
      <c r="AD3" s="495"/>
      <c r="AE3" s="495"/>
      <c r="AF3" s="495"/>
      <c r="AG3" s="495"/>
      <c r="AH3" s="495"/>
      <c r="AI3" s="495"/>
      <c r="AJ3" s="495"/>
      <c r="AK3" s="495"/>
      <c r="AL3" s="495"/>
      <c r="AM3" s="495"/>
      <c r="AN3" s="495"/>
      <c r="AO3" s="495"/>
      <c r="AP3" s="495"/>
      <c r="AQ3" s="495"/>
      <c r="AR3" s="495"/>
      <c r="AS3" s="495"/>
      <c r="AT3" s="495"/>
      <c r="AU3" s="495"/>
      <c r="AV3" s="495"/>
      <c r="AW3" s="495"/>
      <c r="AX3" s="495"/>
      <c r="AY3" s="495"/>
      <c r="AZ3" s="495"/>
      <c r="BA3" s="495"/>
      <c r="BB3" s="495"/>
      <c r="BC3" s="495"/>
      <c r="BD3" s="495"/>
      <c r="BE3" s="495"/>
      <c r="BF3" s="495"/>
      <c r="BG3" s="495"/>
      <c r="BH3" s="495"/>
      <c r="BI3" s="495"/>
      <c r="BJ3" s="495"/>
      <c r="BK3" s="495"/>
      <c r="BL3" s="495"/>
      <c r="BM3" s="495"/>
      <c r="BN3" s="495"/>
      <c r="BO3" s="495"/>
      <c r="BP3" s="495"/>
      <c r="BQ3" s="495"/>
      <c r="BR3" s="495"/>
      <c r="BS3" s="495"/>
      <c r="BT3" s="495"/>
      <c r="BU3" s="495"/>
      <c r="BV3" s="495"/>
      <c r="BW3" s="495"/>
      <c r="BX3" s="495"/>
      <c r="BY3" s="495"/>
      <c r="BZ3" s="495"/>
      <c r="CA3" s="495"/>
      <c r="CB3" s="495"/>
      <c r="CC3" s="495"/>
      <c r="CD3" s="495"/>
      <c r="CE3" s="495"/>
      <c r="CF3" s="495"/>
      <c r="CG3" s="495"/>
      <c r="CH3" s="495"/>
      <c r="CI3" s="495"/>
      <c r="CJ3" s="495"/>
      <c r="CK3" s="495"/>
      <c r="CL3" s="495"/>
      <c r="CM3" s="495"/>
      <c r="CN3" s="495"/>
      <c r="CO3" s="495"/>
      <c r="CP3" s="495"/>
      <c r="CQ3" s="495"/>
      <c r="CR3" s="495"/>
      <c r="CS3" s="495"/>
      <c r="CT3" s="495"/>
      <c r="CU3" s="495"/>
      <c r="CV3" s="495"/>
      <c r="CW3" s="496"/>
      <c r="CX3" s="495" t="s">
        <v>103</v>
      </c>
      <c r="CY3" s="495"/>
      <c r="CZ3" s="495"/>
      <c r="DA3" s="495"/>
      <c r="DB3" s="495"/>
      <c r="DC3" s="495"/>
      <c r="DD3" s="495"/>
      <c r="DE3" s="495"/>
      <c r="DF3" s="495"/>
      <c r="DG3" s="495"/>
      <c r="DH3" s="495"/>
      <c r="DI3" s="495"/>
      <c r="DJ3" s="495"/>
      <c r="DK3" s="495"/>
      <c r="DL3" s="495"/>
      <c r="DM3" s="495"/>
      <c r="DN3" s="495"/>
      <c r="DO3" s="495"/>
      <c r="DP3" s="495"/>
      <c r="DQ3" s="495"/>
      <c r="DR3" s="495"/>
      <c r="DS3" s="495"/>
      <c r="DT3" s="495"/>
      <c r="DU3" s="495"/>
      <c r="DV3" s="495"/>
      <c r="DW3" s="495"/>
      <c r="DX3" s="495"/>
      <c r="DY3" s="495"/>
      <c r="DZ3" s="495"/>
      <c r="EA3" s="495"/>
      <c r="EB3" s="495"/>
      <c r="EC3" s="495"/>
      <c r="ED3" s="495"/>
      <c r="EE3" s="495"/>
      <c r="EF3" s="495"/>
      <c r="EG3" s="495"/>
      <c r="EH3" s="495"/>
      <c r="EI3" s="495"/>
      <c r="EJ3" s="495"/>
      <c r="EK3" s="495"/>
      <c r="EL3" s="495"/>
      <c r="EM3" s="495"/>
      <c r="EN3" s="495"/>
      <c r="EO3" s="495"/>
      <c r="EP3" s="495"/>
      <c r="EQ3" s="495"/>
      <c r="ER3" s="495"/>
      <c r="ES3" s="495"/>
      <c r="ET3" s="495"/>
      <c r="EU3" s="495"/>
      <c r="EV3" s="495"/>
      <c r="EW3" s="495"/>
      <c r="EX3" s="495"/>
      <c r="EY3" s="495"/>
      <c r="EZ3" s="495"/>
      <c r="FA3" s="495"/>
      <c r="FB3" s="495"/>
      <c r="FC3" s="495"/>
      <c r="FD3" s="495"/>
      <c r="FE3" s="495"/>
      <c r="FF3" s="495"/>
      <c r="FG3" s="495"/>
      <c r="FH3" s="495"/>
      <c r="FI3" s="495"/>
      <c r="FJ3" s="495"/>
      <c r="FK3" s="495"/>
      <c r="FL3" s="495"/>
      <c r="FM3" s="495"/>
      <c r="FN3" s="495"/>
      <c r="FO3" s="495"/>
      <c r="FP3" s="495"/>
      <c r="FQ3" s="495"/>
      <c r="FR3" s="495"/>
      <c r="FS3" s="495"/>
      <c r="FT3" s="495"/>
      <c r="FU3" s="495"/>
      <c r="FV3" s="495"/>
      <c r="FW3" s="495"/>
      <c r="FX3" s="495"/>
      <c r="FY3" s="495"/>
      <c r="FZ3" s="495"/>
      <c r="GA3" s="495"/>
      <c r="GB3" s="495"/>
      <c r="GC3" s="495"/>
      <c r="GD3" s="495"/>
      <c r="GE3" s="495"/>
      <c r="GF3" s="495"/>
      <c r="GG3" s="495"/>
      <c r="GH3" s="495"/>
      <c r="GI3" s="495"/>
      <c r="GJ3" s="495"/>
      <c r="GK3" s="495"/>
      <c r="GL3" s="495"/>
      <c r="GM3" s="495"/>
      <c r="GN3" s="495"/>
      <c r="GO3" s="495"/>
      <c r="GP3" s="495"/>
      <c r="GQ3" s="495"/>
      <c r="GR3" s="496"/>
      <c r="GS3" s="495" t="s">
        <v>104</v>
      </c>
      <c r="GT3" s="495"/>
      <c r="GU3" s="495"/>
      <c r="GV3" s="495"/>
      <c r="GW3" s="495"/>
      <c r="GX3" s="495"/>
      <c r="GY3" s="495"/>
      <c r="GZ3" s="495"/>
      <c r="HA3" s="495"/>
      <c r="HB3" s="495"/>
      <c r="HC3" s="495"/>
      <c r="HD3" s="495"/>
      <c r="HE3" s="495"/>
      <c r="HF3" s="495"/>
      <c r="HG3" s="495"/>
      <c r="HH3" s="495"/>
      <c r="HI3" s="495"/>
      <c r="HJ3" s="495"/>
      <c r="HK3" s="495"/>
      <c r="HL3" s="495"/>
      <c r="HM3" s="495"/>
      <c r="HN3" s="495"/>
      <c r="HO3" s="495"/>
      <c r="HP3" s="495"/>
      <c r="HQ3" s="495"/>
      <c r="HR3" s="495"/>
      <c r="HS3" s="495"/>
      <c r="HT3" s="495"/>
      <c r="HU3" s="495"/>
      <c r="HV3" s="495"/>
      <c r="HW3" s="495"/>
      <c r="HX3" s="495"/>
      <c r="HY3" s="495"/>
      <c r="HZ3" s="495"/>
      <c r="IA3" s="495"/>
      <c r="IB3" s="495"/>
      <c r="IC3" s="495"/>
      <c r="ID3" s="495"/>
      <c r="IE3" s="495"/>
      <c r="IF3" s="495"/>
      <c r="IG3" s="495"/>
      <c r="IH3" s="495"/>
      <c r="II3" s="495"/>
      <c r="IJ3" s="495"/>
      <c r="IK3" s="495"/>
      <c r="IL3" s="495"/>
      <c r="IM3" s="495"/>
      <c r="IN3" s="495"/>
      <c r="IO3" s="495"/>
      <c r="IP3" s="495"/>
      <c r="IQ3" s="495"/>
      <c r="IR3" s="495"/>
      <c r="IS3" s="495"/>
      <c r="IT3" s="495"/>
      <c r="IU3" s="495"/>
      <c r="IV3" s="495"/>
      <c r="IW3" s="495"/>
      <c r="IX3" s="495"/>
      <c r="IY3" s="495"/>
      <c r="IZ3" s="495"/>
      <c r="JA3" s="495"/>
      <c r="JB3" s="495"/>
      <c r="JC3" s="495"/>
      <c r="JD3" s="495"/>
      <c r="JE3" s="495"/>
      <c r="JF3" s="495"/>
      <c r="JG3" s="495"/>
      <c r="JH3" s="495"/>
      <c r="JI3" s="495"/>
      <c r="JJ3" s="495"/>
      <c r="JK3" s="495"/>
      <c r="JL3" s="495"/>
      <c r="JM3" s="495"/>
      <c r="JN3" s="495"/>
      <c r="JO3" s="495"/>
      <c r="JP3" s="495"/>
      <c r="JQ3" s="495"/>
      <c r="JR3" s="495"/>
      <c r="JS3" s="495"/>
      <c r="JT3" s="495"/>
      <c r="JU3" s="495"/>
      <c r="JV3" s="495"/>
      <c r="JW3" s="495"/>
      <c r="JX3" s="495"/>
      <c r="JY3" s="495"/>
      <c r="JZ3" s="495"/>
      <c r="KA3" s="495"/>
      <c r="KB3" s="495"/>
      <c r="KC3" s="495"/>
      <c r="KD3" s="495"/>
      <c r="KE3" s="495"/>
      <c r="KF3" s="495"/>
      <c r="KG3" s="495"/>
      <c r="KH3" s="495"/>
      <c r="KI3" s="495"/>
      <c r="KJ3" s="495"/>
      <c r="KK3" s="495"/>
      <c r="KL3" s="495"/>
      <c r="KM3" s="496"/>
    </row>
    <row r="4" spans="2:299" ht="21" customHeight="1" thickBot="1" x14ac:dyDescent="0.25">
      <c r="B4" s="501"/>
      <c r="C4" s="497" t="s">
        <v>39</v>
      </c>
      <c r="D4" s="498"/>
      <c r="E4" s="498"/>
      <c r="F4" s="498"/>
      <c r="G4" s="498"/>
      <c r="H4" s="498"/>
      <c r="I4" s="498"/>
      <c r="J4" s="498"/>
      <c r="K4" s="498"/>
      <c r="L4" s="498"/>
      <c r="M4" s="498"/>
      <c r="N4" s="498"/>
      <c r="O4" s="498"/>
      <c r="P4" s="498"/>
      <c r="Q4" s="498"/>
      <c r="R4" s="498"/>
      <c r="S4" s="498"/>
      <c r="T4" s="498"/>
      <c r="U4" s="498"/>
      <c r="V4" s="498"/>
      <c r="W4" s="498"/>
      <c r="X4" s="498"/>
      <c r="Y4" s="498"/>
      <c r="Z4" s="498"/>
      <c r="AA4" s="498"/>
      <c r="AB4" s="498"/>
      <c r="AC4" s="498"/>
      <c r="AD4" s="498"/>
      <c r="AE4" s="498"/>
      <c r="AF4" s="498"/>
      <c r="AG4" s="498"/>
      <c r="AH4" s="498"/>
      <c r="AI4" s="498"/>
      <c r="AJ4" s="498"/>
      <c r="AK4" s="498"/>
      <c r="AL4" s="498"/>
      <c r="AM4" s="498"/>
      <c r="AN4" s="498"/>
      <c r="AO4" s="498"/>
      <c r="AP4" s="498"/>
      <c r="AQ4" s="498"/>
      <c r="AR4" s="498"/>
      <c r="AS4" s="498"/>
      <c r="AT4" s="498"/>
      <c r="AU4" s="498"/>
      <c r="AV4" s="498"/>
      <c r="AW4" s="498"/>
      <c r="AX4" s="498"/>
      <c r="AY4" s="498"/>
      <c r="AZ4" s="498"/>
      <c r="BA4" s="498"/>
      <c r="BB4" s="498"/>
      <c r="BC4" s="498"/>
      <c r="BD4" s="498"/>
      <c r="BE4" s="498"/>
      <c r="BF4" s="498"/>
      <c r="BG4" s="498"/>
      <c r="BH4" s="498"/>
      <c r="BI4" s="498"/>
      <c r="BJ4" s="498"/>
      <c r="BK4" s="498"/>
      <c r="BL4" s="498"/>
      <c r="BM4" s="498"/>
      <c r="BN4" s="498"/>
      <c r="BO4" s="498"/>
      <c r="BP4" s="498"/>
      <c r="BQ4" s="498"/>
      <c r="BR4" s="498"/>
      <c r="BS4" s="498"/>
      <c r="BT4" s="498"/>
      <c r="BU4" s="498"/>
      <c r="BV4" s="498"/>
      <c r="BW4" s="498"/>
      <c r="BX4" s="498"/>
      <c r="BY4" s="498"/>
      <c r="BZ4" s="498"/>
      <c r="CA4" s="499"/>
      <c r="CB4" s="483" t="s">
        <v>40</v>
      </c>
      <c r="CC4" s="484"/>
      <c r="CD4" s="484"/>
      <c r="CE4" s="484"/>
      <c r="CF4" s="484"/>
      <c r="CG4" s="484"/>
      <c r="CH4" s="484"/>
      <c r="CI4" s="484"/>
      <c r="CJ4" s="484"/>
      <c r="CK4" s="484"/>
      <c r="CL4" s="485"/>
      <c r="CM4" s="483" t="s">
        <v>41</v>
      </c>
      <c r="CN4" s="484"/>
      <c r="CO4" s="484"/>
      <c r="CP4" s="484"/>
      <c r="CQ4" s="484"/>
      <c r="CR4" s="484"/>
      <c r="CS4" s="484"/>
      <c r="CT4" s="484"/>
      <c r="CU4" s="484"/>
      <c r="CV4" s="484"/>
      <c r="CW4" s="485"/>
      <c r="CX4" s="497" t="s">
        <v>39</v>
      </c>
      <c r="CY4" s="498"/>
      <c r="CZ4" s="498"/>
      <c r="DA4" s="498"/>
      <c r="DB4" s="498"/>
      <c r="DC4" s="498"/>
      <c r="DD4" s="498"/>
      <c r="DE4" s="498"/>
      <c r="DF4" s="498"/>
      <c r="DG4" s="498"/>
      <c r="DH4" s="498"/>
      <c r="DI4" s="498"/>
      <c r="DJ4" s="498"/>
      <c r="DK4" s="498"/>
      <c r="DL4" s="498"/>
      <c r="DM4" s="498"/>
      <c r="DN4" s="498"/>
      <c r="DO4" s="498"/>
      <c r="DP4" s="498"/>
      <c r="DQ4" s="498"/>
      <c r="DR4" s="498"/>
      <c r="DS4" s="498"/>
      <c r="DT4" s="498"/>
      <c r="DU4" s="498"/>
      <c r="DV4" s="498"/>
      <c r="DW4" s="498"/>
      <c r="DX4" s="498"/>
      <c r="DY4" s="498"/>
      <c r="DZ4" s="498"/>
      <c r="EA4" s="498"/>
      <c r="EB4" s="498"/>
      <c r="EC4" s="498"/>
      <c r="ED4" s="498"/>
      <c r="EE4" s="498"/>
      <c r="EF4" s="498"/>
      <c r="EG4" s="498"/>
      <c r="EH4" s="498"/>
      <c r="EI4" s="498"/>
      <c r="EJ4" s="498"/>
      <c r="EK4" s="498"/>
      <c r="EL4" s="498"/>
      <c r="EM4" s="498"/>
      <c r="EN4" s="498"/>
      <c r="EO4" s="498"/>
      <c r="EP4" s="498"/>
      <c r="EQ4" s="498"/>
      <c r="ER4" s="498"/>
      <c r="ES4" s="498"/>
      <c r="ET4" s="498"/>
      <c r="EU4" s="498"/>
      <c r="EV4" s="498"/>
      <c r="EW4" s="498"/>
      <c r="EX4" s="498"/>
      <c r="EY4" s="498"/>
      <c r="EZ4" s="498"/>
      <c r="FA4" s="498"/>
      <c r="FB4" s="498"/>
      <c r="FC4" s="498"/>
      <c r="FD4" s="498"/>
      <c r="FE4" s="498"/>
      <c r="FF4" s="498"/>
      <c r="FG4" s="498"/>
      <c r="FH4" s="498"/>
      <c r="FI4" s="498"/>
      <c r="FJ4" s="498"/>
      <c r="FK4" s="498"/>
      <c r="FL4" s="498"/>
      <c r="FM4" s="498"/>
      <c r="FN4" s="498"/>
      <c r="FO4" s="498"/>
      <c r="FP4" s="498"/>
      <c r="FQ4" s="498"/>
      <c r="FR4" s="498"/>
      <c r="FS4" s="498"/>
      <c r="FT4" s="498"/>
      <c r="FU4" s="498"/>
      <c r="FV4" s="499"/>
      <c r="FW4" s="483" t="s">
        <v>40</v>
      </c>
      <c r="FX4" s="484"/>
      <c r="FY4" s="484"/>
      <c r="FZ4" s="484"/>
      <c r="GA4" s="484"/>
      <c r="GB4" s="484"/>
      <c r="GC4" s="484"/>
      <c r="GD4" s="484"/>
      <c r="GE4" s="484"/>
      <c r="GF4" s="484"/>
      <c r="GG4" s="485"/>
      <c r="GH4" s="483" t="s">
        <v>41</v>
      </c>
      <c r="GI4" s="484"/>
      <c r="GJ4" s="484"/>
      <c r="GK4" s="484"/>
      <c r="GL4" s="484"/>
      <c r="GM4" s="484"/>
      <c r="GN4" s="484"/>
      <c r="GO4" s="484"/>
      <c r="GP4" s="484"/>
      <c r="GQ4" s="484"/>
      <c r="GR4" s="485"/>
      <c r="GS4" s="497" t="s">
        <v>39</v>
      </c>
      <c r="GT4" s="498"/>
      <c r="GU4" s="498"/>
      <c r="GV4" s="498"/>
      <c r="GW4" s="498"/>
      <c r="GX4" s="498"/>
      <c r="GY4" s="498"/>
      <c r="GZ4" s="498"/>
      <c r="HA4" s="498"/>
      <c r="HB4" s="498"/>
      <c r="HC4" s="498"/>
      <c r="HD4" s="498"/>
      <c r="HE4" s="498"/>
      <c r="HF4" s="498"/>
      <c r="HG4" s="498"/>
      <c r="HH4" s="498"/>
      <c r="HI4" s="498"/>
      <c r="HJ4" s="498"/>
      <c r="HK4" s="498"/>
      <c r="HL4" s="498"/>
      <c r="HM4" s="498"/>
      <c r="HN4" s="498"/>
      <c r="HO4" s="498"/>
      <c r="HP4" s="498"/>
      <c r="HQ4" s="498"/>
      <c r="HR4" s="498"/>
      <c r="HS4" s="498"/>
      <c r="HT4" s="498"/>
      <c r="HU4" s="498"/>
      <c r="HV4" s="498"/>
      <c r="HW4" s="498"/>
      <c r="HX4" s="498"/>
      <c r="HY4" s="498"/>
      <c r="HZ4" s="498"/>
      <c r="IA4" s="498"/>
      <c r="IB4" s="498"/>
      <c r="IC4" s="498"/>
      <c r="ID4" s="498"/>
      <c r="IE4" s="498"/>
      <c r="IF4" s="498"/>
      <c r="IG4" s="498"/>
      <c r="IH4" s="498"/>
      <c r="II4" s="498"/>
      <c r="IJ4" s="498"/>
      <c r="IK4" s="498"/>
      <c r="IL4" s="498"/>
      <c r="IM4" s="498"/>
      <c r="IN4" s="498"/>
      <c r="IO4" s="498"/>
      <c r="IP4" s="498"/>
      <c r="IQ4" s="498"/>
      <c r="IR4" s="498"/>
      <c r="IS4" s="498"/>
      <c r="IT4" s="498"/>
      <c r="IU4" s="498"/>
      <c r="IV4" s="498"/>
      <c r="IW4" s="498"/>
      <c r="IX4" s="498"/>
      <c r="IY4" s="498"/>
      <c r="IZ4" s="498"/>
      <c r="JA4" s="498"/>
      <c r="JB4" s="498"/>
      <c r="JC4" s="498"/>
      <c r="JD4" s="498"/>
      <c r="JE4" s="498"/>
      <c r="JF4" s="498"/>
      <c r="JG4" s="498"/>
      <c r="JH4" s="498"/>
      <c r="JI4" s="498"/>
      <c r="JJ4" s="498"/>
      <c r="JK4" s="498"/>
      <c r="JL4" s="498"/>
      <c r="JM4" s="498"/>
      <c r="JN4" s="498"/>
      <c r="JO4" s="498"/>
      <c r="JP4" s="498"/>
      <c r="JQ4" s="499"/>
      <c r="JR4" s="483" t="s">
        <v>40</v>
      </c>
      <c r="JS4" s="484"/>
      <c r="JT4" s="484"/>
      <c r="JU4" s="484"/>
      <c r="JV4" s="484"/>
      <c r="JW4" s="484"/>
      <c r="JX4" s="484"/>
      <c r="JY4" s="484"/>
      <c r="JZ4" s="484"/>
      <c r="KA4" s="484"/>
      <c r="KB4" s="485"/>
      <c r="KC4" s="483" t="s">
        <v>41</v>
      </c>
      <c r="KD4" s="484"/>
      <c r="KE4" s="484"/>
      <c r="KF4" s="484"/>
      <c r="KG4" s="484"/>
      <c r="KH4" s="484"/>
      <c r="KI4" s="484"/>
      <c r="KJ4" s="484"/>
      <c r="KK4" s="484"/>
      <c r="KL4" s="484"/>
      <c r="KM4" s="485"/>
    </row>
    <row r="5" spans="2:299" ht="21" customHeight="1" thickBot="1" x14ac:dyDescent="0.25">
      <c r="B5" s="489"/>
      <c r="C5" s="489"/>
      <c r="D5" s="490"/>
      <c r="E5" s="490"/>
      <c r="F5" s="490"/>
      <c r="G5" s="490"/>
      <c r="H5" s="490"/>
      <c r="I5" s="490"/>
      <c r="J5" s="490"/>
      <c r="K5" s="490"/>
      <c r="L5" s="490"/>
      <c r="M5" s="491"/>
      <c r="N5" s="492" t="s">
        <v>97</v>
      </c>
      <c r="O5" s="493"/>
      <c r="P5" s="493"/>
      <c r="Q5" s="493"/>
      <c r="R5" s="493"/>
      <c r="S5" s="493"/>
      <c r="T5" s="493"/>
      <c r="U5" s="493"/>
      <c r="V5" s="493"/>
      <c r="W5" s="493"/>
      <c r="X5" s="494"/>
      <c r="Y5" s="492" t="s">
        <v>98</v>
      </c>
      <c r="Z5" s="493"/>
      <c r="AA5" s="493"/>
      <c r="AB5" s="493"/>
      <c r="AC5" s="493"/>
      <c r="AD5" s="493"/>
      <c r="AE5" s="493"/>
      <c r="AF5" s="493"/>
      <c r="AG5" s="493"/>
      <c r="AH5" s="493"/>
      <c r="AI5" s="494"/>
      <c r="AJ5" s="492" t="s">
        <v>99</v>
      </c>
      <c r="AK5" s="493"/>
      <c r="AL5" s="493"/>
      <c r="AM5" s="493"/>
      <c r="AN5" s="493"/>
      <c r="AO5" s="493"/>
      <c r="AP5" s="493"/>
      <c r="AQ5" s="493"/>
      <c r="AR5" s="493"/>
      <c r="AS5" s="493"/>
      <c r="AT5" s="494"/>
      <c r="AU5" s="492" t="s">
        <v>100</v>
      </c>
      <c r="AV5" s="493"/>
      <c r="AW5" s="493"/>
      <c r="AX5" s="493"/>
      <c r="AY5" s="493"/>
      <c r="AZ5" s="493"/>
      <c r="BA5" s="493"/>
      <c r="BB5" s="493"/>
      <c r="BC5" s="493"/>
      <c r="BD5" s="493"/>
      <c r="BE5" s="494"/>
      <c r="BF5" s="492" t="s">
        <v>101</v>
      </c>
      <c r="BG5" s="493"/>
      <c r="BH5" s="493"/>
      <c r="BI5" s="493"/>
      <c r="BJ5" s="493"/>
      <c r="BK5" s="493"/>
      <c r="BL5" s="493"/>
      <c r="BM5" s="493"/>
      <c r="BN5" s="493"/>
      <c r="BO5" s="493"/>
      <c r="BP5" s="494"/>
      <c r="BQ5" s="492" t="s">
        <v>102</v>
      </c>
      <c r="BR5" s="493"/>
      <c r="BS5" s="493"/>
      <c r="BT5" s="493"/>
      <c r="BU5" s="493"/>
      <c r="BV5" s="493"/>
      <c r="BW5" s="493"/>
      <c r="BX5" s="493"/>
      <c r="BY5" s="493"/>
      <c r="BZ5" s="493"/>
      <c r="CA5" s="494"/>
      <c r="CB5" s="486"/>
      <c r="CC5" s="487"/>
      <c r="CD5" s="487"/>
      <c r="CE5" s="487"/>
      <c r="CF5" s="487"/>
      <c r="CG5" s="487"/>
      <c r="CH5" s="487"/>
      <c r="CI5" s="487"/>
      <c r="CJ5" s="487"/>
      <c r="CK5" s="487"/>
      <c r="CL5" s="488"/>
      <c r="CM5" s="486"/>
      <c r="CN5" s="487"/>
      <c r="CO5" s="487"/>
      <c r="CP5" s="487"/>
      <c r="CQ5" s="487"/>
      <c r="CR5" s="487"/>
      <c r="CS5" s="487"/>
      <c r="CT5" s="487"/>
      <c r="CU5" s="487"/>
      <c r="CV5" s="487"/>
      <c r="CW5" s="488"/>
      <c r="CX5" s="489"/>
      <c r="CY5" s="490"/>
      <c r="CZ5" s="490"/>
      <c r="DA5" s="490"/>
      <c r="DB5" s="490"/>
      <c r="DC5" s="490"/>
      <c r="DD5" s="490"/>
      <c r="DE5" s="490"/>
      <c r="DF5" s="490"/>
      <c r="DG5" s="490"/>
      <c r="DH5" s="491"/>
      <c r="DI5" s="492" t="s">
        <v>97</v>
      </c>
      <c r="DJ5" s="493"/>
      <c r="DK5" s="493"/>
      <c r="DL5" s="493"/>
      <c r="DM5" s="493"/>
      <c r="DN5" s="493"/>
      <c r="DO5" s="493"/>
      <c r="DP5" s="493"/>
      <c r="DQ5" s="493"/>
      <c r="DR5" s="493"/>
      <c r="DS5" s="494"/>
      <c r="DT5" s="492" t="s">
        <v>98</v>
      </c>
      <c r="DU5" s="493"/>
      <c r="DV5" s="493"/>
      <c r="DW5" s="493"/>
      <c r="DX5" s="493"/>
      <c r="DY5" s="493"/>
      <c r="DZ5" s="493"/>
      <c r="EA5" s="493"/>
      <c r="EB5" s="493"/>
      <c r="EC5" s="493"/>
      <c r="ED5" s="494"/>
      <c r="EE5" s="492" t="s">
        <v>99</v>
      </c>
      <c r="EF5" s="493"/>
      <c r="EG5" s="493"/>
      <c r="EH5" s="493"/>
      <c r="EI5" s="493"/>
      <c r="EJ5" s="493"/>
      <c r="EK5" s="493"/>
      <c r="EL5" s="493"/>
      <c r="EM5" s="493"/>
      <c r="EN5" s="493"/>
      <c r="EO5" s="494"/>
      <c r="EP5" s="492" t="s">
        <v>100</v>
      </c>
      <c r="EQ5" s="493"/>
      <c r="ER5" s="493"/>
      <c r="ES5" s="493"/>
      <c r="ET5" s="493"/>
      <c r="EU5" s="493"/>
      <c r="EV5" s="493"/>
      <c r="EW5" s="493"/>
      <c r="EX5" s="493"/>
      <c r="EY5" s="493"/>
      <c r="EZ5" s="494"/>
      <c r="FA5" s="492" t="s">
        <v>101</v>
      </c>
      <c r="FB5" s="493"/>
      <c r="FC5" s="493"/>
      <c r="FD5" s="493"/>
      <c r="FE5" s="493"/>
      <c r="FF5" s="493"/>
      <c r="FG5" s="493"/>
      <c r="FH5" s="493"/>
      <c r="FI5" s="493"/>
      <c r="FJ5" s="493"/>
      <c r="FK5" s="494"/>
      <c r="FL5" s="492" t="s">
        <v>102</v>
      </c>
      <c r="FM5" s="493"/>
      <c r="FN5" s="493"/>
      <c r="FO5" s="493"/>
      <c r="FP5" s="493"/>
      <c r="FQ5" s="493"/>
      <c r="FR5" s="493"/>
      <c r="FS5" s="493"/>
      <c r="FT5" s="493"/>
      <c r="FU5" s="493"/>
      <c r="FV5" s="494"/>
      <c r="FW5" s="486"/>
      <c r="FX5" s="487"/>
      <c r="FY5" s="487"/>
      <c r="FZ5" s="487"/>
      <c r="GA5" s="487"/>
      <c r="GB5" s="487"/>
      <c r="GC5" s="487"/>
      <c r="GD5" s="487"/>
      <c r="GE5" s="487"/>
      <c r="GF5" s="487"/>
      <c r="GG5" s="488"/>
      <c r="GH5" s="486"/>
      <c r="GI5" s="487"/>
      <c r="GJ5" s="487"/>
      <c r="GK5" s="487"/>
      <c r="GL5" s="487"/>
      <c r="GM5" s="487"/>
      <c r="GN5" s="487"/>
      <c r="GO5" s="487"/>
      <c r="GP5" s="487"/>
      <c r="GQ5" s="487"/>
      <c r="GR5" s="488"/>
      <c r="GS5" s="489"/>
      <c r="GT5" s="490"/>
      <c r="GU5" s="490"/>
      <c r="GV5" s="490"/>
      <c r="GW5" s="490"/>
      <c r="GX5" s="490"/>
      <c r="GY5" s="490"/>
      <c r="GZ5" s="490"/>
      <c r="HA5" s="490"/>
      <c r="HB5" s="490"/>
      <c r="HC5" s="491"/>
      <c r="HD5" s="492" t="s">
        <v>97</v>
      </c>
      <c r="HE5" s="493"/>
      <c r="HF5" s="493"/>
      <c r="HG5" s="493"/>
      <c r="HH5" s="493"/>
      <c r="HI5" s="493"/>
      <c r="HJ5" s="493"/>
      <c r="HK5" s="493"/>
      <c r="HL5" s="493"/>
      <c r="HM5" s="493"/>
      <c r="HN5" s="494"/>
      <c r="HO5" s="492" t="s">
        <v>98</v>
      </c>
      <c r="HP5" s="493"/>
      <c r="HQ5" s="493"/>
      <c r="HR5" s="493"/>
      <c r="HS5" s="493"/>
      <c r="HT5" s="493"/>
      <c r="HU5" s="493"/>
      <c r="HV5" s="493"/>
      <c r="HW5" s="493"/>
      <c r="HX5" s="493"/>
      <c r="HY5" s="494"/>
      <c r="HZ5" s="492" t="s">
        <v>99</v>
      </c>
      <c r="IA5" s="493"/>
      <c r="IB5" s="493"/>
      <c r="IC5" s="493"/>
      <c r="ID5" s="493"/>
      <c r="IE5" s="493"/>
      <c r="IF5" s="493"/>
      <c r="IG5" s="493"/>
      <c r="IH5" s="493"/>
      <c r="II5" s="493"/>
      <c r="IJ5" s="494"/>
      <c r="IK5" s="492" t="s">
        <v>100</v>
      </c>
      <c r="IL5" s="493"/>
      <c r="IM5" s="493"/>
      <c r="IN5" s="493"/>
      <c r="IO5" s="493"/>
      <c r="IP5" s="493"/>
      <c r="IQ5" s="493"/>
      <c r="IR5" s="493"/>
      <c r="IS5" s="493"/>
      <c r="IT5" s="493"/>
      <c r="IU5" s="494"/>
      <c r="IV5" s="492" t="s">
        <v>101</v>
      </c>
      <c r="IW5" s="493"/>
      <c r="IX5" s="493"/>
      <c r="IY5" s="493"/>
      <c r="IZ5" s="493"/>
      <c r="JA5" s="493"/>
      <c r="JB5" s="493"/>
      <c r="JC5" s="493"/>
      <c r="JD5" s="493"/>
      <c r="JE5" s="493"/>
      <c r="JF5" s="494"/>
      <c r="JG5" s="492" t="s">
        <v>102</v>
      </c>
      <c r="JH5" s="493"/>
      <c r="JI5" s="493"/>
      <c r="JJ5" s="493"/>
      <c r="JK5" s="493"/>
      <c r="JL5" s="493"/>
      <c r="JM5" s="493"/>
      <c r="JN5" s="493"/>
      <c r="JO5" s="493"/>
      <c r="JP5" s="493"/>
      <c r="JQ5" s="494"/>
      <c r="JR5" s="486"/>
      <c r="JS5" s="487"/>
      <c r="JT5" s="487"/>
      <c r="JU5" s="487"/>
      <c r="JV5" s="487"/>
      <c r="JW5" s="487"/>
      <c r="JX5" s="487"/>
      <c r="JY5" s="487"/>
      <c r="JZ5" s="487"/>
      <c r="KA5" s="487"/>
      <c r="KB5" s="488"/>
      <c r="KC5" s="486"/>
      <c r="KD5" s="487"/>
      <c r="KE5" s="487"/>
      <c r="KF5" s="487"/>
      <c r="KG5" s="487"/>
      <c r="KH5" s="487"/>
      <c r="KI5" s="487"/>
      <c r="KJ5" s="487"/>
      <c r="KK5" s="487"/>
      <c r="KL5" s="487"/>
      <c r="KM5" s="488"/>
    </row>
    <row r="6" spans="2:299" ht="30" customHeight="1" thickBot="1" x14ac:dyDescent="0.25">
      <c r="B6" s="329" t="s">
        <v>42</v>
      </c>
      <c r="C6" s="43" t="s">
        <v>43</v>
      </c>
      <c r="D6" s="41" t="s">
        <v>44</v>
      </c>
      <c r="E6" s="42" t="s">
        <v>45</v>
      </c>
      <c r="F6" s="44" t="s">
        <v>46</v>
      </c>
      <c r="G6" s="41" t="s">
        <v>47</v>
      </c>
      <c r="H6" s="41" t="s">
        <v>48</v>
      </c>
      <c r="I6" s="41" t="s">
        <v>49</v>
      </c>
      <c r="J6" s="41" t="s">
        <v>50</v>
      </c>
      <c r="K6" s="41" t="s">
        <v>51</v>
      </c>
      <c r="L6" s="42" t="s">
        <v>45</v>
      </c>
      <c r="M6" s="328"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328"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328"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3347</v>
      </c>
      <c r="D7" s="68">
        <v>3221</v>
      </c>
      <c r="E7" s="69">
        <v>6568</v>
      </c>
      <c r="F7" s="227"/>
      <c r="G7" s="68">
        <v>4299</v>
      </c>
      <c r="H7" s="68">
        <v>3994</v>
      </c>
      <c r="I7" s="68">
        <v>2395</v>
      </c>
      <c r="J7" s="68">
        <v>2018</v>
      </c>
      <c r="K7" s="68">
        <v>1310</v>
      </c>
      <c r="L7" s="70">
        <v>14016</v>
      </c>
      <c r="M7" s="71">
        <v>20584</v>
      </c>
      <c r="N7" s="56">
        <v>104</v>
      </c>
      <c r="O7" s="57">
        <v>115</v>
      </c>
      <c r="P7" s="58">
        <v>219</v>
      </c>
      <c r="Q7" s="227"/>
      <c r="R7" s="57">
        <v>113</v>
      </c>
      <c r="S7" s="57">
        <v>144</v>
      </c>
      <c r="T7" s="57">
        <v>80</v>
      </c>
      <c r="U7" s="57">
        <v>85</v>
      </c>
      <c r="V7" s="57">
        <v>67</v>
      </c>
      <c r="W7" s="58">
        <v>489</v>
      </c>
      <c r="X7" s="59">
        <v>708</v>
      </c>
      <c r="Y7" s="56">
        <v>254</v>
      </c>
      <c r="Z7" s="57">
        <v>253</v>
      </c>
      <c r="AA7" s="58">
        <v>507</v>
      </c>
      <c r="AB7" s="227"/>
      <c r="AC7" s="57">
        <v>263</v>
      </c>
      <c r="AD7" s="57">
        <v>294</v>
      </c>
      <c r="AE7" s="57">
        <v>145</v>
      </c>
      <c r="AF7" s="57">
        <v>129</v>
      </c>
      <c r="AG7" s="57">
        <v>134</v>
      </c>
      <c r="AH7" s="58">
        <v>965</v>
      </c>
      <c r="AI7" s="59">
        <v>1472</v>
      </c>
      <c r="AJ7" s="56">
        <v>361</v>
      </c>
      <c r="AK7" s="57">
        <v>419</v>
      </c>
      <c r="AL7" s="58">
        <v>780</v>
      </c>
      <c r="AM7" s="227"/>
      <c r="AN7" s="57">
        <v>494</v>
      </c>
      <c r="AO7" s="57">
        <v>442</v>
      </c>
      <c r="AP7" s="57">
        <v>257</v>
      </c>
      <c r="AQ7" s="57">
        <v>236</v>
      </c>
      <c r="AR7" s="57">
        <v>190</v>
      </c>
      <c r="AS7" s="58">
        <v>1619</v>
      </c>
      <c r="AT7" s="59">
        <v>2399</v>
      </c>
      <c r="AU7" s="56">
        <v>758</v>
      </c>
      <c r="AV7" s="57">
        <v>746</v>
      </c>
      <c r="AW7" s="58">
        <v>1504</v>
      </c>
      <c r="AX7" s="227"/>
      <c r="AY7" s="57">
        <v>988</v>
      </c>
      <c r="AZ7" s="57">
        <v>824</v>
      </c>
      <c r="BA7" s="57">
        <v>459</v>
      </c>
      <c r="BB7" s="57">
        <v>397</v>
      </c>
      <c r="BC7" s="57">
        <v>265</v>
      </c>
      <c r="BD7" s="58">
        <v>2933</v>
      </c>
      <c r="BE7" s="59">
        <v>4437</v>
      </c>
      <c r="BF7" s="56">
        <v>1072</v>
      </c>
      <c r="BG7" s="57">
        <v>886</v>
      </c>
      <c r="BH7" s="58">
        <v>1958</v>
      </c>
      <c r="BI7" s="227"/>
      <c r="BJ7" s="57">
        <v>1307</v>
      </c>
      <c r="BK7" s="57">
        <v>1124</v>
      </c>
      <c r="BL7" s="57">
        <v>665</v>
      </c>
      <c r="BM7" s="57">
        <v>538</v>
      </c>
      <c r="BN7" s="57">
        <v>314</v>
      </c>
      <c r="BO7" s="58">
        <v>3948</v>
      </c>
      <c r="BP7" s="59">
        <v>5906</v>
      </c>
      <c r="BQ7" s="56">
        <v>798</v>
      </c>
      <c r="BR7" s="57">
        <v>802</v>
      </c>
      <c r="BS7" s="58">
        <v>1600</v>
      </c>
      <c r="BT7" s="227"/>
      <c r="BU7" s="57">
        <v>1134</v>
      </c>
      <c r="BV7" s="57">
        <v>1166</v>
      </c>
      <c r="BW7" s="57">
        <v>789</v>
      </c>
      <c r="BX7" s="57">
        <v>633</v>
      </c>
      <c r="BY7" s="57">
        <v>340</v>
      </c>
      <c r="BZ7" s="58">
        <v>4062</v>
      </c>
      <c r="CA7" s="59">
        <v>5662</v>
      </c>
      <c r="CB7" s="56">
        <v>0</v>
      </c>
      <c r="CC7" s="57">
        <v>0</v>
      </c>
      <c r="CD7" s="58">
        <v>0</v>
      </c>
      <c r="CE7" s="227"/>
      <c r="CF7" s="57">
        <v>0</v>
      </c>
      <c r="CG7" s="57">
        <v>0</v>
      </c>
      <c r="CH7" s="57">
        <v>0</v>
      </c>
      <c r="CI7" s="57">
        <v>0</v>
      </c>
      <c r="CJ7" s="57">
        <v>0</v>
      </c>
      <c r="CK7" s="58">
        <v>0</v>
      </c>
      <c r="CL7" s="59">
        <v>0</v>
      </c>
      <c r="CM7" s="56">
        <v>3347</v>
      </c>
      <c r="CN7" s="57">
        <v>3221</v>
      </c>
      <c r="CO7" s="58">
        <v>6568</v>
      </c>
      <c r="CP7" s="227"/>
      <c r="CQ7" s="57">
        <v>4299</v>
      </c>
      <c r="CR7" s="57">
        <v>3994</v>
      </c>
      <c r="CS7" s="57">
        <v>2395</v>
      </c>
      <c r="CT7" s="57">
        <v>2018</v>
      </c>
      <c r="CU7" s="57">
        <v>1310</v>
      </c>
      <c r="CV7" s="58">
        <v>14016</v>
      </c>
      <c r="CW7" s="59">
        <v>20584</v>
      </c>
      <c r="CX7" s="112">
        <v>1191</v>
      </c>
      <c r="CY7" s="68">
        <v>1378</v>
      </c>
      <c r="CZ7" s="69">
        <v>2569</v>
      </c>
      <c r="DA7" s="227"/>
      <c r="DB7" s="68">
        <v>1782</v>
      </c>
      <c r="DC7" s="68">
        <v>1595</v>
      </c>
      <c r="DD7" s="68">
        <v>1082</v>
      </c>
      <c r="DE7" s="68">
        <v>1077</v>
      </c>
      <c r="DF7" s="68">
        <v>718</v>
      </c>
      <c r="DG7" s="70">
        <v>6254</v>
      </c>
      <c r="DH7" s="71">
        <v>8823</v>
      </c>
      <c r="DI7" s="56">
        <v>35</v>
      </c>
      <c r="DJ7" s="57">
        <v>33</v>
      </c>
      <c r="DK7" s="58">
        <v>68</v>
      </c>
      <c r="DL7" s="227"/>
      <c r="DM7" s="57">
        <v>28</v>
      </c>
      <c r="DN7" s="57">
        <v>23</v>
      </c>
      <c r="DO7" s="57">
        <v>20</v>
      </c>
      <c r="DP7" s="57">
        <v>15</v>
      </c>
      <c r="DQ7" s="57">
        <v>16</v>
      </c>
      <c r="DR7" s="58">
        <v>102</v>
      </c>
      <c r="DS7" s="59">
        <v>170</v>
      </c>
      <c r="DT7" s="56">
        <v>94</v>
      </c>
      <c r="DU7" s="57">
        <v>86</v>
      </c>
      <c r="DV7" s="58">
        <v>180</v>
      </c>
      <c r="DW7" s="227"/>
      <c r="DX7" s="57">
        <v>82</v>
      </c>
      <c r="DY7" s="57">
        <v>65</v>
      </c>
      <c r="DZ7" s="57">
        <v>47</v>
      </c>
      <c r="EA7" s="57">
        <v>30</v>
      </c>
      <c r="EB7" s="57">
        <v>28</v>
      </c>
      <c r="EC7" s="58">
        <v>252</v>
      </c>
      <c r="ED7" s="59">
        <v>432</v>
      </c>
      <c r="EE7" s="56">
        <v>161</v>
      </c>
      <c r="EF7" s="57">
        <v>204</v>
      </c>
      <c r="EG7" s="58">
        <v>365</v>
      </c>
      <c r="EH7" s="227"/>
      <c r="EI7" s="57">
        <v>194</v>
      </c>
      <c r="EJ7" s="57">
        <v>155</v>
      </c>
      <c r="EK7" s="57">
        <v>72</v>
      </c>
      <c r="EL7" s="57">
        <v>68</v>
      </c>
      <c r="EM7" s="57">
        <v>66</v>
      </c>
      <c r="EN7" s="58">
        <v>555</v>
      </c>
      <c r="EO7" s="59">
        <v>920</v>
      </c>
      <c r="EP7" s="56">
        <v>358</v>
      </c>
      <c r="EQ7" s="57">
        <v>324</v>
      </c>
      <c r="ER7" s="58">
        <v>682</v>
      </c>
      <c r="ES7" s="227"/>
      <c r="ET7" s="57">
        <v>346</v>
      </c>
      <c r="EU7" s="57">
        <v>290</v>
      </c>
      <c r="EV7" s="57">
        <v>161</v>
      </c>
      <c r="EW7" s="57">
        <v>147</v>
      </c>
      <c r="EX7" s="57">
        <v>100</v>
      </c>
      <c r="EY7" s="58">
        <v>1044</v>
      </c>
      <c r="EZ7" s="59">
        <v>1726</v>
      </c>
      <c r="FA7" s="56">
        <v>316</v>
      </c>
      <c r="FB7" s="57">
        <v>431</v>
      </c>
      <c r="FC7" s="58">
        <v>747</v>
      </c>
      <c r="FD7" s="227"/>
      <c r="FE7" s="57">
        <v>563</v>
      </c>
      <c r="FF7" s="57">
        <v>453</v>
      </c>
      <c r="FG7" s="57">
        <v>292</v>
      </c>
      <c r="FH7" s="57">
        <v>266</v>
      </c>
      <c r="FI7" s="57">
        <v>172</v>
      </c>
      <c r="FJ7" s="58">
        <v>1746</v>
      </c>
      <c r="FK7" s="59">
        <v>2493</v>
      </c>
      <c r="FL7" s="56">
        <v>227</v>
      </c>
      <c r="FM7" s="57">
        <v>300</v>
      </c>
      <c r="FN7" s="58">
        <v>527</v>
      </c>
      <c r="FO7" s="227"/>
      <c r="FP7" s="57">
        <v>569</v>
      </c>
      <c r="FQ7" s="57">
        <v>609</v>
      </c>
      <c r="FR7" s="57">
        <v>490</v>
      </c>
      <c r="FS7" s="57">
        <v>551</v>
      </c>
      <c r="FT7" s="57">
        <v>336</v>
      </c>
      <c r="FU7" s="58">
        <v>2555</v>
      </c>
      <c r="FV7" s="59">
        <v>3082</v>
      </c>
      <c r="FW7" s="56">
        <v>0</v>
      </c>
      <c r="FX7" s="57">
        <v>0</v>
      </c>
      <c r="FY7" s="58">
        <v>0</v>
      </c>
      <c r="FZ7" s="227"/>
      <c r="GA7" s="57">
        <v>0</v>
      </c>
      <c r="GB7" s="57">
        <v>0</v>
      </c>
      <c r="GC7" s="57">
        <v>0</v>
      </c>
      <c r="GD7" s="57">
        <v>0</v>
      </c>
      <c r="GE7" s="57">
        <v>0</v>
      </c>
      <c r="GF7" s="58">
        <v>0</v>
      </c>
      <c r="GG7" s="59">
        <v>0</v>
      </c>
      <c r="GH7" s="56">
        <v>1191</v>
      </c>
      <c r="GI7" s="57">
        <v>1378</v>
      </c>
      <c r="GJ7" s="58">
        <v>2569</v>
      </c>
      <c r="GK7" s="227"/>
      <c r="GL7" s="57">
        <v>1782</v>
      </c>
      <c r="GM7" s="57">
        <v>1595</v>
      </c>
      <c r="GN7" s="57">
        <v>1082</v>
      </c>
      <c r="GO7" s="57">
        <v>1077</v>
      </c>
      <c r="GP7" s="57">
        <v>718</v>
      </c>
      <c r="GQ7" s="58">
        <v>6254</v>
      </c>
      <c r="GR7" s="59">
        <v>8823</v>
      </c>
      <c r="GS7" s="112">
        <v>4538</v>
      </c>
      <c r="GT7" s="68">
        <v>4599</v>
      </c>
      <c r="GU7" s="69">
        <v>9137</v>
      </c>
      <c r="GV7" s="227"/>
      <c r="GW7" s="68">
        <v>6081</v>
      </c>
      <c r="GX7" s="68">
        <v>5589</v>
      </c>
      <c r="GY7" s="68">
        <v>3477</v>
      </c>
      <c r="GZ7" s="68">
        <v>3095</v>
      </c>
      <c r="HA7" s="68">
        <v>2028</v>
      </c>
      <c r="HB7" s="70">
        <v>20270</v>
      </c>
      <c r="HC7" s="71">
        <v>29407</v>
      </c>
      <c r="HD7" s="56">
        <v>139</v>
      </c>
      <c r="HE7" s="57">
        <v>148</v>
      </c>
      <c r="HF7" s="58">
        <v>287</v>
      </c>
      <c r="HG7" s="227"/>
      <c r="HH7" s="57">
        <v>141</v>
      </c>
      <c r="HI7" s="57">
        <v>167</v>
      </c>
      <c r="HJ7" s="57">
        <v>100</v>
      </c>
      <c r="HK7" s="57">
        <v>100</v>
      </c>
      <c r="HL7" s="57">
        <v>83</v>
      </c>
      <c r="HM7" s="58">
        <v>591</v>
      </c>
      <c r="HN7" s="59">
        <v>878</v>
      </c>
      <c r="HO7" s="56">
        <v>348</v>
      </c>
      <c r="HP7" s="57">
        <v>339</v>
      </c>
      <c r="HQ7" s="58">
        <v>687</v>
      </c>
      <c r="HR7" s="227"/>
      <c r="HS7" s="57">
        <v>345</v>
      </c>
      <c r="HT7" s="57">
        <v>359</v>
      </c>
      <c r="HU7" s="57">
        <v>192</v>
      </c>
      <c r="HV7" s="57">
        <v>159</v>
      </c>
      <c r="HW7" s="57">
        <v>162</v>
      </c>
      <c r="HX7" s="58">
        <v>1217</v>
      </c>
      <c r="HY7" s="59">
        <v>1904</v>
      </c>
      <c r="HZ7" s="56">
        <v>522</v>
      </c>
      <c r="IA7" s="57">
        <v>623</v>
      </c>
      <c r="IB7" s="58">
        <v>1145</v>
      </c>
      <c r="IC7" s="227"/>
      <c r="ID7" s="57">
        <v>688</v>
      </c>
      <c r="IE7" s="57">
        <v>597</v>
      </c>
      <c r="IF7" s="57">
        <v>329</v>
      </c>
      <c r="IG7" s="57">
        <v>304</v>
      </c>
      <c r="IH7" s="57">
        <v>256</v>
      </c>
      <c r="II7" s="58">
        <v>2174</v>
      </c>
      <c r="IJ7" s="59">
        <v>3319</v>
      </c>
      <c r="IK7" s="56">
        <v>1116</v>
      </c>
      <c r="IL7" s="57">
        <v>1070</v>
      </c>
      <c r="IM7" s="58">
        <v>2186</v>
      </c>
      <c r="IN7" s="227"/>
      <c r="IO7" s="57">
        <v>1334</v>
      </c>
      <c r="IP7" s="57">
        <v>1114</v>
      </c>
      <c r="IQ7" s="57">
        <v>620</v>
      </c>
      <c r="IR7" s="57">
        <v>544</v>
      </c>
      <c r="IS7" s="57">
        <v>365</v>
      </c>
      <c r="IT7" s="58">
        <v>3977</v>
      </c>
      <c r="IU7" s="59">
        <v>6163</v>
      </c>
      <c r="IV7" s="56">
        <v>1388</v>
      </c>
      <c r="IW7" s="57">
        <v>1317</v>
      </c>
      <c r="IX7" s="58">
        <v>2705</v>
      </c>
      <c r="IY7" s="227"/>
      <c r="IZ7" s="57">
        <v>1870</v>
      </c>
      <c r="JA7" s="57">
        <v>1577</v>
      </c>
      <c r="JB7" s="57">
        <v>957</v>
      </c>
      <c r="JC7" s="57">
        <v>804</v>
      </c>
      <c r="JD7" s="57">
        <v>486</v>
      </c>
      <c r="JE7" s="58">
        <v>5694</v>
      </c>
      <c r="JF7" s="59">
        <v>8399</v>
      </c>
      <c r="JG7" s="56">
        <v>1025</v>
      </c>
      <c r="JH7" s="57">
        <v>1102</v>
      </c>
      <c r="JI7" s="58">
        <v>2127</v>
      </c>
      <c r="JJ7" s="227"/>
      <c r="JK7" s="57">
        <v>1703</v>
      </c>
      <c r="JL7" s="57">
        <v>1775</v>
      </c>
      <c r="JM7" s="57">
        <v>1279</v>
      </c>
      <c r="JN7" s="57">
        <v>1184</v>
      </c>
      <c r="JO7" s="57">
        <v>676</v>
      </c>
      <c r="JP7" s="58">
        <v>6617</v>
      </c>
      <c r="JQ7" s="59">
        <v>8744</v>
      </c>
      <c r="JR7" s="56">
        <v>0</v>
      </c>
      <c r="JS7" s="57">
        <v>0</v>
      </c>
      <c r="JT7" s="58">
        <v>0</v>
      </c>
      <c r="JU7" s="227"/>
      <c r="JV7" s="57">
        <v>0</v>
      </c>
      <c r="JW7" s="57">
        <v>0</v>
      </c>
      <c r="JX7" s="57">
        <v>0</v>
      </c>
      <c r="JY7" s="57">
        <v>0</v>
      </c>
      <c r="JZ7" s="57">
        <v>0</v>
      </c>
      <c r="KA7" s="58">
        <v>0</v>
      </c>
      <c r="KB7" s="59">
        <v>0</v>
      </c>
      <c r="KC7" s="56">
        <v>4538</v>
      </c>
      <c r="KD7" s="57">
        <v>4599</v>
      </c>
      <c r="KE7" s="58">
        <v>9137</v>
      </c>
      <c r="KF7" s="227"/>
      <c r="KG7" s="57">
        <v>6081</v>
      </c>
      <c r="KH7" s="57">
        <v>5589</v>
      </c>
      <c r="KI7" s="57">
        <v>3477</v>
      </c>
      <c r="KJ7" s="57">
        <v>3095</v>
      </c>
      <c r="KK7" s="57">
        <v>2028</v>
      </c>
      <c r="KL7" s="58">
        <v>20270</v>
      </c>
      <c r="KM7" s="59">
        <v>29407</v>
      </c>
    </row>
    <row r="8" spans="2:299" ht="21" customHeight="1" x14ac:dyDescent="0.2">
      <c r="B8" s="471" t="s">
        <v>5</v>
      </c>
      <c r="C8" s="293">
        <v>1523</v>
      </c>
      <c r="D8" s="72">
        <v>1604</v>
      </c>
      <c r="E8" s="73">
        <v>3127</v>
      </c>
      <c r="F8" s="228"/>
      <c r="G8" s="72">
        <v>1569</v>
      </c>
      <c r="H8" s="72">
        <v>1961</v>
      </c>
      <c r="I8" s="72">
        <v>1088</v>
      </c>
      <c r="J8" s="72">
        <v>904</v>
      </c>
      <c r="K8" s="72">
        <v>565</v>
      </c>
      <c r="L8" s="74">
        <v>6087</v>
      </c>
      <c r="M8" s="75">
        <v>9214</v>
      </c>
      <c r="N8" s="60">
        <v>49</v>
      </c>
      <c r="O8" s="61">
        <v>49</v>
      </c>
      <c r="P8" s="62">
        <v>98</v>
      </c>
      <c r="Q8" s="228"/>
      <c r="R8" s="61">
        <v>36</v>
      </c>
      <c r="S8" s="61">
        <v>64</v>
      </c>
      <c r="T8" s="61">
        <v>37</v>
      </c>
      <c r="U8" s="61">
        <v>33</v>
      </c>
      <c r="V8" s="61">
        <v>26</v>
      </c>
      <c r="W8" s="62">
        <v>196</v>
      </c>
      <c r="X8" s="63">
        <v>294</v>
      </c>
      <c r="Y8" s="60">
        <v>102</v>
      </c>
      <c r="Z8" s="61">
        <v>123</v>
      </c>
      <c r="AA8" s="62">
        <v>225</v>
      </c>
      <c r="AB8" s="228"/>
      <c r="AC8" s="61">
        <v>74</v>
      </c>
      <c r="AD8" s="61">
        <v>127</v>
      </c>
      <c r="AE8" s="61">
        <v>54</v>
      </c>
      <c r="AF8" s="61">
        <v>67</v>
      </c>
      <c r="AG8" s="61">
        <v>53</v>
      </c>
      <c r="AH8" s="62">
        <v>375</v>
      </c>
      <c r="AI8" s="63">
        <v>600</v>
      </c>
      <c r="AJ8" s="60">
        <v>154</v>
      </c>
      <c r="AK8" s="61">
        <v>210</v>
      </c>
      <c r="AL8" s="62">
        <v>364</v>
      </c>
      <c r="AM8" s="228"/>
      <c r="AN8" s="61">
        <v>158</v>
      </c>
      <c r="AO8" s="61">
        <v>197</v>
      </c>
      <c r="AP8" s="61">
        <v>109</v>
      </c>
      <c r="AQ8" s="61">
        <v>100</v>
      </c>
      <c r="AR8" s="61">
        <v>77</v>
      </c>
      <c r="AS8" s="62">
        <v>641</v>
      </c>
      <c r="AT8" s="63">
        <v>1005</v>
      </c>
      <c r="AU8" s="60">
        <v>355</v>
      </c>
      <c r="AV8" s="61">
        <v>368</v>
      </c>
      <c r="AW8" s="62">
        <v>723</v>
      </c>
      <c r="AX8" s="228"/>
      <c r="AY8" s="61">
        <v>322</v>
      </c>
      <c r="AZ8" s="61">
        <v>409</v>
      </c>
      <c r="BA8" s="61">
        <v>210</v>
      </c>
      <c r="BB8" s="61">
        <v>181</v>
      </c>
      <c r="BC8" s="61">
        <v>109</v>
      </c>
      <c r="BD8" s="62">
        <v>1231</v>
      </c>
      <c r="BE8" s="63">
        <v>1954</v>
      </c>
      <c r="BF8" s="60">
        <v>515</v>
      </c>
      <c r="BG8" s="61">
        <v>459</v>
      </c>
      <c r="BH8" s="62">
        <v>974</v>
      </c>
      <c r="BI8" s="228"/>
      <c r="BJ8" s="61">
        <v>540</v>
      </c>
      <c r="BK8" s="61">
        <v>560</v>
      </c>
      <c r="BL8" s="61">
        <v>305</v>
      </c>
      <c r="BM8" s="61">
        <v>244</v>
      </c>
      <c r="BN8" s="61">
        <v>132</v>
      </c>
      <c r="BO8" s="62">
        <v>1781</v>
      </c>
      <c r="BP8" s="63">
        <v>2755</v>
      </c>
      <c r="BQ8" s="60">
        <v>348</v>
      </c>
      <c r="BR8" s="61">
        <v>395</v>
      </c>
      <c r="BS8" s="62">
        <v>743</v>
      </c>
      <c r="BT8" s="228"/>
      <c r="BU8" s="61">
        <v>439</v>
      </c>
      <c r="BV8" s="61">
        <v>604</v>
      </c>
      <c r="BW8" s="61">
        <v>373</v>
      </c>
      <c r="BX8" s="61">
        <v>279</v>
      </c>
      <c r="BY8" s="61">
        <v>168</v>
      </c>
      <c r="BZ8" s="62">
        <v>1863</v>
      </c>
      <c r="CA8" s="63">
        <v>2606</v>
      </c>
      <c r="CB8" s="60">
        <v>0</v>
      </c>
      <c r="CC8" s="61">
        <v>0</v>
      </c>
      <c r="CD8" s="62">
        <v>0</v>
      </c>
      <c r="CE8" s="228"/>
      <c r="CF8" s="61">
        <v>0</v>
      </c>
      <c r="CG8" s="61">
        <v>0</v>
      </c>
      <c r="CH8" s="61">
        <v>0</v>
      </c>
      <c r="CI8" s="61">
        <v>0</v>
      </c>
      <c r="CJ8" s="61">
        <v>0</v>
      </c>
      <c r="CK8" s="62">
        <v>0</v>
      </c>
      <c r="CL8" s="63">
        <v>0</v>
      </c>
      <c r="CM8" s="60">
        <v>1523</v>
      </c>
      <c r="CN8" s="61">
        <v>1604</v>
      </c>
      <c r="CO8" s="62">
        <v>3127</v>
      </c>
      <c r="CP8" s="228"/>
      <c r="CQ8" s="61">
        <v>1569</v>
      </c>
      <c r="CR8" s="61">
        <v>1961</v>
      </c>
      <c r="CS8" s="61">
        <v>1088</v>
      </c>
      <c r="CT8" s="61">
        <v>904</v>
      </c>
      <c r="CU8" s="61">
        <v>565</v>
      </c>
      <c r="CV8" s="62">
        <v>6087</v>
      </c>
      <c r="CW8" s="63">
        <v>9214</v>
      </c>
      <c r="CX8" s="113">
        <v>457</v>
      </c>
      <c r="CY8" s="72">
        <v>642</v>
      </c>
      <c r="CZ8" s="73">
        <v>1099</v>
      </c>
      <c r="DA8" s="228"/>
      <c r="DB8" s="72">
        <v>652</v>
      </c>
      <c r="DC8" s="72">
        <v>751</v>
      </c>
      <c r="DD8" s="72">
        <v>475</v>
      </c>
      <c r="DE8" s="72">
        <v>465</v>
      </c>
      <c r="DF8" s="72">
        <v>312</v>
      </c>
      <c r="DG8" s="74">
        <v>2655</v>
      </c>
      <c r="DH8" s="75">
        <v>3754</v>
      </c>
      <c r="DI8" s="60">
        <v>12</v>
      </c>
      <c r="DJ8" s="61">
        <v>13</v>
      </c>
      <c r="DK8" s="62">
        <v>25</v>
      </c>
      <c r="DL8" s="228"/>
      <c r="DM8" s="61">
        <v>10</v>
      </c>
      <c r="DN8" s="61">
        <v>10</v>
      </c>
      <c r="DO8" s="61">
        <v>7</v>
      </c>
      <c r="DP8" s="61">
        <v>9</v>
      </c>
      <c r="DQ8" s="61">
        <v>8</v>
      </c>
      <c r="DR8" s="62">
        <v>44</v>
      </c>
      <c r="DS8" s="63">
        <v>69</v>
      </c>
      <c r="DT8" s="60">
        <v>42</v>
      </c>
      <c r="DU8" s="61">
        <v>42</v>
      </c>
      <c r="DV8" s="62">
        <v>84</v>
      </c>
      <c r="DW8" s="228"/>
      <c r="DX8" s="61">
        <v>19</v>
      </c>
      <c r="DY8" s="61">
        <v>26</v>
      </c>
      <c r="DZ8" s="61">
        <v>24</v>
      </c>
      <c r="EA8" s="61">
        <v>12</v>
      </c>
      <c r="EB8" s="61">
        <v>12</v>
      </c>
      <c r="EC8" s="62">
        <v>93</v>
      </c>
      <c r="ED8" s="63">
        <v>177</v>
      </c>
      <c r="EE8" s="60">
        <v>53</v>
      </c>
      <c r="EF8" s="61">
        <v>93</v>
      </c>
      <c r="EG8" s="62">
        <v>146</v>
      </c>
      <c r="EH8" s="228"/>
      <c r="EI8" s="61">
        <v>76</v>
      </c>
      <c r="EJ8" s="61">
        <v>75</v>
      </c>
      <c r="EK8" s="61">
        <v>30</v>
      </c>
      <c r="EL8" s="61">
        <v>33</v>
      </c>
      <c r="EM8" s="61">
        <v>31</v>
      </c>
      <c r="EN8" s="62">
        <v>245</v>
      </c>
      <c r="EO8" s="63">
        <v>391</v>
      </c>
      <c r="EP8" s="60">
        <v>137</v>
      </c>
      <c r="EQ8" s="61">
        <v>154</v>
      </c>
      <c r="ER8" s="62">
        <v>291</v>
      </c>
      <c r="ES8" s="228"/>
      <c r="ET8" s="61">
        <v>135</v>
      </c>
      <c r="EU8" s="61">
        <v>130</v>
      </c>
      <c r="EV8" s="61">
        <v>67</v>
      </c>
      <c r="EW8" s="61">
        <v>68</v>
      </c>
      <c r="EX8" s="61">
        <v>37</v>
      </c>
      <c r="EY8" s="62">
        <v>437</v>
      </c>
      <c r="EZ8" s="63">
        <v>728</v>
      </c>
      <c r="FA8" s="60">
        <v>120</v>
      </c>
      <c r="FB8" s="61">
        <v>212</v>
      </c>
      <c r="FC8" s="62">
        <v>332</v>
      </c>
      <c r="FD8" s="228"/>
      <c r="FE8" s="61">
        <v>214</v>
      </c>
      <c r="FF8" s="61">
        <v>222</v>
      </c>
      <c r="FG8" s="61">
        <v>126</v>
      </c>
      <c r="FH8" s="61">
        <v>119</v>
      </c>
      <c r="FI8" s="61">
        <v>70</v>
      </c>
      <c r="FJ8" s="62">
        <v>751</v>
      </c>
      <c r="FK8" s="63">
        <v>1083</v>
      </c>
      <c r="FL8" s="60">
        <v>93</v>
      </c>
      <c r="FM8" s="61">
        <v>128</v>
      </c>
      <c r="FN8" s="62">
        <v>221</v>
      </c>
      <c r="FO8" s="228"/>
      <c r="FP8" s="61">
        <v>198</v>
      </c>
      <c r="FQ8" s="61">
        <v>288</v>
      </c>
      <c r="FR8" s="61">
        <v>221</v>
      </c>
      <c r="FS8" s="61">
        <v>224</v>
      </c>
      <c r="FT8" s="61">
        <v>154</v>
      </c>
      <c r="FU8" s="62">
        <v>1085</v>
      </c>
      <c r="FV8" s="63">
        <v>1306</v>
      </c>
      <c r="FW8" s="60">
        <v>0</v>
      </c>
      <c r="FX8" s="61">
        <v>0</v>
      </c>
      <c r="FY8" s="62">
        <v>0</v>
      </c>
      <c r="FZ8" s="228"/>
      <c r="GA8" s="61">
        <v>0</v>
      </c>
      <c r="GB8" s="61">
        <v>0</v>
      </c>
      <c r="GC8" s="61">
        <v>0</v>
      </c>
      <c r="GD8" s="61">
        <v>0</v>
      </c>
      <c r="GE8" s="61">
        <v>0</v>
      </c>
      <c r="GF8" s="62">
        <v>0</v>
      </c>
      <c r="GG8" s="63">
        <v>0</v>
      </c>
      <c r="GH8" s="60">
        <v>457</v>
      </c>
      <c r="GI8" s="61">
        <v>642</v>
      </c>
      <c r="GJ8" s="62">
        <v>1099</v>
      </c>
      <c r="GK8" s="228"/>
      <c r="GL8" s="61">
        <v>652</v>
      </c>
      <c r="GM8" s="61">
        <v>751</v>
      </c>
      <c r="GN8" s="61">
        <v>475</v>
      </c>
      <c r="GO8" s="61">
        <v>465</v>
      </c>
      <c r="GP8" s="61">
        <v>312</v>
      </c>
      <c r="GQ8" s="62">
        <v>2655</v>
      </c>
      <c r="GR8" s="63">
        <v>3754</v>
      </c>
      <c r="GS8" s="113">
        <v>1980</v>
      </c>
      <c r="GT8" s="72">
        <v>2246</v>
      </c>
      <c r="GU8" s="73">
        <v>4226</v>
      </c>
      <c r="GV8" s="228"/>
      <c r="GW8" s="72">
        <v>2221</v>
      </c>
      <c r="GX8" s="72">
        <v>2712</v>
      </c>
      <c r="GY8" s="72">
        <v>1563</v>
      </c>
      <c r="GZ8" s="72">
        <v>1369</v>
      </c>
      <c r="HA8" s="72">
        <v>877</v>
      </c>
      <c r="HB8" s="74">
        <v>8742</v>
      </c>
      <c r="HC8" s="75">
        <v>12968</v>
      </c>
      <c r="HD8" s="60">
        <v>61</v>
      </c>
      <c r="HE8" s="61">
        <v>62</v>
      </c>
      <c r="HF8" s="62">
        <v>123</v>
      </c>
      <c r="HG8" s="228"/>
      <c r="HH8" s="61">
        <v>46</v>
      </c>
      <c r="HI8" s="61">
        <v>74</v>
      </c>
      <c r="HJ8" s="61">
        <v>44</v>
      </c>
      <c r="HK8" s="61">
        <v>42</v>
      </c>
      <c r="HL8" s="61">
        <v>34</v>
      </c>
      <c r="HM8" s="62">
        <v>240</v>
      </c>
      <c r="HN8" s="63">
        <v>363</v>
      </c>
      <c r="HO8" s="60">
        <v>144</v>
      </c>
      <c r="HP8" s="61">
        <v>165</v>
      </c>
      <c r="HQ8" s="62">
        <v>309</v>
      </c>
      <c r="HR8" s="228"/>
      <c r="HS8" s="61">
        <v>93</v>
      </c>
      <c r="HT8" s="61">
        <v>153</v>
      </c>
      <c r="HU8" s="61">
        <v>78</v>
      </c>
      <c r="HV8" s="61">
        <v>79</v>
      </c>
      <c r="HW8" s="61">
        <v>65</v>
      </c>
      <c r="HX8" s="62">
        <v>468</v>
      </c>
      <c r="HY8" s="63">
        <v>777</v>
      </c>
      <c r="HZ8" s="60">
        <v>207</v>
      </c>
      <c r="IA8" s="61">
        <v>303</v>
      </c>
      <c r="IB8" s="62">
        <v>510</v>
      </c>
      <c r="IC8" s="228"/>
      <c r="ID8" s="61">
        <v>234</v>
      </c>
      <c r="IE8" s="61">
        <v>272</v>
      </c>
      <c r="IF8" s="61">
        <v>139</v>
      </c>
      <c r="IG8" s="61">
        <v>133</v>
      </c>
      <c r="IH8" s="61">
        <v>108</v>
      </c>
      <c r="II8" s="62">
        <v>886</v>
      </c>
      <c r="IJ8" s="63">
        <v>1396</v>
      </c>
      <c r="IK8" s="60">
        <v>492</v>
      </c>
      <c r="IL8" s="61">
        <v>522</v>
      </c>
      <c r="IM8" s="62">
        <v>1014</v>
      </c>
      <c r="IN8" s="228"/>
      <c r="IO8" s="61">
        <v>457</v>
      </c>
      <c r="IP8" s="61">
        <v>539</v>
      </c>
      <c r="IQ8" s="61">
        <v>277</v>
      </c>
      <c r="IR8" s="61">
        <v>249</v>
      </c>
      <c r="IS8" s="61">
        <v>146</v>
      </c>
      <c r="IT8" s="62">
        <v>1668</v>
      </c>
      <c r="IU8" s="63">
        <v>2682</v>
      </c>
      <c r="IV8" s="60">
        <v>635</v>
      </c>
      <c r="IW8" s="61">
        <v>671</v>
      </c>
      <c r="IX8" s="62">
        <v>1306</v>
      </c>
      <c r="IY8" s="228"/>
      <c r="IZ8" s="61">
        <v>754</v>
      </c>
      <c r="JA8" s="61">
        <v>782</v>
      </c>
      <c r="JB8" s="61">
        <v>431</v>
      </c>
      <c r="JC8" s="61">
        <v>363</v>
      </c>
      <c r="JD8" s="61">
        <v>202</v>
      </c>
      <c r="JE8" s="62">
        <v>2532</v>
      </c>
      <c r="JF8" s="63">
        <v>3838</v>
      </c>
      <c r="JG8" s="60">
        <v>441</v>
      </c>
      <c r="JH8" s="61">
        <v>523</v>
      </c>
      <c r="JI8" s="62">
        <v>964</v>
      </c>
      <c r="JJ8" s="228"/>
      <c r="JK8" s="61">
        <v>637</v>
      </c>
      <c r="JL8" s="61">
        <v>892</v>
      </c>
      <c r="JM8" s="61">
        <v>594</v>
      </c>
      <c r="JN8" s="61">
        <v>503</v>
      </c>
      <c r="JO8" s="61">
        <v>322</v>
      </c>
      <c r="JP8" s="62">
        <v>2948</v>
      </c>
      <c r="JQ8" s="63">
        <v>3912</v>
      </c>
      <c r="JR8" s="60">
        <v>0</v>
      </c>
      <c r="JS8" s="61">
        <v>0</v>
      </c>
      <c r="JT8" s="62">
        <v>0</v>
      </c>
      <c r="JU8" s="228"/>
      <c r="JV8" s="61">
        <v>0</v>
      </c>
      <c r="JW8" s="61">
        <v>0</v>
      </c>
      <c r="JX8" s="61">
        <v>0</v>
      </c>
      <c r="JY8" s="61">
        <v>0</v>
      </c>
      <c r="JZ8" s="61">
        <v>0</v>
      </c>
      <c r="KA8" s="62">
        <v>0</v>
      </c>
      <c r="KB8" s="63">
        <v>0</v>
      </c>
      <c r="KC8" s="60">
        <v>1980</v>
      </c>
      <c r="KD8" s="61">
        <v>2246</v>
      </c>
      <c r="KE8" s="62">
        <v>4226</v>
      </c>
      <c r="KF8" s="228"/>
      <c r="KG8" s="61">
        <v>2221</v>
      </c>
      <c r="KH8" s="61">
        <v>2712</v>
      </c>
      <c r="KI8" s="61">
        <v>1563</v>
      </c>
      <c r="KJ8" s="61">
        <v>1369</v>
      </c>
      <c r="KK8" s="61">
        <v>877</v>
      </c>
      <c r="KL8" s="62">
        <v>8742</v>
      </c>
      <c r="KM8" s="63">
        <v>12968</v>
      </c>
    </row>
    <row r="9" spans="2:299" ht="21" customHeight="1" x14ac:dyDescent="0.2">
      <c r="B9" s="472" t="s">
        <v>6</v>
      </c>
      <c r="C9" s="293">
        <v>414</v>
      </c>
      <c r="D9" s="72">
        <v>425</v>
      </c>
      <c r="E9" s="73">
        <v>839</v>
      </c>
      <c r="F9" s="228"/>
      <c r="G9" s="72">
        <v>758</v>
      </c>
      <c r="H9" s="72">
        <v>555</v>
      </c>
      <c r="I9" s="72">
        <v>368</v>
      </c>
      <c r="J9" s="72">
        <v>324</v>
      </c>
      <c r="K9" s="72">
        <v>224</v>
      </c>
      <c r="L9" s="74">
        <v>2229</v>
      </c>
      <c r="M9" s="75">
        <v>3068</v>
      </c>
      <c r="N9" s="60">
        <v>21</v>
      </c>
      <c r="O9" s="61">
        <v>19</v>
      </c>
      <c r="P9" s="62">
        <v>40</v>
      </c>
      <c r="Q9" s="228"/>
      <c r="R9" s="61">
        <v>22</v>
      </c>
      <c r="S9" s="61">
        <v>31</v>
      </c>
      <c r="T9" s="61">
        <v>10</v>
      </c>
      <c r="U9" s="61">
        <v>13</v>
      </c>
      <c r="V9" s="61">
        <v>12</v>
      </c>
      <c r="W9" s="62">
        <v>88</v>
      </c>
      <c r="X9" s="63">
        <v>128</v>
      </c>
      <c r="Y9" s="60">
        <v>37</v>
      </c>
      <c r="Z9" s="61">
        <v>31</v>
      </c>
      <c r="AA9" s="62">
        <v>68</v>
      </c>
      <c r="AB9" s="228"/>
      <c r="AC9" s="61">
        <v>46</v>
      </c>
      <c r="AD9" s="61">
        <v>47</v>
      </c>
      <c r="AE9" s="61">
        <v>22</v>
      </c>
      <c r="AF9" s="61">
        <v>18</v>
      </c>
      <c r="AG9" s="61">
        <v>23</v>
      </c>
      <c r="AH9" s="62">
        <v>156</v>
      </c>
      <c r="AI9" s="63">
        <v>224</v>
      </c>
      <c r="AJ9" s="60">
        <v>53</v>
      </c>
      <c r="AK9" s="61">
        <v>52</v>
      </c>
      <c r="AL9" s="62">
        <v>105</v>
      </c>
      <c r="AM9" s="228"/>
      <c r="AN9" s="61">
        <v>93</v>
      </c>
      <c r="AO9" s="61">
        <v>68</v>
      </c>
      <c r="AP9" s="61">
        <v>52</v>
      </c>
      <c r="AQ9" s="61">
        <v>40</v>
      </c>
      <c r="AR9" s="61">
        <v>31</v>
      </c>
      <c r="AS9" s="62">
        <v>284</v>
      </c>
      <c r="AT9" s="63">
        <v>389</v>
      </c>
      <c r="AU9" s="60">
        <v>91</v>
      </c>
      <c r="AV9" s="61">
        <v>94</v>
      </c>
      <c r="AW9" s="62">
        <v>185</v>
      </c>
      <c r="AX9" s="228"/>
      <c r="AY9" s="61">
        <v>180</v>
      </c>
      <c r="AZ9" s="61">
        <v>110</v>
      </c>
      <c r="BA9" s="61">
        <v>59</v>
      </c>
      <c r="BB9" s="61">
        <v>62</v>
      </c>
      <c r="BC9" s="61">
        <v>44</v>
      </c>
      <c r="BD9" s="62">
        <v>455</v>
      </c>
      <c r="BE9" s="63">
        <v>640</v>
      </c>
      <c r="BF9" s="60">
        <v>111</v>
      </c>
      <c r="BG9" s="61">
        <v>107</v>
      </c>
      <c r="BH9" s="62">
        <v>218</v>
      </c>
      <c r="BI9" s="228"/>
      <c r="BJ9" s="61">
        <v>220</v>
      </c>
      <c r="BK9" s="61">
        <v>136</v>
      </c>
      <c r="BL9" s="61">
        <v>104</v>
      </c>
      <c r="BM9" s="61">
        <v>83</v>
      </c>
      <c r="BN9" s="61">
        <v>53</v>
      </c>
      <c r="BO9" s="62">
        <v>596</v>
      </c>
      <c r="BP9" s="63">
        <v>814</v>
      </c>
      <c r="BQ9" s="60">
        <v>101</v>
      </c>
      <c r="BR9" s="61">
        <v>122</v>
      </c>
      <c r="BS9" s="62">
        <v>223</v>
      </c>
      <c r="BT9" s="228"/>
      <c r="BU9" s="61">
        <v>197</v>
      </c>
      <c r="BV9" s="61">
        <v>163</v>
      </c>
      <c r="BW9" s="61">
        <v>121</v>
      </c>
      <c r="BX9" s="61">
        <v>108</v>
      </c>
      <c r="BY9" s="61">
        <v>61</v>
      </c>
      <c r="BZ9" s="62">
        <v>650</v>
      </c>
      <c r="CA9" s="63">
        <v>873</v>
      </c>
      <c r="CB9" s="60">
        <v>0</v>
      </c>
      <c r="CC9" s="61">
        <v>0</v>
      </c>
      <c r="CD9" s="62">
        <v>0</v>
      </c>
      <c r="CE9" s="228"/>
      <c r="CF9" s="61">
        <v>0</v>
      </c>
      <c r="CG9" s="61">
        <v>0</v>
      </c>
      <c r="CH9" s="61">
        <v>0</v>
      </c>
      <c r="CI9" s="61">
        <v>0</v>
      </c>
      <c r="CJ9" s="61">
        <v>0</v>
      </c>
      <c r="CK9" s="62">
        <v>0</v>
      </c>
      <c r="CL9" s="63">
        <v>0</v>
      </c>
      <c r="CM9" s="60">
        <v>414</v>
      </c>
      <c r="CN9" s="61">
        <v>425</v>
      </c>
      <c r="CO9" s="62">
        <v>839</v>
      </c>
      <c r="CP9" s="228"/>
      <c r="CQ9" s="61">
        <v>758</v>
      </c>
      <c r="CR9" s="61">
        <v>555</v>
      </c>
      <c r="CS9" s="61">
        <v>368</v>
      </c>
      <c r="CT9" s="61">
        <v>324</v>
      </c>
      <c r="CU9" s="61">
        <v>224</v>
      </c>
      <c r="CV9" s="62">
        <v>2229</v>
      </c>
      <c r="CW9" s="63">
        <v>3068</v>
      </c>
      <c r="CX9" s="113">
        <v>215</v>
      </c>
      <c r="CY9" s="72">
        <v>232</v>
      </c>
      <c r="CZ9" s="73">
        <v>447</v>
      </c>
      <c r="DA9" s="228"/>
      <c r="DB9" s="72">
        <v>366</v>
      </c>
      <c r="DC9" s="72">
        <v>278</v>
      </c>
      <c r="DD9" s="72">
        <v>177</v>
      </c>
      <c r="DE9" s="72">
        <v>197</v>
      </c>
      <c r="DF9" s="72">
        <v>125</v>
      </c>
      <c r="DG9" s="74">
        <v>1143</v>
      </c>
      <c r="DH9" s="75">
        <v>1590</v>
      </c>
      <c r="DI9" s="60">
        <v>5</v>
      </c>
      <c r="DJ9" s="61">
        <v>7</v>
      </c>
      <c r="DK9" s="62">
        <v>12</v>
      </c>
      <c r="DL9" s="228"/>
      <c r="DM9" s="61">
        <v>6</v>
      </c>
      <c r="DN9" s="61">
        <v>4</v>
      </c>
      <c r="DO9" s="61">
        <v>6</v>
      </c>
      <c r="DP9" s="61">
        <v>0</v>
      </c>
      <c r="DQ9" s="61">
        <v>2</v>
      </c>
      <c r="DR9" s="62">
        <v>18</v>
      </c>
      <c r="DS9" s="63">
        <v>30</v>
      </c>
      <c r="DT9" s="60">
        <v>9</v>
      </c>
      <c r="DU9" s="61">
        <v>20</v>
      </c>
      <c r="DV9" s="62">
        <v>29</v>
      </c>
      <c r="DW9" s="228"/>
      <c r="DX9" s="61">
        <v>19</v>
      </c>
      <c r="DY9" s="61">
        <v>11</v>
      </c>
      <c r="DZ9" s="61">
        <v>9</v>
      </c>
      <c r="EA9" s="61">
        <v>7</v>
      </c>
      <c r="EB9" s="61">
        <v>2</v>
      </c>
      <c r="EC9" s="62">
        <v>48</v>
      </c>
      <c r="ED9" s="63">
        <v>77</v>
      </c>
      <c r="EE9" s="60">
        <v>30</v>
      </c>
      <c r="EF9" s="61">
        <v>31</v>
      </c>
      <c r="EG9" s="62">
        <v>61</v>
      </c>
      <c r="EH9" s="228"/>
      <c r="EI9" s="61">
        <v>39</v>
      </c>
      <c r="EJ9" s="61">
        <v>21</v>
      </c>
      <c r="EK9" s="61">
        <v>12</v>
      </c>
      <c r="EL9" s="61">
        <v>12</v>
      </c>
      <c r="EM9" s="61">
        <v>14</v>
      </c>
      <c r="EN9" s="62">
        <v>98</v>
      </c>
      <c r="EO9" s="63">
        <v>159</v>
      </c>
      <c r="EP9" s="60">
        <v>72</v>
      </c>
      <c r="EQ9" s="61">
        <v>39</v>
      </c>
      <c r="ER9" s="62">
        <v>111</v>
      </c>
      <c r="ES9" s="228"/>
      <c r="ET9" s="61">
        <v>69</v>
      </c>
      <c r="EU9" s="61">
        <v>55</v>
      </c>
      <c r="EV9" s="61">
        <v>28</v>
      </c>
      <c r="EW9" s="61">
        <v>22</v>
      </c>
      <c r="EX9" s="61">
        <v>22</v>
      </c>
      <c r="EY9" s="62">
        <v>196</v>
      </c>
      <c r="EZ9" s="63">
        <v>307</v>
      </c>
      <c r="FA9" s="60">
        <v>53</v>
      </c>
      <c r="FB9" s="61">
        <v>81</v>
      </c>
      <c r="FC9" s="62">
        <v>134</v>
      </c>
      <c r="FD9" s="228"/>
      <c r="FE9" s="61">
        <v>111</v>
      </c>
      <c r="FF9" s="61">
        <v>79</v>
      </c>
      <c r="FG9" s="61">
        <v>57</v>
      </c>
      <c r="FH9" s="61">
        <v>52</v>
      </c>
      <c r="FI9" s="61">
        <v>35</v>
      </c>
      <c r="FJ9" s="62">
        <v>334</v>
      </c>
      <c r="FK9" s="63">
        <v>468</v>
      </c>
      <c r="FL9" s="60">
        <v>46</v>
      </c>
      <c r="FM9" s="61">
        <v>54</v>
      </c>
      <c r="FN9" s="62">
        <v>100</v>
      </c>
      <c r="FO9" s="228"/>
      <c r="FP9" s="61">
        <v>122</v>
      </c>
      <c r="FQ9" s="61">
        <v>108</v>
      </c>
      <c r="FR9" s="61">
        <v>65</v>
      </c>
      <c r="FS9" s="61">
        <v>104</v>
      </c>
      <c r="FT9" s="61">
        <v>50</v>
      </c>
      <c r="FU9" s="62">
        <v>449</v>
      </c>
      <c r="FV9" s="63">
        <v>549</v>
      </c>
      <c r="FW9" s="60">
        <v>0</v>
      </c>
      <c r="FX9" s="61">
        <v>0</v>
      </c>
      <c r="FY9" s="62">
        <v>0</v>
      </c>
      <c r="FZ9" s="228"/>
      <c r="GA9" s="61">
        <v>0</v>
      </c>
      <c r="GB9" s="61">
        <v>0</v>
      </c>
      <c r="GC9" s="61">
        <v>0</v>
      </c>
      <c r="GD9" s="61">
        <v>0</v>
      </c>
      <c r="GE9" s="61">
        <v>0</v>
      </c>
      <c r="GF9" s="62">
        <v>0</v>
      </c>
      <c r="GG9" s="63">
        <v>0</v>
      </c>
      <c r="GH9" s="60">
        <v>215</v>
      </c>
      <c r="GI9" s="61">
        <v>232</v>
      </c>
      <c r="GJ9" s="62">
        <v>447</v>
      </c>
      <c r="GK9" s="228"/>
      <c r="GL9" s="61">
        <v>366</v>
      </c>
      <c r="GM9" s="61">
        <v>278</v>
      </c>
      <c r="GN9" s="61">
        <v>177</v>
      </c>
      <c r="GO9" s="61">
        <v>197</v>
      </c>
      <c r="GP9" s="61">
        <v>125</v>
      </c>
      <c r="GQ9" s="62">
        <v>1143</v>
      </c>
      <c r="GR9" s="63">
        <v>1590</v>
      </c>
      <c r="GS9" s="113">
        <v>629</v>
      </c>
      <c r="GT9" s="72">
        <v>657</v>
      </c>
      <c r="GU9" s="73">
        <v>1286</v>
      </c>
      <c r="GV9" s="228"/>
      <c r="GW9" s="72">
        <v>1124</v>
      </c>
      <c r="GX9" s="72">
        <v>833</v>
      </c>
      <c r="GY9" s="72">
        <v>545</v>
      </c>
      <c r="GZ9" s="72">
        <v>521</v>
      </c>
      <c r="HA9" s="72">
        <v>349</v>
      </c>
      <c r="HB9" s="74">
        <v>3372</v>
      </c>
      <c r="HC9" s="75">
        <v>4658</v>
      </c>
      <c r="HD9" s="60">
        <v>26</v>
      </c>
      <c r="HE9" s="61">
        <v>26</v>
      </c>
      <c r="HF9" s="62">
        <v>52</v>
      </c>
      <c r="HG9" s="228"/>
      <c r="HH9" s="61">
        <v>28</v>
      </c>
      <c r="HI9" s="61">
        <v>35</v>
      </c>
      <c r="HJ9" s="61">
        <v>16</v>
      </c>
      <c r="HK9" s="61">
        <v>13</v>
      </c>
      <c r="HL9" s="61">
        <v>14</v>
      </c>
      <c r="HM9" s="62">
        <v>106</v>
      </c>
      <c r="HN9" s="63">
        <v>158</v>
      </c>
      <c r="HO9" s="60">
        <v>46</v>
      </c>
      <c r="HP9" s="61">
        <v>51</v>
      </c>
      <c r="HQ9" s="62">
        <v>97</v>
      </c>
      <c r="HR9" s="228"/>
      <c r="HS9" s="61">
        <v>65</v>
      </c>
      <c r="HT9" s="61">
        <v>58</v>
      </c>
      <c r="HU9" s="61">
        <v>31</v>
      </c>
      <c r="HV9" s="61">
        <v>25</v>
      </c>
      <c r="HW9" s="61">
        <v>25</v>
      </c>
      <c r="HX9" s="62">
        <v>204</v>
      </c>
      <c r="HY9" s="63">
        <v>301</v>
      </c>
      <c r="HZ9" s="60">
        <v>83</v>
      </c>
      <c r="IA9" s="61">
        <v>83</v>
      </c>
      <c r="IB9" s="62">
        <v>166</v>
      </c>
      <c r="IC9" s="228"/>
      <c r="ID9" s="61">
        <v>132</v>
      </c>
      <c r="IE9" s="61">
        <v>89</v>
      </c>
      <c r="IF9" s="61">
        <v>64</v>
      </c>
      <c r="IG9" s="61">
        <v>52</v>
      </c>
      <c r="IH9" s="61">
        <v>45</v>
      </c>
      <c r="II9" s="62">
        <v>382</v>
      </c>
      <c r="IJ9" s="63">
        <v>548</v>
      </c>
      <c r="IK9" s="60">
        <v>163</v>
      </c>
      <c r="IL9" s="61">
        <v>133</v>
      </c>
      <c r="IM9" s="62">
        <v>296</v>
      </c>
      <c r="IN9" s="228"/>
      <c r="IO9" s="61">
        <v>249</v>
      </c>
      <c r="IP9" s="61">
        <v>165</v>
      </c>
      <c r="IQ9" s="61">
        <v>87</v>
      </c>
      <c r="IR9" s="61">
        <v>84</v>
      </c>
      <c r="IS9" s="61">
        <v>66</v>
      </c>
      <c r="IT9" s="62">
        <v>651</v>
      </c>
      <c r="IU9" s="63">
        <v>947</v>
      </c>
      <c r="IV9" s="60">
        <v>164</v>
      </c>
      <c r="IW9" s="61">
        <v>188</v>
      </c>
      <c r="IX9" s="62">
        <v>352</v>
      </c>
      <c r="IY9" s="228"/>
      <c r="IZ9" s="61">
        <v>331</v>
      </c>
      <c r="JA9" s="61">
        <v>215</v>
      </c>
      <c r="JB9" s="61">
        <v>161</v>
      </c>
      <c r="JC9" s="61">
        <v>135</v>
      </c>
      <c r="JD9" s="61">
        <v>88</v>
      </c>
      <c r="JE9" s="62">
        <v>930</v>
      </c>
      <c r="JF9" s="63">
        <v>1282</v>
      </c>
      <c r="JG9" s="60">
        <v>147</v>
      </c>
      <c r="JH9" s="61">
        <v>176</v>
      </c>
      <c r="JI9" s="62">
        <v>323</v>
      </c>
      <c r="JJ9" s="228"/>
      <c r="JK9" s="61">
        <v>319</v>
      </c>
      <c r="JL9" s="61">
        <v>271</v>
      </c>
      <c r="JM9" s="61">
        <v>186</v>
      </c>
      <c r="JN9" s="61">
        <v>212</v>
      </c>
      <c r="JO9" s="61">
        <v>111</v>
      </c>
      <c r="JP9" s="62">
        <v>1099</v>
      </c>
      <c r="JQ9" s="63">
        <v>1422</v>
      </c>
      <c r="JR9" s="60">
        <v>0</v>
      </c>
      <c r="JS9" s="61">
        <v>0</v>
      </c>
      <c r="JT9" s="62">
        <v>0</v>
      </c>
      <c r="JU9" s="228"/>
      <c r="JV9" s="61">
        <v>0</v>
      </c>
      <c r="JW9" s="61">
        <v>0</v>
      </c>
      <c r="JX9" s="61">
        <v>0</v>
      </c>
      <c r="JY9" s="61">
        <v>0</v>
      </c>
      <c r="JZ9" s="61">
        <v>0</v>
      </c>
      <c r="KA9" s="62">
        <v>0</v>
      </c>
      <c r="KB9" s="63">
        <v>0</v>
      </c>
      <c r="KC9" s="60">
        <v>629</v>
      </c>
      <c r="KD9" s="61">
        <v>657</v>
      </c>
      <c r="KE9" s="62">
        <v>1286</v>
      </c>
      <c r="KF9" s="228"/>
      <c r="KG9" s="61">
        <v>1124</v>
      </c>
      <c r="KH9" s="61">
        <v>833</v>
      </c>
      <c r="KI9" s="61">
        <v>545</v>
      </c>
      <c r="KJ9" s="61">
        <v>521</v>
      </c>
      <c r="KK9" s="61">
        <v>349</v>
      </c>
      <c r="KL9" s="62">
        <v>3372</v>
      </c>
      <c r="KM9" s="63">
        <v>4658</v>
      </c>
    </row>
    <row r="10" spans="2:299" ht="21" customHeight="1" x14ac:dyDescent="0.2">
      <c r="B10" s="472" t="s">
        <v>14</v>
      </c>
      <c r="C10" s="293">
        <v>182</v>
      </c>
      <c r="D10" s="72">
        <v>197</v>
      </c>
      <c r="E10" s="73">
        <v>379</v>
      </c>
      <c r="F10" s="228"/>
      <c r="G10" s="72">
        <v>225</v>
      </c>
      <c r="H10" s="72">
        <v>261</v>
      </c>
      <c r="I10" s="72">
        <v>157</v>
      </c>
      <c r="J10" s="72">
        <v>131</v>
      </c>
      <c r="K10" s="72">
        <v>82</v>
      </c>
      <c r="L10" s="74">
        <v>856</v>
      </c>
      <c r="M10" s="75">
        <v>1235</v>
      </c>
      <c r="N10" s="60">
        <v>0</v>
      </c>
      <c r="O10" s="61">
        <v>7</v>
      </c>
      <c r="P10" s="62">
        <v>7</v>
      </c>
      <c r="Q10" s="228"/>
      <c r="R10" s="61">
        <v>5</v>
      </c>
      <c r="S10" s="61">
        <v>8</v>
      </c>
      <c r="T10" s="61">
        <v>8</v>
      </c>
      <c r="U10" s="61">
        <v>7</v>
      </c>
      <c r="V10" s="61">
        <v>4</v>
      </c>
      <c r="W10" s="62">
        <v>32</v>
      </c>
      <c r="X10" s="63">
        <v>39</v>
      </c>
      <c r="Y10" s="60">
        <v>21</v>
      </c>
      <c r="Z10" s="61">
        <v>23</v>
      </c>
      <c r="AA10" s="62">
        <v>44</v>
      </c>
      <c r="AB10" s="228"/>
      <c r="AC10" s="61">
        <v>19</v>
      </c>
      <c r="AD10" s="61">
        <v>21</v>
      </c>
      <c r="AE10" s="61">
        <v>12</v>
      </c>
      <c r="AF10" s="61">
        <v>6</v>
      </c>
      <c r="AG10" s="61">
        <v>8</v>
      </c>
      <c r="AH10" s="62">
        <v>66</v>
      </c>
      <c r="AI10" s="63">
        <v>110</v>
      </c>
      <c r="AJ10" s="60">
        <v>20</v>
      </c>
      <c r="AK10" s="61">
        <v>35</v>
      </c>
      <c r="AL10" s="62">
        <v>55</v>
      </c>
      <c r="AM10" s="228"/>
      <c r="AN10" s="61">
        <v>23</v>
      </c>
      <c r="AO10" s="61">
        <v>40</v>
      </c>
      <c r="AP10" s="61">
        <v>14</v>
      </c>
      <c r="AQ10" s="61">
        <v>17</v>
      </c>
      <c r="AR10" s="61">
        <v>16</v>
      </c>
      <c r="AS10" s="62">
        <v>110</v>
      </c>
      <c r="AT10" s="63">
        <v>165</v>
      </c>
      <c r="AU10" s="60">
        <v>40</v>
      </c>
      <c r="AV10" s="61">
        <v>44</v>
      </c>
      <c r="AW10" s="62">
        <v>84</v>
      </c>
      <c r="AX10" s="228"/>
      <c r="AY10" s="61">
        <v>59</v>
      </c>
      <c r="AZ10" s="61">
        <v>53</v>
      </c>
      <c r="BA10" s="61">
        <v>28</v>
      </c>
      <c r="BB10" s="61">
        <v>25</v>
      </c>
      <c r="BC10" s="61">
        <v>17</v>
      </c>
      <c r="BD10" s="62">
        <v>182</v>
      </c>
      <c r="BE10" s="63">
        <v>266</v>
      </c>
      <c r="BF10" s="60">
        <v>59</v>
      </c>
      <c r="BG10" s="61">
        <v>47</v>
      </c>
      <c r="BH10" s="62">
        <v>106</v>
      </c>
      <c r="BI10" s="228"/>
      <c r="BJ10" s="61">
        <v>61</v>
      </c>
      <c r="BK10" s="61">
        <v>80</v>
      </c>
      <c r="BL10" s="61">
        <v>53</v>
      </c>
      <c r="BM10" s="61">
        <v>36</v>
      </c>
      <c r="BN10" s="61">
        <v>23</v>
      </c>
      <c r="BO10" s="62">
        <v>253</v>
      </c>
      <c r="BP10" s="63">
        <v>359</v>
      </c>
      <c r="BQ10" s="60">
        <v>42</v>
      </c>
      <c r="BR10" s="61">
        <v>41</v>
      </c>
      <c r="BS10" s="62">
        <v>83</v>
      </c>
      <c r="BT10" s="228"/>
      <c r="BU10" s="61">
        <v>58</v>
      </c>
      <c r="BV10" s="61">
        <v>59</v>
      </c>
      <c r="BW10" s="61">
        <v>42</v>
      </c>
      <c r="BX10" s="61">
        <v>40</v>
      </c>
      <c r="BY10" s="61">
        <v>14</v>
      </c>
      <c r="BZ10" s="62">
        <v>213</v>
      </c>
      <c r="CA10" s="63">
        <v>296</v>
      </c>
      <c r="CB10" s="60">
        <v>0</v>
      </c>
      <c r="CC10" s="61">
        <v>0</v>
      </c>
      <c r="CD10" s="62">
        <v>0</v>
      </c>
      <c r="CE10" s="228"/>
      <c r="CF10" s="61">
        <v>0</v>
      </c>
      <c r="CG10" s="61">
        <v>0</v>
      </c>
      <c r="CH10" s="61">
        <v>0</v>
      </c>
      <c r="CI10" s="61">
        <v>0</v>
      </c>
      <c r="CJ10" s="61">
        <v>0</v>
      </c>
      <c r="CK10" s="62">
        <v>0</v>
      </c>
      <c r="CL10" s="63">
        <v>0</v>
      </c>
      <c r="CM10" s="60">
        <v>182</v>
      </c>
      <c r="CN10" s="61">
        <v>197</v>
      </c>
      <c r="CO10" s="62">
        <v>379</v>
      </c>
      <c r="CP10" s="228"/>
      <c r="CQ10" s="61">
        <v>225</v>
      </c>
      <c r="CR10" s="61">
        <v>261</v>
      </c>
      <c r="CS10" s="61">
        <v>157</v>
      </c>
      <c r="CT10" s="61">
        <v>131</v>
      </c>
      <c r="CU10" s="61">
        <v>82</v>
      </c>
      <c r="CV10" s="62">
        <v>856</v>
      </c>
      <c r="CW10" s="63">
        <v>1235</v>
      </c>
      <c r="CX10" s="113">
        <v>59</v>
      </c>
      <c r="CY10" s="72">
        <v>78</v>
      </c>
      <c r="CZ10" s="73">
        <v>137</v>
      </c>
      <c r="DA10" s="228"/>
      <c r="DB10" s="72">
        <v>103</v>
      </c>
      <c r="DC10" s="72">
        <v>123</v>
      </c>
      <c r="DD10" s="72">
        <v>76</v>
      </c>
      <c r="DE10" s="72">
        <v>70</v>
      </c>
      <c r="DF10" s="72">
        <v>42</v>
      </c>
      <c r="DG10" s="74">
        <v>414</v>
      </c>
      <c r="DH10" s="75">
        <v>551</v>
      </c>
      <c r="DI10" s="60">
        <v>0</v>
      </c>
      <c r="DJ10" s="61">
        <v>2</v>
      </c>
      <c r="DK10" s="62">
        <v>2</v>
      </c>
      <c r="DL10" s="228"/>
      <c r="DM10" s="61">
        <v>3</v>
      </c>
      <c r="DN10" s="61">
        <v>4</v>
      </c>
      <c r="DO10" s="61">
        <v>1</v>
      </c>
      <c r="DP10" s="61">
        <v>2</v>
      </c>
      <c r="DQ10" s="61">
        <v>2</v>
      </c>
      <c r="DR10" s="62">
        <v>12</v>
      </c>
      <c r="DS10" s="63">
        <v>14</v>
      </c>
      <c r="DT10" s="60">
        <v>8</v>
      </c>
      <c r="DU10" s="61">
        <v>2</v>
      </c>
      <c r="DV10" s="62">
        <v>10</v>
      </c>
      <c r="DW10" s="228"/>
      <c r="DX10" s="61">
        <v>6</v>
      </c>
      <c r="DY10" s="61">
        <v>6</v>
      </c>
      <c r="DZ10" s="61">
        <v>3</v>
      </c>
      <c r="EA10" s="61">
        <v>0</v>
      </c>
      <c r="EB10" s="61">
        <v>0</v>
      </c>
      <c r="EC10" s="62">
        <v>15</v>
      </c>
      <c r="ED10" s="63">
        <v>25</v>
      </c>
      <c r="EE10" s="60">
        <v>12</v>
      </c>
      <c r="EF10" s="61">
        <v>15</v>
      </c>
      <c r="EG10" s="62">
        <v>27</v>
      </c>
      <c r="EH10" s="228"/>
      <c r="EI10" s="61">
        <v>9</v>
      </c>
      <c r="EJ10" s="61">
        <v>11</v>
      </c>
      <c r="EK10" s="61">
        <v>5</v>
      </c>
      <c r="EL10" s="61">
        <v>4</v>
      </c>
      <c r="EM10" s="61">
        <v>5</v>
      </c>
      <c r="EN10" s="62">
        <v>34</v>
      </c>
      <c r="EO10" s="63">
        <v>61</v>
      </c>
      <c r="EP10" s="60">
        <v>18</v>
      </c>
      <c r="EQ10" s="61">
        <v>18</v>
      </c>
      <c r="ER10" s="62">
        <v>36</v>
      </c>
      <c r="ES10" s="228"/>
      <c r="ET10" s="61">
        <v>14</v>
      </c>
      <c r="EU10" s="61">
        <v>27</v>
      </c>
      <c r="EV10" s="61">
        <v>13</v>
      </c>
      <c r="EW10" s="61">
        <v>12</v>
      </c>
      <c r="EX10" s="61">
        <v>8</v>
      </c>
      <c r="EY10" s="62">
        <v>74</v>
      </c>
      <c r="EZ10" s="63">
        <v>110</v>
      </c>
      <c r="FA10" s="60">
        <v>10</v>
      </c>
      <c r="FB10" s="61">
        <v>25</v>
      </c>
      <c r="FC10" s="62">
        <v>35</v>
      </c>
      <c r="FD10" s="228"/>
      <c r="FE10" s="61">
        <v>35</v>
      </c>
      <c r="FF10" s="61">
        <v>33</v>
      </c>
      <c r="FG10" s="61">
        <v>13</v>
      </c>
      <c r="FH10" s="61">
        <v>19</v>
      </c>
      <c r="FI10" s="61">
        <v>12</v>
      </c>
      <c r="FJ10" s="62">
        <v>112</v>
      </c>
      <c r="FK10" s="63">
        <v>147</v>
      </c>
      <c r="FL10" s="60">
        <v>11</v>
      </c>
      <c r="FM10" s="61">
        <v>16</v>
      </c>
      <c r="FN10" s="62">
        <v>27</v>
      </c>
      <c r="FO10" s="228"/>
      <c r="FP10" s="61">
        <v>36</v>
      </c>
      <c r="FQ10" s="61">
        <v>42</v>
      </c>
      <c r="FR10" s="61">
        <v>41</v>
      </c>
      <c r="FS10" s="61">
        <v>33</v>
      </c>
      <c r="FT10" s="61">
        <v>15</v>
      </c>
      <c r="FU10" s="62">
        <v>167</v>
      </c>
      <c r="FV10" s="63">
        <v>194</v>
      </c>
      <c r="FW10" s="60">
        <v>0</v>
      </c>
      <c r="FX10" s="61">
        <v>0</v>
      </c>
      <c r="FY10" s="62">
        <v>0</v>
      </c>
      <c r="FZ10" s="228"/>
      <c r="GA10" s="61">
        <v>0</v>
      </c>
      <c r="GB10" s="61">
        <v>0</v>
      </c>
      <c r="GC10" s="61">
        <v>0</v>
      </c>
      <c r="GD10" s="61">
        <v>0</v>
      </c>
      <c r="GE10" s="61">
        <v>0</v>
      </c>
      <c r="GF10" s="62">
        <v>0</v>
      </c>
      <c r="GG10" s="63">
        <v>0</v>
      </c>
      <c r="GH10" s="60">
        <v>59</v>
      </c>
      <c r="GI10" s="61">
        <v>78</v>
      </c>
      <c r="GJ10" s="62">
        <v>137</v>
      </c>
      <c r="GK10" s="228"/>
      <c r="GL10" s="61">
        <v>103</v>
      </c>
      <c r="GM10" s="61">
        <v>123</v>
      </c>
      <c r="GN10" s="61">
        <v>76</v>
      </c>
      <c r="GO10" s="61">
        <v>70</v>
      </c>
      <c r="GP10" s="61">
        <v>42</v>
      </c>
      <c r="GQ10" s="62">
        <v>414</v>
      </c>
      <c r="GR10" s="63">
        <v>551</v>
      </c>
      <c r="GS10" s="113">
        <v>241</v>
      </c>
      <c r="GT10" s="72">
        <v>275</v>
      </c>
      <c r="GU10" s="73">
        <v>516</v>
      </c>
      <c r="GV10" s="228"/>
      <c r="GW10" s="72">
        <v>328</v>
      </c>
      <c r="GX10" s="72">
        <v>384</v>
      </c>
      <c r="GY10" s="72">
        <v>233</v>
      </c>
      <c r="GZ10" s="72">
        <v>201</v>
      </c>
      <c r="HA10" s="72">
        <v>124</v>
      </c>
      <c r="HB10" s="74">
        <v>1270</v>
      </c>
      <c r="HC10" s="75">
        <v>1786</v>
      </c>
      <c r="HD10" s="60">
        <v>0</v>
      </c>
      <c r="HE10" s="61">
        <v>9</v>
      </c>
      <c r="HF10" s="62">
        <v>9</v>
      </c>
      <c r="HG10" s="228"/>
      <c r="HH10" s="61">
        <v>8</v>
      </c>
      <c r="HI10" s="61">
        <v>12</v>
      </c>
      <c r="HJ10" s="61">
        <v>9</v>
      </c>
      <c r="HK10" s="61">
        <v>9</v>
      </c>
      <c r="HL10" s="61">
        <v>6</v>
      </c>
      <c r="HM10" s="62">
        <v>44</v>
      </c>
      <c r="HN10" s="63">
        <v>53</v>
      </c>
      <c r="HO10" s="60">
        <v>29</v>
      </c>
      <c r="HP10" s="61">
        <v>25</v>
      </c>
      <c r="HQ10" s="62">
        <v>54</v>
      </c>
      <c r="HR10" s="228"/>
      <c r="HS10" s="61">
        <v>25</v>
      </c>
      <c r="HT10" s="61">
        <v>27</v>
      </c>
      <c r="HU10" s="61">
        <v>15</v>
      </c>
      <c r="HV10" s="61">
        <v>6</v>
      </c>
      <c r="HW10" s="61">
        <v>8</v>
      </c>
      <c r="HX10" s="62">
        <v>81</v>
      </c>
      <c r="HY10" s="63">
        <v>135</v>
      </c>
      <c r="HZ10" s="60">
        <v>32</v>
      </c>
      <c r="IA10" s="61">
        <v>50</v>
      </c>
      <c r="IB10" s="62">
        <v>82</v>
      </c>
      <c r="IC10" s="228"/>
      <c r="ID10" s="61">
        <v>32</v>
      </c>
      <c r="IE10" s="61">
        <v>51</v>
      </c>
      <c r="IF10" s="61">
        <v>19</v>
      </c>
      <c r="IG10" s="61">
        <v>21</v>
      </c>
      <c r="IH10" s="61">
        <v>21</v>
      </c>
      <c r="II10" s="62">
        <v>144</v>
      </c>
      <c r="IJ10" s="63">
        <v>226</v>
      </c>
      <c r="IK10" s="60">
        <v>58</v>
      </c>
      <c r="IL10" s="61">
        <v>62</v>
      </c>
      <c r="IM10" s="62">
        <v>120</v>
      </c>
      <c r="IN10" s="228"/>
      <c r="IO10" s="61">
        <v>73</v>
      </c>
      <c r="IP10" s="61">
        <v>80</v>
      </c>
      <c r="IQ10" s="61">
        <v>41</v>
      </c>
      <c r="IR10" s="61">
        <v>37</v>
      </c>
      <c r="IS10" s="61">
        <v>25</v>
      </c>
      <c r="IT10" s="62">
        <v>256</v>
      </c>
      <c r="IU10" s="63">
        <v>376</v>
      </c>
      <c r="IV10" s="60">
        <v>69</v>
      </c>
      <c r="IW10" s="61">
        <v>72</v>
      </c>
      <c r="IX10" s="62">
        <v>141</v>
      </c>
      <c r="IY10" s="228"/>
      <c r="IZ10" s="61">
        <v>96</v>
      </c>
      <c r="JA10" s="61">
        <v>113</v>
      </c>
      <c r="JB10" s="61">
        <v>66</v>
      </c>
      <c r="JC10" s="61">
        <v>55</v>
      </c>
      <c r="JD10" s="61">
        <v>35</v>
      </c>
      <c r="JE10" s="62">
        <v>365</v>
      </c>
      <c r="JF10" s="63">
        <v>506</v>
      </c>
      <c r="JG10" s="60">
        <v>53</v>
      </c>
      <c r="JH10" s="61">
        <v>57</v>
      </c>
      <c r="JI10" s="62">
        <v>110</v>
      </c>
      <c r="JJ10" s="228"/>
      <c r="JK10" s="61">
        <v>94</v>
      </c>
      <c r="JL10" s="61">
        <v>101</v>
      </c>
      <c r="JM10" s="61">
        <v>83</v>
      </c>
      <c r="JN10" s="61">
        <v>73</v>
      </c>
      <c r="JO10" s="61">
        <v>29</v>
      </c>
      <c r="JP10" s="62">
        <v>380</v>
      </c>
      <c r="JQ10" s="63">
        <v>490</v>
      </c>
      <c r="JR10" s="60">
        <v>0</v>
      </c>
      <c r="JS10" s="61">
        <v>0</v>
      </c>
      <c r="JT10" s="62">
        <v>0</v>
      </c>
      <c r="JU10" s="228"/>
      <c r="JV10" s="61">
        <v>0</v>
      </c>
      <c r="JW10" s="61">
        <v>0</v>
      </c>
      <c r="JX10" s="61">
        <v>0</v>
      </c>
      <c r="JY10" s="61">
        <v>0</v>
      </c>
      <c r="JZ10" s="61">
        <v>0</v>
      </c>
      <c r="KA10" s="62">
        <v>0</v>
      </c>
      <c r="KB10" s="63">
        <v>0</v>
      </c>
      <c r="KC10" s="60">
        <v>241</v>
      </c>
      <c r="KD10" s="61">
        <v>275</v>
      </c>
      <c r="KE10" s="62">
        <v>516</v>
      </c>
      <c r="KF10" s="228"/>
      <c r="KG10" s="61">
        <v>328</v>
      </c>
      <c r="KH10" s="61">
        <v>384</v>
      </c>
      <c r="KI10" s="61">
        <v>233</v>
      </c>
      <c r="KJ10" s="61">
        <v>201</v>
      </c>
      <c r="KK10" s="61">
        <v>124</v>
      </c>
      <c r="KL10" s="62">
        <v>1270</v>
      </c>
      <c r="KM10" s="63">
        <v>1786</v>
      </c>
    </row>
    <row r="11" spans="2:299" ht="21" customHeight="1" x14ac:dyDescent="0.2">
      <c r="B11" s="472" t="s">
        <v>7</v>
      </c>
      <c r="C11" s="293">
        <v>144</v>
      </c>
      <c r="D11" s="72">
        <v>80</v>
      </c>
      <c r="E11" s="73">
        <v>224</v>
      </c>
      <c r="F11" s="228"/>
      <c r="G11" s="72">
        <v>222</v>
      </c>
      <c r="H11" s="72">
        <v>127</v>
      </c>
      <c r="I11" s="72">
        <v>66</v>
      </c>
      <c r="J11" s="72">
        <v>69</v>
      </c>
      <c r="K11" s="72">
        <v>37</v>
      </c>
      <c r="L11" s="74">
        <v>521</v>
      </c>
      <c r="M11" s="75">
        <v>745</v>
      </c>
      <c r="N11" s="60">
        <v>5</v>
      </c>
      <c r="O11" s="61">
        <v>3</v>
      </c>
      <c r="P11" s="62">
        <v>8</v>
      </c>
      <c r="Q11" s="228"/>
      <c r="R11" s="61">
        <v>2</v>
      </c>
      <c r="S11" s="61">
        <v>6</v>
      </c>
      <c r="T11" s="61">
        <v>3</v>
      </c>
      <c r="U11" s="61">
        <v>4</v>
      </c>
      <c r="V11" s="61">
        <v>2</v>
      </c>
      <c r="W11" s="62">
        <v>17</v>
      </c>
      <c r="X11" s="63">
        <v>25</v>
      </c>
      <c r="Y11" s="60">
        <v>13</v>
      </c>
      <c r="Z11" s="61">
        <v>7</v>
      </c>
      <c r="AA11" s="62">
        <v>20</v>
      </c>
      <c r="AB11" s="228"/>
      <c r="AC11" s="61">
        <v>16</v>
      </c>
      <c r="AD11" s="61">
        <v>4</v>
      </c>
      <c r="AE11" s="61">
        <v>9</v>
      </c>
      <c r="AF11" s="61">
        <v>3</v>
      </c>
      <c r="AG11" s="61">
        <v>7</v>
      </c>
      <c r="AH11" s="62">
        <v>39</v>
      </c>
      <c r="AI11" s="63">
        <v>59</v>
      </c>
      <c r="AJ11" s="60">
        <v>14</v>
      </c>
      <c r="AK11" s="61">
        <v>13</v>
      </c>
      <c r="AL11" s="62">
        <v>27</v>
      </c>
      <c r="AM11" s="228"/>
      <c r="AN11" s="61">
        <v>21</v>
      </c>
      <c r="AO11" s="61">
        <v>13</v>
      </c>
      <c r="AP11" s="61">
        <v>7</v>
      </c>
      <c r="AQ11" s="61">
        <v>9</v>
      </c>
      <c r="AR11" s="61">
        <v>6</v>
      </c>
      <c r="AS11" s="62">
        <v>56</v>
      </c>
      <c r="AT11" s="63">
        <v>83</v>
      </c>
      <c r="AU11" s="60">
        <v>32</v>
      </c>
      <c r="AV11" s="61">
        <v>21</v>
      </c>
      <c r="AW11" s="62">
        <v>53</v>
      </c>
      <c r="AX11" s="228"/>
      <c r="AY11" s="61">
        <v>55</v>
      </c>
      <c r="AZ11" s="61">
        <v>22</v>
      </c>
      <c r="BA11" s="61">
        <v>15</v>
      </c>
      <c r="BB11" s="61">
        <v>8</v>
      </c>
      <c r="BC11" s="61">
        <v>7</v>
      </c>
      <c r="BD11" s="62">
        <v>107</v>
      </c>
      <c r="BE11" s="63">
        <v>160</v>
      </c>
      <c r="BF11" s="60">
        <v>45</v>
      </c>
      <c r="BG11" s="61">
        <v>18</v>
      </c>
      <c r="BH11" s="62">
        <v>63</v>
      </c>
      <c r="BI11" s="228"/>
      <c r="BJ11" s="61">
        <v>67</v>
      </c>
      <c r="BK11" s="61">
        <v>44</v>
      </c>
      <c r="BL11" s="61">
        <v>11</v>
      </c>
      <c r="BM11" s="61">
        <v>23</v>
      </c>
      <c r="BN11" s="61">
        <v>9</v>
      </c>
      <c r="BO11" s="62">
        <v>154</v>
      </c>
      <c r="BP11" s="63">
        <v>217</v>
      </c>
      <c r="BQ11" s="60">
        <v>35</v>
      </c>
      <c r="BR11" s="61">
        <v>18</v>
      </c>
      <c r="BS11" s="62">
        <v>53</v>
      </c>
      <c r="BT11" s="228"/>
      <c r="BU11" s="61">
        <v>61</v>
      </c>
      <c r="BV11" s="61">
        <v>38</v>
      </c>
      <c r="BW11" s="61">
        <v>21</v>
      </c>
      <c r="BX11" s="61">
        <v>22</v>
      </c>
      <c r="BY11" s="61">
        <v>6</v>
      </c>
      <c r="BZ11" s="62">
        <v>148</v>
      </c>
      <c r="CA11" s="63">
        <v>201</v>
      </c>
      <c r="CB11" s="60">
        <v>0</v>
      </c>
      <c r="CC11" s="61">
        <v>0</v>
      </c>
      <c r="CD11" s="62">
        <v>0</v>
      </c>
      <c r="CE11" s="228"/>
      <c r="CF11" s="61">
        <v>0</v>
      </c>
      <c r="CG11" s="61">
        <v>0</v>
      </c>
      <c r="CH11" s="61">
        <v>0</v>
      </c>
      <c r="CI11" s="61">
        <v>0</v>
      </c>
      <c r="CJ11" s="61">
        <v>0</v>
      </c>
      <c r="CK11" s="62">
        <v>0</v>
      </c>
      <c r="CL11" s="63">
        <v>0</v>
      </c>
      <c r="CM11" s="60">
        <v>144</v>
      </c>
      <c r="CN11" s="61">
        <v>80</v>
      </c>
      <c r="CO11" s="62">
        <v>224</v>
      </c>
      <c r="CP11" s="228"/>
      <c r="CQ11" s="61">
        <v>222</v>
      </c>
      <c r="CR11" s="61">
        <v>127</v>
      </c>
      <c r="CS11" s="61">
        <v>66</v>
      </c>
      <c r="CT11" s="61">
        <v>69</v>
      </c>
      <c r="CU11" s="61">
        <v>37</v>
      </c>
      <c r="CV11" s="62">
        <v>521</v>
      </c>
      <c r="CW11" s="63">
        <v>745</v>
      </c>
      <c r="CX11" s="113">
        <v>42</v>
      </c>
      <c r="CY11" s="72">
        <v>43</v>
      </c>
      <c r="CZ11" s="73">
        <v>85</v>
      </c>
      <c r="DA11" s="228"/>
      <c r="DB11" s="72">
        <v>65</v>
      </c>
      <c r="DC11" s="72">
        <v>37</v>
      </c>
      <c r="DD11" s="72">
        <v>31</v>
      </c>
      <c r="DE11" s="72">
        <v>29</v>
      </c>
      <c r="DF11" s="72">
        <v>19</v>
      </c>
      <c r="DG11" s="74">
        <v>181</v>
      </c>
      <c r="DH11" s="75">
        <v>266</v>
      </c>
      <c r="DI11" s="60">
        <v>0</v>
      </c>
      <c r="DJ11" s="61">
        <v>0</v>
      </c>
      <c r="DK11" s="62">
        <v>0</v>
      </c>
      <c r="DL11" s="228"/>
      <c r="DM11" s="61">
        <v>1</v>
      </c>
      <c r="DN11" s="61">
        <v>2</v>
      </c>
      <c r="DO11" s="61">
        <v>2</v>
      </c>
      <c r="DP11" s="61">
        <v>0</v>
      </c>
      <c r="DQ11" s="61">
        <v>0</v>
      </c>
      <c r="DR11" s="62">
        <v>5</v>
      </c>
      <c r="DS11" s="63">
        <v>5</v>
      </c>
      <c r="DT11" s="60">
        <v>1</v>
      </c>
      <c r="DU11" s="61">
        <v>1</v>
      </c>
      <c r="DV11" s="62">
        <v>2</v>
      </c>
      <c r="DW11" s="228"/>
      <c r="DX11" s="61">
        <v>3</v>
      </c>
      <c r="DY11" s="61">
        <v>2</v>
      </c>
      <c r="DZ11" s="61">
        <v>3</v>
      </c>
      <c r="EA11" s="61">
        <v>2</v>
      </c>
      <c r="EB11" s="61">
        <v>1</v>
      </c>
      <c r="EC11" s="62">
        <v>11</v>
      </c>
      <c r="ED11" s="63">
        <v>13</v>
      </c>
      <c r="EE11" s="60">
        <v>5</v>
      </c>
      <c r="EF11" s="61">
        <v>9</v>
      </c>
      <c r="EG11" s="62">
        <v>14</v>
      </c>
      <c r="EH11" s="228"/>
      <c r="EI11" s="61">
        <v>13</v>
      </c>
      <c r="EJ11" s="61">
        <v>3</v>
      </c>
      <c r="EK11" s="61">
        <v>2</v>
      </c>
      <c r="EL11" s="61">
        <v>3</v>
      </c>
      <c r="EM11" s="61">
        <v>2</v>
      </c>
      <c r="EN11" s="62">
        <v>23</v>
      </c>
      <c r="EO11" s="63">
        <v>37</v>
      </c>
      <c r="EP11" s="60">
        <v>15</v>
      </c>
      <c r="EQ11" s="61">
        <v>13</v>
      </c>
      <c r="ER11" s="62">
        <v>28</v>
      </c>
      <c r="ES11" s="228"/>
      <c r="ET11" s="61">
        <v>11</v>
      </c>
      <c r="EU11" s="61">
        <v>10</v>
      </c>
      <c r="EV11" s="61">
        <v>3</v>
      </c>
      <c r="EW11" s="61">
        <v>3</v>
      </c>
      <c r="EX11" s="61">
        <v>3</v>
      </c>
      <c r="EY11" s="62">
        <v>30</v>
      </c>
      <c r="EZ11" s="63">
        <v>58</v>
      </c>
      <c r="FA11" s="60">
        <v>9</v>
      </c>
      <c r="FB11" s="61">
        <v>10</v>
      </c>
      <c r="FC11" s="62">
        <v>19</v>
      </c>
      <c r="FD11" s="228"/>
      <c r="FE11" s="61">
        <v>26</v>
      </c>
      <c r="FF11" s="61">
        <v>4</v>
      </c>
      <c r="FG11" s="61">
        <v>8</v>
      </c>
      <c r="FH11" s="61">
        <v>11</v>
      </c>
      <c r="FI11" s="61">
        <v>8</v>
      </c>
      <c r="FJ11" s="62">
        <v>57</v>
      </c>
      <c r="FK11" s="63">
        <v>76</v>
      </c>
      <c r="FL11" s="60">
        <v>12</v>
      </c>
      <c r="FM11" s="61">
        <v>10</v>
      </c>
      <c r="FN11" s="62">
        <v>22</v>
      </c>
      <c r="FO11" s="228"/>
      <c r="FP11" s="61">
        <v>11</v>
      </c>
      <c r="FQ11" s="61">
        <v>16</v>
      </c>
      <c r="FR11" s="61">
        <v>13</v>
      </c>
      <c r="FS11" s="61">
        <v>10</v>
      </c>
      <c r="FT11" s="61">
        <v>5</v>
      </c>
      <c r="FU11" s="62">
        <v>55</v>
      </c>
      <c r="FV11" s="63">
        <v>77</v>
      </c>
      <c r="FW11" s="60">
        <v>0</v>
      </c>
      <c r="FX11" s="61">
        <v>0</v>
      </c>
      <c r="FY11" s="62">
        <v>0</v>
      </c>
      <c r="FZ11" s="228"/>
      <c r="GA11" s="61">
        <v>0</v>
      </c>
      <c r="GB11" s="61">
        <v>0</v>
      </c>
      <c r="GC11" s="61">
        <v>0</v>
      </c>
      <c r="GD11" s="61">
        <v>0</v>
      </c>
      <c r="GE11" s="61">
        <v>0</v>
      </c>
      <c r="GF11" s="62">
        <v>0</v>
      </c>
      <c r="GG11" s="63">
        <v>0</v>
      </c>
      <c r="GH11" s="60">
        <v>42</v>
      </c>
      <c r="GI11" s="61">
        <v>43</v>
      </c>
      <c r="GJ11" s="62">
        <v>85</v>
      </c>
      <c r="GK11" s="228"/>
      <c r="GL11" s="61">
        <v>65</v>
      </c>
      <c r="GM11" s="61">
        <v>37</v>
      </c>
      <c r="GN11" s="61">
        <v>31</v>
      </c>
      <c r="GO11" s="61">
        <v>29</v>
      </c>
      <c r="GP11" s="61">
        <v>19</v>
      </c>
      <c r="GQ11" s="62">
        <v>181</v>
      </c>
      <c r="GR11" s="63">
        <v>266</v>
      </c>
      <c r="GS11" s="113">
        <v>186</v>
      </c>
      <c r="GT11" s="72">
        <v>123</v>
      </c>
      <c r="GU11" s="73">
        <v>309</v>
      </c>
      <c r="GV11" s="228"/>
      <c r="GW11" s="72">
        <v>287</v>
      </c>
      <c r="GX11" s="72">
        <v>164</v>
      </c>
      <c r="GY11" s="72">
        <v>97</v>
      </c>
      <c r="GZ11" s="72">
        <v>98</v>
      </c>
      <c r="HA11" s="72">
        <v>56</v>
      </c>
      <c r="HB11" s="74">
        <v>702</v>
      </c>
      <c r="HC11" s="75">
        <v>1011</v>
      </c>
      <c r="HD11" s="60">
        <v>5</v>
      </c>
      <c r="HE11" s="61">
        <v>3</v>
      </c>
      <c r="HF11" s="62">
        <v>8</v>
      </c>
      <c r="HG11" s="228"/>
      <c r="HH11" s="61">
        <v>3</v>
      </c>
      <c r="HI11" s="61">
        <v>8</v>
      </c>
      <c r="HJ11" s="61">
        <v>5</v>
      </c>
      <c r="HK11" s="61">
        <v>4</v>
      </c>
      <c r="HL11" s="61">
        <v>2</v>
      </c>
      <c r="HM11" s="62">
        <v>22</v>
      </c>
      <c r="HN11" s="63">
        <v>30</v>
      </c>
      <c r="HO11" s="60">
        <v>14</v>
      </c>
      <c r="HP11" s="61">
        <v>8</v>
      </c>
      <c r="HQ11" s="62">
        <v>22</v>
      </c>
      <c r="HR11" s="228"/>
      <c r="HS11" s="61">
        <v>19</v>
      </c>
      <c r="HT11" s="61">
        <v>6</v>
      </c>
      <c r="HU11" s="61">
        <v>12</v>
      </c>
      <c r="HV11" s="61">
        <v>5</v>
      </c>
      <c r="HW11" s="61">
        <v>8</v>
      </c>
      <c r="HX11" s="62">
        <v>50</v>
      </c>
      <c r="HY11" s="63">
        <v>72</v>
      </c>
      <c r="HZ11" s="60">
        <v>19</v>
      </c>
      <c r="IA11" s="61">
        <v>22</v>
      </c>
      <c r="IB11" s="62">
        <v>41</v>
      </c>
      <c r="IC11" s="228"/>
      <c r="ID11" s="61">
        <v>34</v>
      </c>
      <c r="IE11" s="61">
        <v>16</v>
      </c>
      <c r="IF11" s="61">
        <v>9</v>
      </c>
      <c r="IG11" s="61">
        <v>12</v>
      </c>
      <c r="IH11" s="61">
        <v>8</v>
      </c>
      <c r="II11" s="62">
        <v>79</v>
      </c>
      <c r="IJ11" s="63">
        <v>120</v>
      </c>
      <c r="IK11" s="60">
        <v>47</v>
      </c>
      <c r="IL11" s="61">
        <v>34</v>
      </c>
      <c r="IM11" s="62">
        <v>81</v>
      </c>
      <c r="IN11" s="228"/>
      <c r="IO11" s="61">
        <v>66</v>
      </c>
      <c r="IP11" s="61">
        <v>32</v>
      </c>
      <c r="IQ11" s="61">
        <v>18</v>
      </c>
      <c r="IR11" s="61">
        <v>11</v>
      </c>
      <c r="IS11" s="61">
        <v>10</v>
      </c>
      <c r="IT11" s="62">
        <v>137</v>
      </c>
      <c r="IU11" s="63">
        <v>218</v>
      </c>
      <c r="IV11" s="60">
        <v>54</v>
      </c>
      <c r="IW11" s="61">
        <v>28</v>
      </c>
      <c r="IX11" s="62">
        <v>82</v>
      </c>
      <c r="IY11" s="228"/>
      <c r="IZ11" s="61">
        <v>93</v>
      </c>
      <c r="JA11" s="61">
        <v>48</v>
      </c>
      <c r="JB11" s="61">
        <v>19</v>
      </c>
      <c r="JC11" s="61">
        <v>34</v>
      </c>
      <c r="JD11" s="61">
        <v>17</v>
      </c>
      <c r="JE11" s="62">
        <v>211</v>
      </c>
      <c r="JF11" s="63">
        <v>293</v>
      </c>
      <c r="JG11" s="60">
        <v>47</v>
      </c>
      <c r="JH11" s="61">
        <v>28</v>
      </c>
      <c r="JI11" s="62">
        <v>75</v>
      </c>
      <c r="JJ11" s="228"/>
      <c r="JK11" s="61">
        <v>72</v>
      </c>
      <c r="JL11" s="61">
        <v>54</v>
      </c>
      <c r="JM11" s="61">
        <v>34</v>
      </c>
      <c r="JN11" s="61">
        <v>32</v>
      </c>
      <c r="JO11" s="61">
        <v>11</v>
      </c>
      <c r="JP11" s="62">
        <v>203</v>
      </c>
      <c r="JQ11" s="63">
        <v>278</v>
      </c>
      <c r="JR11" s="60">
        <v>0</v>
      </c>
      <c r="JS11" s="61">
        <v>0</v>
      </c>
      <c r="JT11" s="62">
        <v>0</v>
      </c>
      <c r="JU11" s="228"/>
      <c r="JV11" s="61">
        <v>0</v>
      </c>
      <c r="JW11" s="61">
        <v>0</v>
      </c>
      <c r="JX11" s="61">
        <v>0</v>
      </c>
      <c r="JY11" s="61">
        <v>0</v>
      </c>
      <c r="JZ11" s="61">
        <v>0</v>
      </c>
      <c r="KA11" s="62">
        <v>0</v>
      </c>
      <c r="KB11" s="63">
        <v>0</v>
      </c>
      <c r="KC11" s="60">
        <v>186</v>
      </c>
      <c r="KD11" s="61">
        <v>123</v>
      </c>
      <c r="KE11" s="62">
        <v>309</v>
      </c>
      <c r="KF11" s="228"/>
      <c r="KG11" s="61">
        <v>287</v>
      </c>
      <c r="KH11" s="61">
        <v>164</v>
      </c>
      <c r="KI11" s="61">
        <v>97</v>
      </c>
      <c r="KJ11" s="61">
        <v>98</v>
      </c>
      <c r="KK11" s="61">
        <v>56</v>
      </c>
      <c r="KL11" s="62">
        <v>702</v>
      </c>
      <c r="KM11" s="63">
        <v>1011</v>
      </c>
    </row>
    <row r="12" spans="2:299" ht="21" customHeight="1" x14ac:dyDescent="0.2">
      <c r="B12" s="472" t="s">
        <v>8</v>
      </c>
      <c r="C12" s="293">
        <v>52</v>
      </c>
      <c r="D12" s="72">
        <v>32</v>
      </c>
      <c r="E12" s="73">
        <v>84</v>
      </c>
      <c r="F12" s="228"/>
      <c r="G12" s="72">
        <v>112</v>
      </c>
      <c r="H12" s="72">
        <v>80</v>
      </c>
      <c r="I12" s="72">
        <v>53</v>
      </c>
      <c r="J12" s="72">
        <v>48</v>
      </c>
      <c r="K12" s="72">
        <v>19</v>
      </c>
      <c r="L12" s="74">
        <v>312</v>
      </c>
      <c r="M12" s="75">
        <v>396</v>
      </c>
      <c r="N12" s="60">
        <v>1</v>
      </c>
      <c r="O12" s="61">
        <v>3</v>
      </c>
      <c r="P12" s="62">
        <v>4</v>
      </c>
      <c r="Q12" s="228"/>
      <c r="R12" s="61">
        <v>3</v>
      </c>
      <c r="S12" s="61">
        <v>4</v>
      </c>
      <c r="T12" s="61">
        <v>2</v>
      </c>
      <c r="U12" s="61">
        <v>1</v>
      </c>
      <c r="V12" s="61">
        <v>2</v>
      </c>
      <c r="W12" s="62">
        <v>12</v>
      </c>
      <c r="X12" s="63">
        <v>16</v>
      </c>
      <c r="Y12" s="60">
        <v>5</v>
      </c>
      <c r="Z12" s="61">
        <v>5</v>
      </c>
      <c r="AA12" s="62">
        <v>10</v>
      </c>
      <c r="AB12" s="228"/>
      <c r="AC12" s="61">
        <v>8</v>
      </c>
      <c r="AD12" s="61">
        <v>7</v>
      </c>
      <c r="AE12" s="61">
        <v>4</v>
      </c>
      <c r="AF12" s="61">
        <v>3</v>
      </c>
      <c r="AG12" s="61">
        <v>2</v>
      </c>
      <c r="AH12" s="62">
        <v>24</v>
      </c>
      <c r="AI12" s="63">
        <v>34</v>
      </c>
      <c r="AJ12" s="60">
        <v>7</v>
      </c>
      <c r="AK12" s="61">
        <v>5</v>
      </c>
      <c r="AL12" s="62">
        <v>12</v>
      </c>
      <c r="AM12" s="228"/>
      <c r="AN12" s="61">
        <v>16</v>
      </c>
      <c r="AO12" s="61">
        <v>8</v>
      </c>
      <c r="AP12" s="61">
        <v>5</v>
      </c>
      <c r="AQ12" s="61">
        <v>5</v>
      </c>
      <c r="AR12" s="61">
        <v>2</v>
      </c>
      <c r="AS12" s="62">
        <v>36</v>
      </c>
      <c r="AT12" s="63">
        <v>48</v>
      </c>
      <c r="AU12" s="60">
        <v>12</v>
      </c>
      <c r="AV12" s="61">
        <v>5</v>
      </c>
      <c r="AW12" s="62">
        <v>17</v>
      </c>
      <c r="AX12" s="228"/>
      <c r="AY12" s="61">
        <v>21</v>
      </c>
      <c r="AZ12" s="61">
        <v>15</v>
      </c>
      <c r="BA12" s="61">
        <v>8</v>
      </c>
      <c r="BB12" s="61">
        <v>10</v>
      </c>
      <c r="BC12" s="61">
        <v>5</v>
      </c>
      <c r="BD12" s="62">
        <v>59</v>
      </c>
      <c r="BE12" s="63">
        <v>76</v>
      </c>
      <c r="BF12" s="60">
        <v>17</v>
      </c>
      <c r="BG12" s="61">
        <v>6</v>
      </c>
      <c r="BH12" s="62">
        <v>23</v>
      </c>
      <c r="BI12" s="228"/>
      <c r="BJ12" s="61">
        <v>33</v>
      </c>
      <c r="BK12" s="61">
        <v>26</v>
      </c>
      <c r="BL12" s="61">
        <v>15</v>
      </c>
      <c r="BM12" s="61">
        <v>13</v>
      </c>
      <c r="BN12" s="61">
        <v>4</v>
      </c>
      <c r="BO12" s="62">
        <v>91</v>
      </c>
      <c r="BP12" s="63">
        <v>114</v>
      </c>
      <c r="BQ12" s="60">
        <v>10</v>
      </c>
      <c r="BR12" s="61">
        <v>8</v>
      </c>
      <c r="BS12" s="62">
        <v>18</v>
      </c>
      <c r="BT12" s="228"/>
      <c r="BU12" s="61">
        <v>31</v>
      </c>
      <c r="BV12" s="61">
        <v>20</v>
      </c>
      <c r="BW12" s="61">
        <v>19</v>
      </c>
      <c r="BX12" s="61">
        <v>16</v>
      </c>
      <c r="BY12" s="61">
        <v>4</v>
      </c>
      <c r="BZ12" s="62">
        <v>90</v>
      </c>
      <c r="CA12" s="63">
        <v>108</v>
      </c>
      <c r="CB12" s="60">
        <v>0</v>
      </c>
      <c r="CC12" s="61">
        <v>0</v>
      </c>
      <c r="CD12" s="62">
        <v>0</v>
      </c>
      <c r="CE12" s="228"/>
      <c r="CF12" s="61">
        <v>0</v>
      </c>
      <c r="CG12" s="61">
        <v>0</v>
      </c>
      <c r="CH12" s="61">
        <v>0</v>
      </c>
      <c r="CI12" s="61">
        <v>0</v>
      </c>
      <c r="CJ12" s="61">
        <v>0</v>
      </c>
      <c r="CK12" s="62">
        <v>0</v>
      </c>
      <c r="CL12" s="63">
        <v>0</v>
      </c>
      <c r="CM12" s="60">
        <v>52</v>
      </c>
      <c r="CN12" s="61">
        <v>32</v>
      </c>
      <c r="CO12" s="62">
        <v>84</v>
      </c>
      <c r="CP12" s="228"/>
      <c r="CQ12" s="61">
        <v>112</v>
      </c>
      <c r="CR12" s="61">
        <v>80</v>
      </c>
      <c r="CS12" s="61">
        <v>53</v>
      </c>
      <c r="CT12" s="61">
        <v>48</v>
      </c>
      <c r="CU12" s="61">
        <v>19</v>
      </c>
      <c r="CV12" s="62">
        <v>312</v>
      </c>
      <c r="CW12" s="63">
        <v>396</v>
      </c>
      <c r="CX12" s="113">
        <v>23</v>
      </c>
      <c r="CY12" s="72">
        <v>23</v>
      </c>
      <c r="CZ12" s="73">
        <v>46</v>
      </c>
      <c r="DA12" s="228"/>
      <c r="DB12" s="72">
        <v>55</v>
      </c>
      <c r="DC12" s="72">
        <v>41</v>
      </c>
      <c r="DD12" s="72">
        <v>20</v>
      </c>
      <c r="DE12" s="72">
        <v>22</v>
      </c>
      <c r="DF12" s="72">
        <v>14</v>
      </c>
      <c r="DG12" s="74">
        <v>152</v>
      </c>
      <c r="DH12" s="75">
        <v>198</v>
      </c>
      <c r="DI12" s="60">
        <v>3</v>
      </c>
      <c r="DJ12" s="61">
        <v>0</v>
      </c>
      <c r="DK12" s="62">
        <v>3</v>
      </c>
      <c r="DL12" s="228"/>
      <c r="DM12" s="61">
        <v>0</v>
      </c>
      <c r="DN12" s="61">
        <v>0</v>
      </c>
      <c r="DO12" s="61">
        <v>0</v>
      </c>
      <c r="DP12" s="61">
        <v>1</v>
      </c>
      <c r="DQ12" s="61">
        <v>1</v>
      </c>
      <c r="DR12" s="62">
        <v>2</v>
      </c>
      <c r="DS12" s="63">
        <v>5</v>
      </c>
      <c r="DT12" s="60">
        <v>3</v>
      </c>
      <c r="DU12" s="61">
        <v>1</v>
      </c>
      <c r="DV12" s="62">
        <v>4</v>
      </c>
      <c r="DW12" s="228"/>
      <c r="DX12" s="61">
        <v>2</v>
      </c>
      <c r="DY12" s="61">
        <v>3</v>
      </c>
      <c r="DZ12" s="61">
        <v>2</v>
      </c>
      <c r="EA12" s="61">
        <v>1</v>
      </c>
      <c r="EB12" s="61">
        <v>1</v>
      </c>
      <c r="EC12" s="62">
        <v>9</v>
      </c>
      <c r="ED12" s="63">
        <v>13</v>
      </c>
      <c r="EE12" s="60">
        <v>5</v>
      </c>
      <c r="EF12" s="61">
        <v>3</v>
      </c>
      <c r="EG12" s="62">
        <v>8</v>
      </c>
      <c r="EH12" s="228"/>
      <c r="EI12" s="61">
        <v>6</v>
      </c>
      <c r="EJ12" s="61">
        <v>4</v>
      </c>
      <c r="EK12" s="61">
        <v>1</v>
      </c>
      <c r="EL12" s="61">
        <v>2</v>
      </c>
      <c r="EM12" s="61">
        <v>2</v>
      </c>
      <c r="EN12" s="62">
        <v>15</v>
      </c>
      <c r="EO12" s="63">
        <v>23</v>
      </c>
      <c r="EP12" s="60">
        <v>3</v>
      </c>
      <c r="EQ12" s="61">
        <v>7</v>
      </c>
      <c r="ER12" s="62">
        <v>10</v>
      </c>
      <c r="ES12" s="228"/>
      <c r="ET12" s="61">
        <v>12</v>
      </c>
      <c r="EU12" s="61">
        <v>4</v>
      </c>
      <c r="EV12" s="61">
        <v>3</v>
      </c>
      <c r="EW12" s="61">
        <v>4</v>
      </c>
      <c r="EX12" s="61">
        <v>2</v>
      </c>
      <c r="EY12" s="62">
        <v>25</v>
      </c>
      <c r="EZ12" s="63">
        <v>35</v>
      </c>
      <c r="FA12" s="60">
        <v>5</v>
      </c>
      <c r="FB12" s="61">
        <v>4</v>
      </c>
      <c r="FC12" s="62">
        <v>9</v>
      </c>
      <c r="FD12" s="228"/>
      <c r="FE12" s="61">
        <v>17</v>
      </c>
      <c r="FF12" s="61">
        <v>12</v>
      </c>
      <c r="FG12" s="61">
        <v>5</v>
      </c>
      <c r="FH12" s="61">
        <v>3</v>
      </c>
      <c r="FI12" s="61">
        <v>4</v>
      </c>
      <c r="FJ12" s="62">
        <v>41</v>
      </c>
      <c r="FK12" s="63">
        <v>50</v>
      </c>
      <c r="FL12" s="60">
        <v>4</v>
      </c>
      <c r="FM12" s="61">
        <v>8</v>
      </c>
      <c r="FN12" s="62">
        <v>12</v>
      </c>
      <c r="FO12" s="228"/>
      <c r="FP12" s="61">
        <v>18</v>
      </c>
      <c r="FQ12" s="61">
        <v>18</v>
      </c>
      <c r="FR12" s="61">
        <v>9</v>
      </c>
      <c r="FS12" s="61">
        <v>11</v>
      </c>
      <c r="FT12" s="61">
        <v>4</v>
      </c>
      <c r="FU12" s="62">
        <v>60</v>
      </c>
      <c r="FV12" s="63">
        <v>72</v>
      </c>
      <c r="FW12" s="60">
        <v>0</v>
      </c>
      <c r="FX12" s="61">
        <v>0</v>
      </c>
      <c r="FY12" s="62">
        <v>0</v>
      </c>
      <c r="FZ12" s="228"/>
      <c r="GA12" s="61">
        <v>0</v>
      </c>
      <c r="GB12" s="61">
        <v>0</v>
      </c>
      <c r="GC12" s="61">
        <v>0</v>
      </c>
      <c r="GD12" s="61">
        <v>0</v>
      </c>
      <c r="GE12" s="61">
        <v>0</v>
      </c>
      <c r="GF12" s="62">
        <v>0</v>
      </c>
      <c r="GG12" s="63">
        <v>0</v>
      </c>
      <c r="GH12" s="60">
        <v>23</v>
      </c>
      <c r="GI12" s="61">
        <v>23</v>
      </c>
      <c r="GJ12" s="62">
        <v>46</v>
      </c>
      <c r="GK12" s="228"/>
      <c r="GL12" s="61">
        <v>55</v>
      </c>
      <c r="GM12" s="61">
        <v>41</v>
      </c>
      <c r="GN12" s="61">
        <v>20</v>
      </c>
      <c r="GO12" s="61">
        <v>22</v>
      </c>
      <c r="GP12" s="61">
        <v>14</v>
      </c>
      <c r="GQ12" s="62">
        <v>152</v>
      </c>
      <c r="GR12" s="63">
        <v>198</v>
      </c>
      <c r="GS12" s="113">
        <v>75</v>
      </c>
      <c r="GT12" s="72">
        <v>55</v>
      </c>
      <c r="GU12" s="73">
        <v>130</v>
      </c>
      <c r="GV12" s="228"/>
      <c r="GW12" s="72">
        <v>167</v>
      </c>
      <c r="GX12" s="72">
        <v>121</v>
      </c>
      <c r="GY12" s="72">
        <v>73</v>
      </c>
      <c r="GZ12" s="72">
        <v>70</v>
      </c>
      <c r="HA12" s="72">
        <v>33</v>
      </c>
      <c r="HB12" s="74">
        <v>464</v>
      </c>
      <c r="HC12" s="75">
        <v>594</v>
      </c>
      <c r="HD12" s="60">
        <v>4</v>
      </c>
      <c r="HE12" s="61">
        <v>3</v>
      </c>
      <c r="HF12" s="62">
        <v>7</v>
      </c>
      <c r="HG12" s="228"/>
      <c r="HH12" s="61">
        <v>3</v>
      </c>
      <c r="HI12" s="61">
        <v>4</v>
      </c>
      <c r="HJ12" s="61">
        <v>2</v>
      </c>
      <c r="HK12" s="61">
        <v>2</v>
      </c>
      <c r="HL12" s="61">
        <v>3</v>
      </c>
      <c r="HM12" s="62">
        <v>14</v>
      </c>
      <c r="HN12" s="63">
        <v>21</v>
      </c>
      <c r="HO12" s="60">
        <v>8</v>
      </c>
      <c r="HP12" s="61">
        <v>6</v>
      </c>
      <c r="HQ12" s="62">
        <v>14</v>
      </c>
      <c r="HR12" s="228"/>
      <c r="HS12" s="61">
        <v>10</v>
      </c>
      <c r="HT12" s="61">
        <v>10</v>
      </c>
      <c r="HU12" s="61">
        <v>6</v>
      </c>
      <c r="HV12" s="61">
        <v>4</v>
      </c>
      <c r="HW12" s="61">
        <v>3</v>
      </c>
      <c r="HX12" s="62">
        <v>33</v>
      </c>
      <c r="HY12" s="63">
        <v>47</v>
      </c>
      <c r="HZ12" s="60">
        <v>12</v>
      </c>
      <c r="IA12" s="61">
        <v>8</v>
      </c>
      <c r="IB12" s="62">
        <v>20</v>
      </c>
      <c r="IC12" s="228"/>
      <c r="ID12" s="61">
        <v>22</v>
      </c>
      <c r="IE12" s="61">
        <v>12</v>
      </c>
      <c r="IF12" s="61">
        <v>6</v>
      </c>
      <c r="IG12" s="61">
        <v>7</v>
      </c>
      <c r="IH12" s="61">
        <v>4</v>
      </c>
      <c r="II12" s="62">
        <v>51</v>
      </c>
      <c r="IJ12" s="63">
        <v>71</v>
      </c>
      <c r="IK12" s="60">
        <v>15</v>
      </c>
      <c r="IL12" s="61">
        <v>12</v>
      </c>
      <c r="IM12" s="62">
        <v>27</v>
      </c>
      <c r="IN12" s="228"/>
      <c r="IO12" s="61">
        <v>33</v>
      </c>
      <c r="IP12" s="61">
        <v>19</v>
      </c>
      <c r="IQ12" s="61">
        <v>11</v>
      </c>
      <c r="IR12" s="61">
        <v>14</v>
      </c>
      <c r="IS12" s="61">
        <v>7</v>
      </c>
      <c r="IT12" s="62">
        <v>84</v>
      </c>
      <c r="IU12" s="63">
        <v>111</v>
      </c>
      <c r="IV12" s="60">
        <v>22</v>
      </c>
      <c r="IW12" s="61">
        <v>10</v>
      </c>
      <c r="IX12" s="62">
        <v>32</v>
      </c>
      <c r="IY12" s="228"/>
      <c r="IZ12" s="61">
        <v>50</v>
      </c>
      <c r="JA12" s="61">
        <v>38</v>
      </c>
      <c r="JB12" s="61">
        <v>20</v>
      </c>
      <c r="JC12" s="61">
        <v>16</v>
      </c>
      <c r="JD12" s="61">
        <v>8</v>
      </c>
      <c r="JE12" s="62">
        <v>132</v>
      </c>
      <c r="JF12" s="63">
        <v>164</v>
      </c>
      <c r="JG12" s="60">
        <v>14</v>
      </c>
      <c r="JH12" s="61">
        <v>16</v>
      </c>
      <c r="JI12" s="62">
        <v>30</v>
      </c>
      <c r="JJ12" s="228"/>
      <c r="JK12" s="61">
        <v>49</v>
      </c>
      <c r="JL12" s="61">
        <v>38</v>
      </c>
      <c r="JM12" s="61">
        <v>28</v>
      </c>
      <c r="JN12" s="61">
        <v>27</v>
      </c>
      <c r="JO12" s="61">
        <v>8</v>
      </c>
      <c r="JP12" s="62">
        <v>150</v>
      </c>
      <c r="JQ12" s="63">
        <v>180</v>
      </c>
      <c r="JR12" s="60">
        <v>0</v>
      </c>
      <c r="JS12" s="61">
        <v>0</v>
      </c>
      <c r="JT12" s="62">
        <v>0</v>
      </c>
      <c r="JU12" s="228"/>
      <c r="JV12" s="61">
        <v>0</v>
      </c>
      <c r="JW12" s="61">
        <v>0</v>
      </c>
      <c r="JX12" s="61">
        <v>0</v>
      </c>
      <c r="JY12" s="61">
        <v>0</v>
      </c>
      <c r="JZ12" s="61">
        <v>0</v>
      </c>
      <c r="KA12" s="62">
        <v>0</v>
      </c>
      <c r="KB12" s="63">
        <v>0</v>
      </c>
      <c r="KC12" s="60">
        <v>75</v>
      </c>
      <c r="KD12" s="61">
        <v>55</v>
      </c>
      <c r="KE12" s="62">
        <v>130</v>
      </c>
      <c r="KF12" s="228"/>
      <c r="KG12" s="61">
        <v>167</v>
      </c>
      <c r="KH12" s="61">
        <v>121</v>
      </c>
      <c r="KI12" s="61">
        <v>73</v>
      </c>
      <c r="KJ12" s="61">
        <v>70</v>
      </c>
      <c r="KK12" s="61">
        <v>33</v>
      </c>
      <c r="KL12" s="62">
        <v>464</v>
      </c>
      <c r="KM12" s="63">
        <v>594</v>
      </c>
    </row>
    <row r="13" spans="2:299" ht="21" customHeight="1" x14ac:dyDescent="0.2">
      <c r="B13" s="472" t="s">
        <v>9</v>
      </c>
      <c r="C13" s="293">
        <v>185</v>
      </c>
      <c r="D13" s="72">
        <v>110</v>
      </c>
      <c r="E13" s="73">
        <v>295</v>
      </c>
      <c r="F13" s="228"/>
      <c r="G13" s="72">
        <v>229</v>
      </c>
      <c r="H13" s="72">
        <v>142</v>
      </c>
      <c r="I13" s="72">
        <v>100</v>
      </c>
      <c r="J13" s="72">
        <v>74</v>
      </c>
      <c r="K13" s="72">
        <v>55</v>
      </c>
      <c r="L13" s="74">
        <v>600</v>
      </c>
      <c r="M13" s="75">
        <v>895</v>
      </c>
      <c r="N13" s="60">
        <v>5</v>
      </c>
      <c r="O13" s="61">
        <v>1</v>
      </c>
      <c r="P13" s="62">
        <v>6</v>
      </c>
      <c r="Q13" s="228"/>
      <c r="R13" s="61">
        <v>4</v>
      </c>
      <c r="S13" s="61">
        <v>3</v>
      </c>
      <c r="T13" s="61">
        <v>4</v>
      </c>
      <c r="U13" s="61">
        <v>1</v>
      </c>
      <c r="V13" s="61">
        <v>6</v>
      </c>
      <c r="W13" s="62">
        <v>18</v>
      </c>
      <c r="X13" s="63">
        <v>24</v>
      </c>
      <c r="Y13" s="60">
        <v>3</v>
      </c>
      <c r="Z13" s="61">
        <v>7</v>
      </c>
      <c r="AA13" s="62">
        <v>10</v>
      </c>
      <c r="AB13" s="228"/>
      <c r="AC13" s="61">
        <v>8</v>
      </c>
      <c r="AD13" s="61">
        <v>6</v>
      </c>
      <c r="AE13" s="61">
        <v>1</v>
      </c>
      <c r="AF13" s="61">
        <v>2</v>
      </c>
      <c r="AG13" s="61">
        <v>3</v>
      </c>
      <c r="AH13" s="62">
        <v>20</v>
      </c>
      <c r="AI13" s="63">
        <v>30</v>
      </c>
      <c r="AJ13" s="60">
        <v>20</v>
      </c>
      <c r="AK13" s="61">
        <v>12</v>
      </c>
      <c r="AL13" s="62">
        <v>32</v>
      </c>
      <c r="AM13" s="228"/>
      <c r="AN13" s="61">
        <v>22</v>
      </c>
      <c r="AO13" s="61">
        <v>15</v>
      </c>
      <c r="AP13" s="61">
        <v>10</v>
      </c>
      <c r="AQ13" s="61">
        <v>4</v>
      </c>
      <c r="AR13" s="61">
        <v>7</v>
      </c>
      <c r="AS13" s="62">
        <v>58</v>
      </c>
      <c r="AT13" s="63">
        <v>90</v>
      </c>
      <c r="AU13" s="60">
        <v>42</v>
      </c>
      <c r="AV13" s="61">
        <v>16</v>
      </c>
      <c r="AW13" s="62">
        <v>58</v>
      </c>
      <c r="AX13" s="228"/>
      <c r="AY13" s="61">
        <v>54</v>
      </c>
      <c r="AZ13" s="61">
        <v>19</v>
      </c>
      <c r="BA13" s="61">
        <v>17</v>
      </c>
      <c r="BB13" s="61">
        <v>8</v>
      </c>
      <c r="BC13" s="61">
        <v>7</v>
      </c>
      <c r="BD13" s="62">
        <v>105</v>
      </c>
      <c r="BE13" s="63">
        <v>163</v>
      </c>
      <c r="BF13" s="60">
        <v>63</v>
      </c>
      <c r="BG13" s="61">
        <v>41</v>
      </c>
      <c r="BH13" s="62">
        <v>104</v>
      </c>
      <c r="BI13" s="228"/>
      <c r="BJ13" s="61">
        <v>72</v>
      </c>
      <c r="BK13" s="61">
        <v>46</v>
      </c>
      <c r="BL13" s="61">
        <v>26</v>
      </c>
      <c r="BM13" s="61">
        <v>25</v>
      </c>
      <c r="BN13" s="61">
        <v>15</v>
      </c>
      <c r="BO13" s="62">
        <v>184</v>
      </c>
      <c r="BP13" s="63">
        <v>288</v>
      </c>
      <c r="BQ13" s="60">
        <v>52</v>
      </c>
      <c r="BR13" s="61">
        <v>33</v>
      </c>
      <c r="BS13" s="62">
        <v>85</v>
      </c>
      <c r="BT13" s="228"/>
      <c r="BU13" s="61">
        <v>69</v>
      </c>
      <c r="BV13" s="61">
        <v>53</v>
      </c>
      <c r="BW13" s="61">
        <v>42</v>
      </c>
      <c r="BX13" s="61">
        <v>34</v>
      </c>
      <c r="BY13" s="61">
        <v>17</v>
      </c>
      <c r="BZ13" s="62">
        <v>215</v>
      </c>
      <c r="CA13" s="63">
        <v>300</v>
      </c>
      <c r="CB13" s="60">
        <v>0</v>
      </c>
      <c r="CC13" s="61">
        <v>0</v>
      </c>
      <c r="CD13" s="62">
        <v>0</v>
      </c>
      <c r="CE13" s="228"/>
      <c r="CF13" s="61">
        <v>0</v>
      </c>
      <c r="CG13" s="61">
        <v>0</v>
      </c>
      <c r="CH13" s="61">
        <v>0</v>
      </c>
      <c r="CI13" s="61">
        <v>0</v>
      </c>
      <c r="CJ13" s="61">
        <v>0</v>
      </c>
      <c r="CK13" s="62">
        <v>0</v>
      </c>
      <c r="CL13" s="63">
        <v>0</v>
      </c>
      <c r="CM13" s="60">
        <v>185</v>
      </c>
      <c r="CN13" s="61">
        <v>110</v>
      </c>
      <c r="CO13" s="62">
        <v>295</v>
      </c>
      <c r="CP13" s="228"/>
      <c r="CQ13" s="61">
        <v>229</v>
      </c>
      <c r="CR13" s="61">
        <v>142</v>
      </c>
      <c r="CS13" s="61">
        <v>100</v>
      </c>
      <c r="CT13" s="61">
        <v>74</v>
      </c>
      <c r="CU13" s="61">
        <v>55</v>
      </c>
      <c r="CV13" s="62">
        <v>600</v>
      </c>
      <c r="CW13" s="63">
        <v>895</v>
      </c>
      <c r="CX13" s="113">
        <v>80</v>
      </c>
      <c r="CY13" s="72">
        <v>47</v>
      </c>
      <c r="CZ13" s="73">
        <v>127</v>
      </c>
      <c r="DA13" s="228"/>
      <c r="DB13" s="72">
        <v>74</v>
      </c>
      <c r="DC13" s="72">
        <v>49</v>
      </c>
      <c r="DD13" s="72">
        <v>38</v>
      </c>
      <c r="DE13" s="72">
        <v>44</v>
      </c>
      <c r="DF13" s="72">
        <v>24</v>
      </c>
      <c r="DG13" s="74">
        <v>229</v>
      </c>
      <c r="DH13" s="75">
        <v>356</v>
      </c>
      <c r="DI13" s="60">
        <v>2</v>
      </c>
      <c r="DJ13" s="61">
        <v>0</v>
      </c>
      <c r="DK13" s="62">
        <v>2</v>
      </c>
      <c r="DL13" s="228"/>
      <c r="DM13" s="61">
        <v>0</v>
      </c>
      <c r="DN13" s="61">
        <v>1</v>
      </c>
      <c r="DO13" s="61">
        <v>1</v>
      </c>
      <c r="DP13" s="61">
        <v>1</v>
      </c>
      <c r="DQ13" s="61">
        <v>0</v>
      </c>
      <c r="DR13" s="62">
        <v>3</v>
      </c>
      <c r="DS13" s="63">
        <v>5</v>
      </c>
      <c r="DT13" s="60">
        <v>7</v>
      </c>
      <c r="DU13" s="61">
        <v>5</v>
      </c>
      <c r="DV13" s="62">
        <v>12</v>
      </c>
      <c r="DW13" s="228"/>
      <c r="DX13" s="61">
        <v>4</v>
      </c>
      <c r="DY13" s="61">
        <v>1</v>
      </c>
      <c r="DZ13" s="61">
        <v>0</v>
      </c>
      <c r="EA13" s="61">
        <v>2</v>
      </c>
      <c r="EB13" s="61">
        <v>0</v>
      </c>
      <c r="EC13" s="62">
        <v>7</v>
      </c>
      <c r="ED13" s="63">
        <v>19</v>
      </c>
      <c r="EE13" s="60">
        <v>7</v>
      </c>
      <c r="EF13" s="61">
        <v>7</v>
      </c>
      <c r="EG13" s="62">
        <v>14</v>
      </c>
      <c r="EH13" s="228"/>
      <c r="EI13" s="61">
        <v>10</v>
      </c>
      <c r="EJ13" s="61">
        <v>4</v>
      </c>
      <c r="EK13" s="61">
        <v>3</v>
      </c>
      <c r="EL13" s="61">
        <v>3</v>
      </c>
      <c r="EM13" s="61">
        <v>2</v>
      </c>
      <c r="EN13" s="62">
        <v>22</v>
      </c>
      <c r="EO13" s="63">
        <v>36</v>
      </c>
      <c r="EP13" s="60">
        <v>26</v>
      </c>
      <c r="EQ13" s="61">
        <v>11</v>
      </c>
      <c r="ER13" s="62">
        <v>37</v>
      </c>
      <c r="ES13" s="228"/>
      <c r="ET13" s="61">
        <v>14</v>
      </c>
      <c r="EU13" s="61">
        <v>8</v>
      </c>
      <c r="EV13" s="61">
        <v>7</v>
      </c>
      <c r="EW13" s="61">
        <v>5</v>
      </c>
      <c r="EX13" s="61">
        <v>1</v>
      </c>
      <c r="EY13" s="62">
        <v>35</v>
      </c>
      <c r="EZ13" s="63">
        <v>72</v>
      </c>
      <c r="FA13" s="60">
        <v>27</v>
      </c>
      <c r="FB13" s="61">
        <v>13</v>
      </c>
      <c r="FC13" s="62">
        <v>40</v>
      </c>
      <c r="FD13" s="228"/>
      <c r="FE13" s="61">
        <v>21</v>
      </c>
      <c r="FF13" s="61">
        <v>14</v>
      </c>
      <c r="FG13" s="61">
        <v>8</v>
      </c>
      <c r="FH13" s="61">
        <v>6</v>
      </c>
      <c r="FI13" s="61">
        <v>7</v>
      </c>
      <c r="FJ13" s="62">
        <v>56</v>
      </c>
      <c r="FK13" s="63">
        <v>96</v>
      </c>
      <c r="FL13" s="60">
        <v>11</v>
      </c>
      <c r="FM13" s="61">
        <v>11</v>
      </c>
      <c r="FN13" s="62">
        <v>22</v>
      </c>
      <c r="FO13" s="228"/>
      <c r="FP13" s="61">
        <v>25</v>
      </c>
      <c r="FQ13" s="61">
        <v>21</v>
      </c>
      <c r="FR13" s="61">
        <v>19</v>
      </c>
      <c r="FS13" s="61">
        <v>27</v>
      </c>
      <c r="FT13" s="61">
        <v>14</v>
      </c>
      <c r="FU13" s="62">
        <v>106</v>
      </c>
      <c r="FV13" s="63">
        <v>128</v>
      </c>
      <c r="FW13" s="60">
        <v>0</v>
      </c>
      <c r="FX13" s="61">
        <v>0</v>
      </c>
      <c r="FY13" s="62">
        <v>0</v>
      </c>
      <c r="FZ13" s="228"/>
      <c r="GA13" s="61">
        <v>0</v>
      </c>
      <c r="GB13" s="61">
        <v>0</v>
      </c>
      <c r="GC13" s="61">
        <v>0</v>
      </c>
      <c r="GD13" s="61">
        <v>0</v>
      </c>
      <c r="GE13" s="61">
        <v>0</v>
      </c>
      <c r="GF13" s="62">
        <v>0</v>
      </c>
      <c r="GG13" s="63">
        <v>0</v>
      </c>
      <c r="GH13" s="60">
        <v>80</v>
      </c>
      <c r="GI13" s="61">
        <v>47</v>
      </c>
      <c r="GJ13" s="62">
        <v>127</v>
      </c>
      <c r="GK13" s="228"/>
      <c r="GL13" s="61">
        <v>74</v>
      </c>
      <c r="GM13" s="61">
        <v>49</v>
      </c>
      <c r="GN13" s="61">
        <v>38</v>
      </c>
      <c r="GO13" s="61">
        <v>44</v>
      </c>
      <c r="GP13" s="61">
        <v>24</v>
      </c>
      <c r="GQ13" s="62">
        <v>229</v>
      </c>
      <c r="GR13" s="63">
        <v>356</v>
      </c>
      <c r="GS13" s="113">
        <v>265</v>
      </c>
      <c r="GT13" s="72">
        <v>157</v>
      </c>
      <c r="GU13" s="73">
        <v>422</v>
      </c>
      <c r="GV13" s="228"/>
      <c r="GW13" s="72">
        <v>303</v>
      </c>
      <c r="GX13" s="72">
        <v>191</v>
      </c>
      <c r="GY13" s="72">
        <v>138</v>
      </c>
      <c r="GZ13" s="72">
        <v>118</v>
      </c>
      <c r="HA13" s="72">
        <v>79</v>
      </c>
      <c r="HB13" s="74">
        <v>829</v>
      </c>
      <c r="HC13" s="75">
        <v>1251</v>
      </c>
      <c r="HD13" s="60">
        <v>7</v>
      </c>
      <c r="HE13" s="61">
        <v>1</v>
      </c>
      <c r="HF13" s="62">
        <v>8</v>
      </c>
      <c r="HG13" s="228"/>
      <c r="HH13" s="61">
        <v>4</v>
      </c>
      <c r="HI13" s="61">
        <v>4</v>
      </c>
      <c r="HJ13" s="61">
        <v>5</v>
      </c>
      <c r="HK13" s="61">
        <v>2</v>
      </c>
      <c r="HL13" s="61">
        <v>6</v>
      </c>
      <c r="HM13" s="62">
        <v>21</v>
      </c>
      <c r="HN13" s="63">
        <v>29</v>
      </c>
      <c r="HO13" s="60">
        <v>10</v>
      </c>
      <c r="HP13" s="61">
        <v>12</v>
      </c>
      <c r="HQ13" s="62">
        <v>22</v>
      </c>
      <c r="HR13" s="228"/>
      <c r="HS13" s="61">
        <v>12</v>
      </c>
      <c r="HT13" s="61">
        <v>7</v>
      </c>
      <c r="HU13" s="61">
        <v>1</v>
      </c>
      <c r="HV13" s="61">
        <v>4</v>
      </c>
      <c r="HW13" s="61">
        <v>3</v>
      </c>
      <c r="HX13" s="62">
        <v>27</v>
      </c>
      <c r="HY13" s="63">
        <v>49</v>
      </c>
      <c r="HZ13" s="60">
        <v>27</v>
      </c>
      <c r="IA13" s="61">
        <v>19</v>
      </c>
      <c r="IB13" s="62">
        <v>46</v>
      </c>
      <c r="IC13" s="228"/>
      <c r="ID13" s="61">
        <v>32</v>
      </c>
      <c r="IE13" s="61">
        <v>19</v>
      </c>
      <c r="IF13" s="61">
        <v>13</v>
      </c>
      <c r="IG13" s="61">
        <v>7</v>
      </c>
      <c r="IH13" s="61">
        <v>9</v>
      </c>
      <c r="II13" s="62">
        <v>80</v>
      </c>
      <c r="IJ13" s="63">
        <v>126</v>
      </c>
      <c r="IK13" s="60">
        <v>68</v>
      </c>
      <c r="IL13" s="61">
        <v>27</v>
      </c>
      <c r="IM13" s="62">
        <v>95</v>
      </c>
      <c r="IN13" s="228"/>
      <c r="IO13" s="61">
        <v>68</v>
      </c>
      <c r="IP13" s="61">
        <v>27</v>
      </c>
      <c r="IQ13" s="61">
        <v>24</v>
      </c>
      <c r="IR13" s="61">
        <v>13</v>
      </c>
      <c r="IS13" s="61">
        <v>8</v>
      </c>
      <c r="IT13" s="62">
        <v>140</v>
      </c>
      <c r="IU13" s="63">
        <v>235</v>
      </c>
      <c r="IV13" s="60">
        <v>90</v>
      </c>
      <c r="IW13" s="61">
        <v>54</v>
      </c>
      <c r="IX13" s="62">
        <v>144</v>
      </c>
      <c r="IY13" s="228"/>
      <c r="IZ13" s="61">
        <v>93</v>
      </c>
      <c r="JA13" s="61">
        <v>60</v>
      </c>
      <c r="JB13" s="61">
        <v>34</v>
      </c>
      <c r="JC13" s="61">
        <v>31</v>
      </c>
      <c r="JD13" s="61">
        <v>22</v>
      </c>
      <c r="JE13" s="62">
        <v>240</v>
      </c>
      <c r="JF13" s="63">
        <v>384</v>
      </c>
      <c r="JG13" s="60">
        <v>63</v>
      </c>
      <c r="JH13" s="61">
        <v>44</v>
      </c>
      <c r="JI13" s="62">
        <v>107</v>
      </c>
      <c r="JJ13" s="228"/>
      <c r="JK13" s="61">
        <v>94</v>
      </c>
      <c r="JL13" s="61">
        <v>74</v>
      </c>
      <c r="JM13" s="61">
        <v>61</v>
      </c>
      <c r="JN13" s="61">
        <v>61</v>
      </c>
      <c r="JO13" s="61">
        <v>31</v>
      </c>
      <c r="JP13" s="62">
        <v>321</v>
      </c>
      <c r="JQ13" s="63">
        <v>428</v>
      </c>
      <c r="JR13" s="60">
        <v>0</v>
      </c>
      <c r="JS13" s="61">
        <v>0</v>
      </c>
      <c r="JT13" s="62">
        <v>0</v>
      </c>
      <c r="JU13" s="228"/>
      <c r="JV13" s="61">
        <v>0</v>
      </c>
      <c r="JW13" s="61">
        <v>0</v>
      </c>
      <c r="JX13" s="61">
        <v>0</v>
      </c>
      <c r="JY13" s="61">
        <v>0</v>
      </c>
      <c r="JZ13" s="61">
        <v>0</v>
      </c>
      <c r="KA13" s="62">
        <v>0</v>
      </c>
      <c r="KB13" s="63">
        <v>0</v>
      </c>
      <c r="KC13" s="60">
        <v>265</v>
      </c>
      <c r="KD13" s="61">
        <v>157</v>
      </c>
      <c r="KE13" s="62">
        <v>422</v>
      </c>
      <c r="KF13" s="228"/>
      <c r="KG13" s="61">
        <v>303</v>
      </c>
      <c r="KH13" s="61">
        <v>191</v>
      </c>
      <c r="KI13" s="61">
        <v>138</v>
      </c>
      <c r="KJ13" s="61">
        <v>118</v>
      </c>
      <c r="KK13" s="61">
        <v>79</v>
      </c>
      <c r="KL13" s="62">
        <v>829</v>
      </c>
      <c r="KM13" s="63">
        <v>1251</v>
      </c>
    </row>
    <row r="14" spans="2:299" ht="21" customHeight="1" x14ac:dyDescent="0.2">
      <c r="B14" s="472" t="s">
        <v>10</v>
      </c>
      <c r="C14" s="293">
        <v>273</v>
      </c>
      <c r="D14" s="72">
        <v>188</v>
      </c>
      <c r="E14" s="73">
        <v>461</v>
      </c>
      <c r="F14" s="228"/>
      <c r="G14" s="72">
        <v>278</v>
      </c>
      <c r="H14" s="72">
        <v>163</v>
      </c>
      <c r="I14" s="72">
        <v>99</v>
      </c>
      <c r="J14" s="72">
        <v>85</v>
      </c>
      <c r="K14" s="72">
        <v>68</v>
      </c>
      <c r="L14" s="74">
        <v>693</v>
      </c>
      <c r="M14" s="75">
        <v>1154</v>
      </c>
      <c r="N14" s="60">
        <v>4</v>
      </c>
      <c r="O14" s="61">
        <v>9</v>
      </c>
      <c r="P14" s="62">
        <v>13</v>
      </c>
      <c r="Q14" s="228"/>
      <c r="R14" s="61">
        <v>9</v>
      </c>
      <c r="S14" s="61">
        <v>7</v>
      </c>
      <c r="T14" s="61">
        <v>1</v>
      </c>
      <c r="U14" s="61">
        <v>7</v>
      </c>
      <c r="V14" s="61">
        <v>1</v>
      </c>
      <c r="W14" s="62">
        <v>25</v>
      </c>
      <c r="X14" s="63">
        <v>38</v>
      </c>
      <c r="Y14" s="60">
        <v>25</v>
      </c>
      <c r="Z14" s="61">
        <v>15</v>
      </c>
      <c r="AA14" s="62">
        <v>40</v>
      </c>
      <c r="AB14" s="228"/>
      <c r="AC14" s="61">
        <v>19</v>
      </c>
      <c r="AD14" s="61">
        <v>17</v>
      </c>
      <c r="AE14" s="61">
        <v>10</v>
      </c>
      <c r="AF14" s="61">
        <v>7</v>
      </c>
      <c r="AG14" s="61">
        <v>10</v>
      </c>
      <c r="AH14" s="62">
        <v>63</v>
      </c>
      <c r="AI14" s="63">
        <v>103</v>
      </c>
      <c r="AJ14" s="60">
        <v>21</v>
      </c>
      <c r="AK14" s="61">
        <v>30</v>
      </c>
      <c r="AL14" s="62">
        <v>51</v>
      </c>
      <c r="AM14" s="228"/>
      <c r="AN14" s="61">
        <v>36</v>
      </c>
      <c r="AO14" s="61">
        <v>21</v>
      </c>
      <c r="AP14" s="61">
        <v>9</v>
      </c>
      <c r="AQ14" s="61">
        <v>9</v>
      </c>
      <c r="AR14" s="61">
        <v>12</v>
      </c>
      <c r="AS14" s="62">
        <v>87</v>
      </c>
      <c r="AT14" s="63">
        <v>138</v>
      </c>
      <c r="AU14" s="60">
        <v>63</v>
      </c>
      <c r="AV14" s="61">
        <v>41</v>
      </c>
      <c r="AW14" s="62">
        <v>104</v>
      </c>
      <c r="AX14" s="228"/>
      <c r="AY14" s="61">
        <v>68</v>
      </c>
      <c r="AZ14" s="61">
        <v>28</v>
      </c>
      <c r="BA14" s="61">
        <v>13</v>
      </c>
      <c r="BB14" s="61">
        <v>13</v>
      </c>
      <c r="BC14" s="61">
        <v>17</v>
      </c>
      <c r="BD14" s="62">
        <v>139</v>
      </c>
      <c r="BE14" s="63">
        <v>243</v>
      </c>
      <c r="BF14" s="60">
        <v>84</v>
      </c>
      <c r="BG14" s="61">
        <v>42</v>
      </c>
      <c r="BH14" s="62">
        <v>126</v>
      </c>
      <c r="BI14" s="228"/>
      <c r="BJ14" s="61">
        <v>73</v>
      </c>
      <c r="BK14" s="61">
        <v>44</v>
      </c>
      <c r="BL14" s="61">
        <v>30</v>
      </c>
      <c r="BM14" s="61">
        <v>16</v>
      </c>
      <c r="BN14" s="61">
        <v>14</v>
      </c>
      <c r="BO14" s="62">
        <v>177</v>
      </c>
      <c r="BP14" s="63">
        <v>303</v>
      </c>
      <c r="BQ14" s="60">
        <v>76</v>
      </c>
      <c r="BR14" s="61">
        <v>51</v>
      </c>
      <c r="BS14" s="62">
        <v>127</v>
      </c>
      <c r="BT14" s="228"/>
      <c r="BU14" s="61">
        <v>73</v>
      </c>
      <c r="BV14" s="61">
        <v>46</v>
      </c>
      <c r="BW14" s="61">
        <v>36</v>
      </c>
      <c r="BX14" s="61">
        <v>33</v>
      </c>
      <c r="BY14" s="61">
        <v>14</v>
      </c>
      <c r="BZ14" s="62">
        <v>202</v>
      </c>
      <c r="CA14" s="63">
        <v>329</v>
      </c>
      <c r="CB14" s="60">
        <v>0</v>
      </c>
      <c r="CC14" s="61">
        <v>0</v>
      </c>
      <c r="CD14" s="62">
        <v>0</v>
      </c>
      <c r="CE14" s="228"/>
      <c r="CF14" s="61">
        <v>0</v>
      </c>
      <c r="CG14" s="61">
        <v>0</v>
      </c>
      <c r="CH14" s="61">
        <v>0</v>
      </c>
      <c r="CI14" s="61">
        <v>0</v>
      </c>
      <c r="CJ14" s="61">
        <v>0</v>
      </c>
      <c r="CK14" s="62">
        <v>0</v>
      </c>
      <c r="CL14" s="63">
        <v>0</v>
      </c>
      <c r="CM14" s="60">
        <v>273</v>
      </c>
      <c r="CN14" s="61">
        <v>188</v>
      </c>
      <c r="CO14" s="62">
        <v>461</v>
      </c>
      <c r="CP14" s="228"/>
      <c r="CQ14" s="61">
        <v>278</v>
      </c>
      <c r="CR14" s="61">
        <v>163</v>
      </c>
      <c r="CS14" s="61">
        <v>99</v>
      </c>
      <c r="CT14" s="61">
        <v>85</v>
      </c>
      <c r="CU14" s="61">
        <v>68</v>
      </c>
      <c r="CV14" s="62">
        <v>693</v>
      </c>
      <c r="CW14" s="63">
        <v>1154</v>
      </c>
      <c r="CX14" s="113">
        <v>106</v>
      </c>
      <c r="CY14" s="72">
        <v>75</v>
      </c>
      <c r="CZ14" s="73">
        <v>181</v>
      </c>
      <c r="DA14" s="228"/>
      <c r="DB14" s="72">
        <v>114</v>
      </c>
      <c r="DC14" s="72">
        <v>57</v>
      </c>
      <c r="DD14" s="72">
        <v>47</v>
      </c>
      <c r="DE14" s="72">
        <v>44</v>
      </c>
      <c r="DF14" s="72">
        <v>44</v>
      </c>
      <c r="DG14" s="74">
        <v>306</v>
      </c>
      <c r="DH14" s="75">
        <v>487</v>
      </c>
      <c r="DI14" s="60">
        <v>4</v>
      </c>
      <c r="DJ14" s="61">
        <v>4</v>
      </c>
      <c r="DK14" s="62">
        <v>8</v>
      </c>
      <c r="DL14" s="228"/>
      <c r="DM14" s="61">
        <v>0</v>
      </c>
      <c r="DN14" s="61">
        <v>1</v>
      </c>
      <c r="DO14" s="61">
        <v>0</v>
      </c>
      <c r="DP14" s="61">
        <v>0</v>
      </c>
      <c r="DQ14" s="61">
        <v>0</v>
      </c>
      <c r="DR14" s="62">
        <v>1</v>
      </c>
      <c r="DS14" s="63">
        <v>9</v>
      </c>
      <c r="DT14" s="60">
        <v>7</v>
      </c>
      <c r="DU14" s="61">
        <v>3</v>
      </c>
      <c r="DV14" s="62">
        <v>10</v>
      </c>
      <c r="DW14" s="228"/>
      <c r="DX14" s="61">
        <v>7</v>
      </c>
      <c r="DY14" s="61">
        <v>0</v>
      </c>
      <c r="DZ14" s="61">
        <v>1</v>
      </c>
      <c r="EA14" s="61">
        <v>1</v>
      </c>
      <c r="EB14" s="61">
        <v>3</v>
      </c>
      <c r="EC14" s="62">
        <v>12</v>
      </c>
      <c r="ED14" s="63">
        <v>22</v>
      </c>
      <c r="EE14" s="60">
        <v>16</v>
      </c>
      <c r="EF14" s="61">
        <v>10</v>
      </c>
      <c r="EG14" s="62">
        <v>26</v>
      </c>
      <c r="EH14" s="228"/>
      <c r="EI14" s="61">
        <v>8</v>
      </c>
      <c r="EJ14" s="61">
        <v>7</v>
      </c>
      <c r="EK14" s="61">
        <v>5</v>
      </c>
      <c r="EL14" s="61">
        <v>2</v>
      </c>
      <c r="EM14" s="61">
        <v>0</v>
      </c>
      <c r="EN14" s="62">
        <v>22</v>
      </c>
      <c r="EO14" s="63">
        <v>48</v>
      </c>
      <c r="EP14" s="60">
        <v>26</v>
      </c>
      <c r="EQ14" s="61">
        <v>17</v>
      </c>
      <c r="ER14" s="62">
        <v>43</v>
      </c>
      <c r="ES14" s="228"/>
      <c r="ET14" s="61">
        <v>23</v>
      </c>
      <c r="EU14" s="61">
        <v>11</v>
      </c>
      <c r="EV14" s="61">
        <v>5</v>
      </c>
      <c r="EW14" s="61">
        <v>3</v>
      </c>
      <c r="EX14" s="61">
        <v>5</v>
      </c>
      <c r="EY14" s="62">
        <v>47</v>
      </c>
      <c r="EZ14" s="63">
        <v>90</v>
      </c>
      <c r="FA14" s="60">
        <v>30</v>
      </c>
      <c r="FB14" s="61">
        <v>25</v>
      </c>
      <c r="FC14" s="62">
        <v>55</v>
      </c>
      <c r="FD14" s="228"/>
      <c r="FE14" s="61">
        <v>31</v>
      </c>
      <c r="FF14" s="61">
        <v>17</v>
      </c>
      <c r="FG14" s="61">
        <v>15</v>
      </c>
      <c r="FH14" s="61">
        <v>11</v>
      </c>
      <c r="FI14" s="61">
        <v>8</v>
      </c>
      <c r="FJ14" s="62">
        <v>82</v>
      </c>
      <c r="FK14" s="63">
        <v>137</v>
      </c>
      <c r="FL14" s="60">
        <v>23</v>
      </c>
      <c r="FM14" s="61">
        <v>16</v>
      </c>
      <c r="FN14" s="62">
        <v>39</v>
      </c>
      <c r="FO14" s="228"/>
      <c r="FP14" s="61">
        <v>45</v>
      </c>
      <c r="FQ14" s="61">
        <v>21</v>
      </c>
      <c r="FR14" s="61">
        <v>21</v>
      </c>
      <c r="FS14" s="61">
        <v>27</v>
      </c>
      <c r="FT14" s="61">
        <v>28</v>
      </c>
      <c r="FU14" s="62">
        <v>142</v>
      </c>
      <c r="FV14" s="63">
        <v>181</v>
      </c>
      <c r="FW14" s="60">
        <v>0</v>
      </c>
      <c r="FX14" s="61">
        <v>0</v>
      </c>
      <c r="FY14" s="62">
        <v>0</v>
      </c>
      <c r="FZ14" s="228"/>
      <c r="GA14" s="61">
        <v>0</v>
      </c>
      <c r="GB14" s="61">
        <v>0</v>
      </c>
      <c r="GC14" s="61">
        <v>0</v>
      </c>
      <c r="GD14" s="61">
        <v>0</v>
      </c>
      <c r="GE14" s="61">
        <v>0</v>
      </c>
      <c r="GF14" s="62">
        <v>0</v>
      </c>
      <c r="GG14" s="63">
        <v>0</v>
      </c>
      <c r="GH14" s="60">
        <v>106</v>
      </c>
      <c r="GI14" s="61">
        <v>75</v>
      </c>
      <c r="GJ14" s="62">
        <v>181</v>
      </c>
      <c r="GK14" s="228"/>
      <c r="GL14" s="61">
        <v>114</v>
      </c>
      <c r="GM14" s="61">
        <v>57</v>
      </c>
      <c r="GN14" s="61">
        <v>47</v>
      </c>
      <c r="GO14" s="61">
        <v>44</v>
      </c>
      <c r="GP14" s="61">
        <v>44</v>
      </c>
      <c r="GQ14" s="62">
        <v>306</v>
      </c>
      <c r="GR14" s="63">
        <v>487</v>
      </c>
      <c r="GS14" s="113">
        <v>379</v>
      </c>
      <c r="GT14" s="72">
        <v>263</v>
      </c>
      <c r="GU14" s="73">
        <v>642</v>
      </c>
      <c r="GV14" s="228"/>
      <c r="GW14" s="72">
        <v>392</v>
      </c>
      <c r="GX14" s="72">
        <v>220</v>
      </c>
      <c r="GY14" s="72">
        <v>146</v>
      </c>
      <c r="GZ14" s="72">
        <v>129</v>
      </c>
      <c r="HA14" s="72">
        <v>112</v>
      </c>
      <c r="HB14" s="74">
        <v>999</v>
      </c>
      <c r="HC14" s="75">
        <v>1641</v>
      </c>
      <c r="HD14" s="60">
        <v>8</v>
      </c>
      <c r="HE14" s="61">
        <v>13</v>
      </c>
      <c r="HF14" s="62">
        <v>21</v>
      </c>
      <c r="HG14" s="228"/>
      <c r="HH14" s="61">
        <v>9</v>
      </c>
      <c r="HI14" s="61">
        <v>8</v>
      </c>
      <c r="HJ14" s="61">
        <v>1</v>
      </c>
      <c r="HK14" s="61">
        <v>7</v>
      </c>
      <c r="HL14" s="61">
        <v>1</v>
      </c>
      <c r="HM14" s="62">
        <v>26</v>
      </c>
      <c r="HN14" s="63">
        <v>47</v>
      </c>
      <c r="HO14" s="60">
        <v>32</v>
      </c>
      <c r="HP14" s="61">
        <v>18</v>
      </c>
      <c r="HQ14" s="62">
        <v>50</v>
      </c>
      <c r="HR14" s="228"/>
      <c r="HS14" s="61">
        <v>26</v>
      </c>
      <c r="HT14" s="61">
        <v>17</v>
      </c>
      <c r="HU14" s="61">
        <v>11</v>
      </c>
      <c r="HV14" s="61">
        <v>8</v>
      </c>
      <c r="HW14" s="61">
        <v>13</v>
      </c>
      <c r="HX14" s="62">
        <v>75</v>
      </c>
      <c r="HY14" s="63">
        <v>125</v>
      </c>
      <c r="HZ14" s="60">
        <v>37</v>
      </c>
      <c r="IA14" s="61">
        <v>40</v>
      </c>
      <c r="IB14" s="62">
        <v>77</v>
      </c>
      <c r="IC14" s="228"/>
      <c r="ID14" s="61">
        <v>44</v>
      </c>
      <c r="IE14" s="61">
        <v>28</v>
      </c>
      <c r="IF14" s="61">
        <v>14</v>
      </c>
      <c r="IG14" s="61">
        <v>11</v>
      </c>
      <c r="IH14" s="61">
        <v>12</v>
      </c>
      <c r="II14" s="62">
        <v>109</v>
      </c>
      <c r="IJ14" s="63">
        <v>186</v>
      </c>
      <c r="IK14" s="60">
        <v>89</v>
      </c>
      <c r="IL14" s="61">
        <v>58</v>
      </c>
      <c r="IM14" s="62">
        <v>147</v>
      </c>
      <c r="IN14" s="228"/>
      <c r="IO14" s="61">
        <v>91</v>
      </c>
      <c r="IP14" s="61">
        <v>39</v>
      </c>
      <c r="IQ14" s="61">
        <v>18</v>
      </c>
      <c r="IR14" s="61">
        <v>16</v>
      </c>
      <c r="IS14" s="61">
        <v>22</v>
      </c>
      <c r="IT14" s="62">
        <v>186</v>
      </c>
      <c r="IU14" s="63">
        <v>333</v>
      </c>
      <c r="IV14" s="60">
        <v>114</v>
      </c>
      <c r="IW14" s="61">
        <v>67</v>
      </c>
      <c r="IX14" s="62">
        <v>181</v>
      </c>
      <c r="IY14" s="228"/>
      <c r="IZ14" s="61">
        <v>104</v>
      </c>
      <c r="JA14" s="61">
        <v>61</v>
      </c>
      <c r="JB14" s="61">
        <v>45</v>
      </c>
      <c r="JC14" s="61">
        <v>27</v>
      </c>
      <c r="JD14" s="61">
        <v>22</v>
      </c>
      <c r="JE14" s="62">
        <v>259</v>
      </c>
      <c r="JF14" s="63">
        <v>440</v>
      </c>
      <c r="JG14" s="60">
        <v>99</v>
      </c>
      <c r="JH14" s="61">
        <v>67</v>
      </c>
      <c r="JI14" s="62">
        <v>166</v>
      </c>
      <c r="JJ14" s="228"/>
      <c r="JK14" s="61">
        <v>118</v>
      </c>
      <c r="JL14" s="61">
        <v>67</v>
      </c>
      <c r="JM14" s="61">
        <v>57</v>
      </c>
      <c r="JN14" s="61">
        <v>60</v>
      </c>
      <c r="JO14" s="61">
        <v>42</v>
      </c>
      <c r="JP14" s="62">
        <v>344</v>
      </c>
      <c r="JQ14" s="63">
        <v>510</v>
      </c>
      <c r="JR14" s="60">
        <v>0</v>
      </c>
      <c r="JS14" s="61">
        <v>0</v>
      </c>
      <c r="JT14" s="62">
        <v>0</v>
      </c>
      <c r="JU14" s="228"/>
      <c r="JV14" s="61">
        <v>0</v>
      </c>
      <c r="JW14" s="61">
        <v>0</v>
      </c>
      <c r="JX14" s="61">
        <v>0</v>
      </c>
      <c r="JY14" s="61">
        <v>0</v>
      </c>
      <c r="JZ14" s="61">
        <v>0</v>
      </c>
      <c r="KA14" s="62">
        <v>0</v>
      </c>
      <c r="KB14" s="63">
        <v>0</v>
      </c>
      <c r="KC14" s="60">
        <v>379</v>
      </c>
      <c r="KD14" s="61">
        <v>263</v>
      </c>
      <c r="KE14" s="62">
        <v>642</v>
      </c>
      <c r="KF14" s="228"/>
      <c r="KG14" s="61">
        <v>392</v>
      </c>
      <c r="KH14" s="61">
        <v>220</v>
      </c>
      <c r="KI14" s="61">
        <v>146</v>
      </c>
      <c r="KJ14" s="61">
        <v>129</v>
      </c>
      <c r="KK14" s="61">
        <v>112</v>
      </c>
      <c r="KL14" s="62">
        <v>999</v>
      </c>
      <c r="KM14" s="63">
        <v>1641</v>
      </c>
    </row>
    <row r="15" spans="2:299" ht="21" customHeight="1" x14ac:dyDescent="0.2">
      <c r="B15" s="472" t="s">
        <v>11</v>
      </c>
      <c r="C15" s="293">
        <v>53</v>
      </c>
      <c r="D15" s="72">
        <v>40</v>
      </c>
      <c r="E15" s="73">
        <v>93</v>
      </c>
      <c r="F15" s="228"/>
      <c r="G15" s="72">
        <v>100</v>
      </c>
      <c r="H15" s="72">
        <v>41</v>
      </c>
      <c r="I15" s="72">
        <v>41</v>
      </c>
      <c r="J15" s="72">
        <v>31</v>
      </c>
      <c r="K15" s="72">
        <v>11</v>
      </c>
      <c r="L15" s="74">
        <v>224</v>
      </c>
      <c r="M15" s="75">
        <v>317</v>
      </c>
      <c r="N15" s="60">
        <v>1</v>
      </c>
      <c r="O15" s="61">
        <v>1</v>
      </c>
      <c r="P15" s="62">
        <v>2</v>
      </c>
      <c r="Q15" s="228"/>
      <c r="R15" s="61">
        <v>6</v>
      </c>
      <c r="S15" s="61">
        <v>0</v>
      </c>
      <c r="T15" s="61">
        <v>0</v>
      </c>
      <c r="U15" s="61">
        <v>2</v>
      </c>
      <c r="V15" s="61">
        <v>0</v>
      </c>
      <c r="W15" s="62">
        <v>8</v>
      </c>
      <c r="X15" s="63">
        <v>10</v>
      </c>
      <c r="Y15" s="60">
        <v>3</v>
      </c>
      <c r="Z15" s="61">
        <v>0</v>
      </c>
      <c r="AA15" s="62">
        <v>3</v>
      </c>
      <c r="AB15" s="228"/>
      <c r="AC15" s="61">
        <v>7</v>
      </c>
      <c r="AD15" s="61">
        <v>1</v>
      </c>
      <c r="AE15" s="61">
        <v>5</v>
      </c>
      <c r="AF15" s="61">
        <v>1</v>
      </c>
      <c r="AG15" s="61">
        <v>1</v>
      </c>
      <c r="AH15" s="62">
        <v>15</v>
      </c>
      <c r="AI15" s="63">
        <v>18</v>
      </c>
      <c r="AJ15" s="60">
        <v>10</v>
      </c>
      <c r="AK15" s="61">
        <v>9</v>
      </c>
      <c r="AL15" s="62">
        <v>19</v>
      </c>
      <c r="AM15" s="228"/>
      <c r="AN15" s="61">
        <v>22</v>
      </c>
      <c r="AO15" s="61">
        <v>6</v>
      </c>
      <c r="AP15" s="61">
        <v>5</v>
      </c>
      <c r="AQ15" s="61">
        <v>3</v>
      </c>
      <c r="AR15" s="61">
        <v>1</v>
      </c>
      <c r="AS15" s="62">
        <v>37</v>
      </c>
      <c r="AT15" s="63">
        <v>56</v>
      </c>
      <c r="AU15" s="60">
        <v>9</v>
      </c>
      <c r="AV15" s="61">
        <v>7</v>
      </c>
      <c r="AW15" s="62">
        <v>16</v>
      </c>
      <c r="AX15" s="228"/>
      <c r="AY15" s="61">
        <v>22</v>
      </c>
      <c r="AZ15" s="61">
        <v>13</v>
      </c>
      <c r="BA15" s="61">
        <v>9</v>
      </c>
      <c r="BB15" s="61">
        <v>11</v>
      </c>
      <c r="BC15" s="61">
        <v>2</v>
      </c>
      <c r="BD15" s="62">
        <v>57</v>
      </c>
      <c r="BE15" s="63">
        <v>73</v>
      </c>
      <c r="BF15" s="60">
        <v>20</v>
      </c>
      <c r="BG15" s="61">
        <v>14</v>
      </c>
      <c r="BH15" s="62">
        <v>34</v>
      </c>
      <c r="BI15" s="228"/>
      <c r="BJ15" s="61">
        <v>24</v>
      </c>
      <c r="BK15" s="61">
        <v>13</v>
      </c>
      <c r="BL15" s="61">
        <v>7</v>
      </c>
      <c r="BM15" s="61">
        <v>7</v>
      </c>
      <c r="BN15" s="61">
        <v>5</v>
      </c>
      <c r="BO15" s="62">
        <v>56</v>
      </c>
      <c r="BP15" s="63">
        <v>90</v>
      </c>
      <c r="BQ15" s="60">
        <v>10</v>
      </c>
      <c r="BR15" s="61">
        <v>9</v>
      </c>
      <c r="BS15" s="62">
        <v>19</v>
      </c>
      <c r="BT15" s="228"/>
      <c r="BU15" s="61">
        <v>19</v>
      </c>
      <c r="BV15" s="61">
        <v>8</v>
      </c>
      <c r="BW15" s="61">
        <v>15</v>
      </c>
      <c r="BX15" s="61">
        <v>7</v>
      </c>
      <c r="BY15" s="61">
        <v>2</v>
      </c>
      <c r="BZ15" s="62">
        <v>51</v>
      </c>
      <c r="CA15" s="63">
        <v>70</v>
      </c>
      <c r="CB15" s="60">
        <v>0</v>
      </c>
      <c r="CC15" s="61">
        <v>0</v>
      </c>
      <c r="CD15" s="62">
        <v>0</v>
      </c>
      <c r="CE15" s="228"/>
      <c r="CF15" s="61">
        <v>0</v>
      </c>
      <c r="CG15" s="61">
        <v>0</v>
      </c>
      <c r="CH15" s="61">
        <v>0</v>
      </c>
      <c r="CI15" s="61">
        <v>0</v>
      </c>
      <c r="CJ15" s="61">
        <v>0</v>
      </c>
      <c r="CK15" s="62">
        <v>0</v>
      </c>
      <c r="CL15" s="63">
        <v>0</v>
      </c>
      <c r="CM15" s="60">
        <v>53</v>
      </c>
      <c r="CN15" s="61">
        <v>40</v>
      </c>
      <c r="CO15" s="62">
        <v>93</v>
      </c>
      <c r="CP15" s="228"/>
      <c r="CQ15" s="61">
        <v>100</v>
      </c>
      <c r="CR15" s="61">
        <v>41</v>
      </c>
      <c r="CS15" s="61">
        <v>41</v>
      </c>
      <c r="CT15" s="61">
        <v>31</v>
      </c>
      <c r="CU15" s="61">
        <v>11</v>
      </c>
      <c r="CV15" s="62">
        <v>224</v>
      </c>
      <c r="CW15" s="63">
        <v>317</v>
      </c>
      <c r="CX15" s="113">
        <v>23</v>
      </c>
      <c r="CY15" s="72">
        <v>19</v>
      </c>
      <c r="CZ15" s="73">
        <v>42</v>
      </c>
      <c r="DA15" s="228"/>
      <c r="DB15" s="72">
        <v>48</v>
      </c>
      <c r="DC15" s="72">
        <v>18</v>
      </c>
      <c r="DD15" s="72">
        <v>25</v>
      </c>
      <c r="DE15" s="72">
        <v>34</v>
      </c>
      <c r="DF15" s="72">
        <v>11</v>
      </c>
      <c r="DG15" s="74">
        <v>136</v>
      </c>
      <c r="DH15" s="75">
        <v>178</v>
      </c>
      <c r="DI15" s="60">
        <v>0</v>
      </c>
      <c r="DJ15" s="61">
        <v>1</v>
      </c>
      <c r="DK15" s="62">
        <v>1</v>
      </c>
      <c r="DL15" s="228"/>
      <c r="DM15" s="61">
        <v>3</v>
      </c>
      <c r="DN15" s="61">
        <v>0</v>
      </c>
      <c r="DO15" s="61">
        <v>0</v>
      </c>
      <c r="DP15" s="61">
        <v>0</v>
      </c>
      <c r="DQ15" s="61">
        <v>0</v>
      </c>
      <c r="DR15" s="62">
        <v>3</v>
      </c>
      <c r="DS15" s="63">
        <v>4</v>
      </c>
      <c r="DT15" s="60">
        <v>0</v>
      </c>
      <c r="DU15" s="61">
        <v>1</v>
      </c>
      <c r="DV15" s="62">
        <v>1</v>
      </c>
      <c r="DW15" s="228"/>
      <c r="DX15" s="61">
        <v>3</v>
      </c>
      <c r="DY15" s="61">
        <v>1</v>
      </c>
      <c r="DZ15" s="61">
        <v>0</v>
      </c>
      <c r="EA15" s="61">
        <v>2</v>
      </c>
      <c r="EB15" s="61">
        <v>1</v>
      </c>
      <c r="EC15" s="62">
        <v>7</v>
      </c>
      <c r="ED15" s="63">
        <v>8</v>
      </c>
      <c r="EE15" s="60">
        <v>3</v>
      </c>
      <c r="EF15" s="61">
        <v>3</v>
      </c>
      <c r="EG15" s="62">
        <v>6</v>
      </c>
      <c r="EH15" s="228"/>
      <c r="EI15" s="61">
        <v>5</v>
      </c>
      <c r="EJ15" s="61">
        <v>2</v>
      </c>
      <c r="EK15" s="61">
        <v>1</v>
      </c>
      <c r="EL15" s="61">
        <v>1</v>
      </c>
      <c r="EM15" s="61">
        <v>2</v>
      </c>
      <c r="EN15" s="62">
        <v>11</v>
      </c>
      <c r="EO15" s="63">
        <v>17</v>
      </c>
      <c r="EP15" s="60">
        <v>3</v>
      </c>
      <c r="EQ15" s="61">
        <v>4</v>
      </c>
      <c r="ER15" s="62">
        <v>7</v>
      </c>
      <c r="ES15" s="228"/>
      <c r="ET15" s="61">
        <v>9</v>
      </c>
      <c r="EU15" s="61">
        <v>3</v>
      </c>
      <c r="EV15" s="61">
        <v>3</v>
      </c>
      <c r="EW15" s="61">
        <v>3</v>
      </c>
      <c r="EX15" s="61">
        <v>1</v>
      </c>
      <c r="EY15" s="62">
        <v>19</v>
      </c>
      <c r="EZ15" s="63">
        <v>26</v>
      </c>
      <c r="FA15" s="60">
        <v>15</v>
      </c>
      <c r="FB15" s="61">
        <v>5</v>
      </c>
      <c r="FC15" s="62">
        <v>20</v>
      </c>
      <c r="FD15" s="228"/>
      <c r="FE15" s="61">
        <v>16</v>
      </c>
      <c r="FF15" s="61">
        <v>8</v>
      </c>
      <c r="FG15" s="61">
        <v>9</v>
      </c>
      <c r="FH15" s="61">
        <v>8</v>
      </c>
      <c r="FI15" s="61">
        <v>3</v>
      </c>
      <c r="FJ15" s="62">
        <v>44</v>
      </c>
      <c r="FK15" s="63">
        <v>64</v>
      </c>
      <c r="FL15" s="60">
        <v>2</v>
      </c>
      <c r="FM15" s="61">
        <v>5</v>
      </c>
      <c r="FN15" s="62">
        <v>7</v>
      </c>
      <c r="FO15" s="228"/>
      <c r="FP15" s="61">
        <v>12</v>
      </c>
      <c r="FQ15" s="61">
        <v>4</v>
      </c>
      <c r="FR15" s="61">
        <v>12</v>
      </c>
      <c r="FS15" s="61">
        <v>20</v>
      </c>
      <c r="FT15" s="61">
        <v>4</v>
      </c>
      <c r="FU15" s="62">
        <v>52</v>
      </c>
      <c r="FV15" s="63">
        <v>59</v>
      </c>
      <c r="FW15" s="60">
        <v>0</v>
      </c>
      <c r="FX15" s="61">
        <v>0</v>
      </c>
      <c r="FY15" s="62">
        <v>0</v>
      </c>
      <c r="FZ15" s="228"/>
      <c r="GA15" s="61">
        <v>0</v>
      </c>
      <c r="GB15" s="61">
        <v>0</v>
      </c>
      <c r="GC15" s="61">
        <v>0</v>
      </c>
      <c r="GD15" s="61">
        <v>0</v>
      </c>
      <c r="GE15" s="61">
        <v>0</v>
      </c>
      <c r="GF15" s="62">
        <v>0</v>
      </c>
      <c r="GG15" s="63">
        <v>0</v>
      </c>
      <c r="GH15" s="60">
        <v>23</v>
      </c>
      <c r="GI15" s="61">
        <v>19</v>
      </c>
      <c r="GJ15" s="62">
        <v>42</v>
      </c>
      <c r="GK15" s="228"/>
      <c r="GL15" s="61">
        <v>48</v>
      </c>
      <c r="GM15" s="61">
        <v>18</v>
      </c>
      <c r="GN15" s="61">
        <v>25</v>
      </c>
      <c r="GO15" s="61">
        <v>34</v>
      </c>
      <c r="GP15" s="61">
        <v>11</v>
      </c>
      <c r="GQ15" s="62">
        <v>136</v>
      </c>
      <c r="GR15" s="63">
        <v>178</v>
      </c>
      <c r="GS15" s="113">
        <v>76</v>
      </c>
      <c r="GT15" s="72">
        <v>59</v>
      </c>
      <c r="GU15" s="73">
        <v>135</v>
      </c>
      <c r="GV15" s="228"/>
      <c r="GW15" s="72">
        <v>148</v>
      </c>
      <c r="GX15" s="72">
        <v>59</v>
      </c>
      <c r="GY15" s="72">
        <v>66</v>
      </c>
      <c r="GZ15" s="72">
        <v>65</v>
      </c>
      <c r="HA15" s="72">
        <v>22</v>
      </c>
      <c r="HB15" s="74">
        <v>360</v>
      </c>
      <c r="HC15" s="75">
        <v>495</v>
      </c>
      <c r="HD15" s="60">
        <v>1</v>
      </c>
      <c r="HE15" s="61">
        <v>2</v>
      </c>
      <c r="HF15" s="62">
        <v>3</v>
      </c>
      <c r="HG15" s="228"/>
      <c r="HH15" s="61">
        <v>9</v>
      </c>
      <c r="HI15" s="61">
        <v>0</v>
      </c>
      <c r="HJ15" s="61">
        <v>0</v>
      </c>
      <c r="HK15" s="61">
        <v>2</v>
      </c>
      <c r="HL15" s="61">
        <v>0</v>
      </c>
      <c r="HM15" s="62">
        <v>11</v>
      </c>
      <c r="HN15" s="63">
        <v>14</v>
      </c>
      <c r="HO15" s="60">
        <v>3</v>
      </c>
      <c r="HP15" s="61">
        <v>1</v>
      </c>
      <c r="HQ15" s="62">
        <v>4</v>
      </c>
      <c r="HR15" s="228"/>
      <c r="HS15" s="61">
        <v>10</v>
      </c>
      <c r="HT15" s="61">
        <v>2</v>
      </c>
      <c r="HU15" s="61">
        <v>5</v>
      </c>
      <c r="HV15" s="61">
        <v>3</v>
      </c>
      <c r="HW15" s="61">
        <v>2</v>
      </c>
      <c r="HX15" s="62">
        <v>22</v>
      </c>
      <c r="HY15" s="63">
        <v>26</v>
      </c>
      <c r="HZ15" s="60">
        <v>13</v>
      </c>
      <c r="IA15" s="61">
        <v>12</v>
      </c>
      <c r="IB15" s="62">
        <v>25</v>
      </c>
      <c r="IC15" s="228"/>
      <c r="ID15" s="61">
        <v>27</v>
      </c>
      <c r="IE15" s="61">
        <v>8</v>
      </c>
      <c r="IF15" s="61">
        <v>6</v>
      </c>
      <c r="IG15" s="61">
        <v>4</v>
      </c>
      <c r="IH15" s="61">
        <v>3</v>
      </c>
      <c r="II15" s="62">
        <v>48</v>
      </c>
      <c r="IJ15" s="63">
        <v>73</v>
      </c>
      <c r="IK15" s="60">
        <v>12</v>
      </c>
      <c r="IL15" s="61">
        <v>11</v>
      </c>
      <c r="IM15" s="62">
        <v>23</v>
      </c>
      <c r="IN15" s="228"/>
      <c r="IO15" s="61">
        <v>31</v>
      </c>
      <c r="IP15" s="61">
        <v>16</v>
      </c>
      <c r="IQ15" s="61">
        <v>12</v>
      </c>
      <c r="IR15" s="61">
        <v>14</v>
      </c>
      <c r="IS15" s="61">
        <v>3</v>
      </c>
      <c r="IT15" s="62">
        <v>76</v>
      </c>
      <c r="IU15" s="63">
        <v>99</v>
      </c>
      <c r="IV15" s="60">
        <v>35</v>
      </c>
      <c r="IW15" s="61">
        <v>19</v>
      </c>
      <c r="IX15" s="62">
        <v>54</v>
      </c>
      <c r="IY15" s="228"/>
      <c r="IZ15" s="61">
        <v>40</v>
      </c>
      <c r="JA15" s="61">
        <v>21</v>
      </c>
      <c r="JB15" s="61">
        <v>16</v>
      </c>
      <c r="JC15" s="61">
        <v>15</v>
      </c>
      <c r="JD15" s="61">
        <v>8</v>
      </c>
      <c r="JE15" s="62">
        <v>100</v>
      </c>
      <c r="JF15" s="63">
        <v>154</v>
      </c>
      <c r="JG15" s="60">
        <v>12</v>
      </c>
      <c r="JH15" s="61">
        <v>14</v>
      </c>
      <c r="JI15" s="62">
        <v>26</v>
      </c>
      <c r="JJ15" s="228"/>
      <c r="JK15" s="61">
        <v>31</v>
      </c>
      <c r="JL15" s="61">
        <v>12</v>
      </c>
      <c r="JM15" s="61">
        <v>27</v>
      </c>
      <c r="JN15" s="61">
        <v>27</v>
      </c>
      <c r="JO15" s="61">
        <v>6</v>
      </c>
      <c r="JP15" s="62">
        <v>103</v>
      </c>
      <c r="JQ15" s="63">
        <v>129</v>
      </c>
      <c r="JR15" s="60">
        <v>0</v>
      </c>
      <c r="JS15" s="61">
        <v>0</v>
      </c>
      <c r="JT15" s="62">
        <v>0</v>
      </c>
      <c r="JU15" s="228"/>
      <c r="JV15" s="61">
        <v>0</v>
      </c>
      <c r="JW15" s="61">
        <v>0</v>
      </c>
      <c r="JX15" s="61">
        <v>0</v>
      </c>
      <c r="JY15" s="61">
        <v>0</v>
      </c>
      <c r="JZ15" s="61">
        <v>0</v>
      </c>
      <c r="KA15" s="62">
        <v>0</v>
      </c>
      <c r="KB15" s="63">
        <v>0</v>
      </c>
      <c r="KC15" s="60">
        <v>76</v>
      </c>
      <c r="KD15" s="61">
        <v>59</v>
      </c>
      <c r="KE15" s="62">
        <v>135</v>
      </c>
      <c r="KF15" s="228"/>
      <c r="KG15" s="61">
        <v>148</v>
      </c>
      <c r="KH15" s="61">
        <v>59</v>
      </c>
      <c r="KI15" s="61">
        <v>66</v>
      </c>
      <c r="KJ15" s="61">
        <v>65</v>
      </c>
      <c r="KK15" s="61">
        <v>22</v>
      </c>
      <c r="KL15" s="62">
        <v>360</v>
      </c>
      <c r="KM15" s="63">
        <v>495</v>
      </c>
    </row>
    <row r="16" spans="2:299" ht="21" customHeight="1" x14ac:dyDescent="0.2">
      <c r="B16" s="472" t="s">
        <v>12</v>
      </c>
      <c r="C16" s="293">
        <v>133</v>
      </c>
      <c r="D16" s="72">
        <v>108</v>
      </c>
      <c r="E16" s="73">
        <v>241</v>
      </c>
      <c r="F16" s="228"/>
      <c r="G16" s="72">
        <v>115</v>
      </c>
      <c r="H16" s="72">
        <v>84</v>
      </c>
      <c r="I16" s="72">
        <v>52</v>
      </c>
      <c r="J16" s="72">
        <v>57</v>
      </c>
      <c r="K16" s="72">
        <v>37</v>
      </c>
      <c r="L16" s="74">
        <v>345</v>
      </c>
      <c r="M16" s="75">
        <v>586</v>
      </c>
      <c r="N16" s="76">
        <v>5</v>
      </c>
      <c r="O16" s="61">
        <v>5</v>
      </c>
      <c r="P16" s="62">
        <v>10</v>
      </c>
      <c r="Q16" s="228"/>
      <c r="R16" s="61">
        <v>1</v>
      </c>
      <c r="S16" s="61">
        <v>3</v>
      </c>
      <c r="T16" s="61">
        <v>3</v>
      </c>
      <c r="U16" s="61">
        <v>3</v>
      </c>
      <c r="V16" s="61">
        <v>1</v>
      </c>
      <c r="W16" s="62">
        <v>11</v>
      </c>
      <c r="X16" s="63">
        <v>21</v>
      </c>
      <c r="Y16" s="60">
        <v>9</v>
      </c>
      <c r="Z16" s="61">
        <v>11</v>
      </c>
      <c r="AA16" s="62">
        <v>20</v>
      </c>
      <c r="AB16" s="228"/>
      <c r="AC16" s="61">
        <v>7</v>
      </c>
      <c r="AD16" s="61">
        <v>5</v>
      </c>
      <c r="AE16" s="61">
        <v>3</v>
      </c>
      <c r="AF16" s="61">
        <v>2</v>
      </c>
      <c r="AG16" s="61">
        <v>2</v>
      </c>
      <c r="AH16" s="62">
        <v>19</v>
      </c>
      <c r="AI16" s="63">
        <v>39</v>
      </c>
      <c r="AJ16" s="76">
        <v>15</v>
      </c>
      <c r="AK16" s="61">
        <v>11</v>
      </c>
      <c r="AL16" s="62">
        <v>26</v>
      </c>
      <c r="AM16" s="228"/>
      <c r="AN16" s="61">
        <v>9</v>
      </c>
      <c r="AO16" s="61">
        <v>9</v>
      </c>
      <c r="AP16" s="61">
        <v>2</v>
      </c>
      <c r="AQ16" s="61">
        <v>8</v>
      </c>
      <c r="AR16" s="61">
        <v>3</v>
      </c>
      <c r="AS16" s="62">
        <v>31</v>
      </c>
      <c r="AT16" s="63">
        <v>57</v>
      </c>
      <c r="AU16" s="60">
        <v>29</v>
      </c>
      <c r="AV16" s="61">
        <v>29</v>
      </c>
      <c r="AW16" s="62">
        <v>58</v>
      </c>
      <c r="AX16" s="228"/>
      <c r="AY16" s="61">
        <v>24</v>
      </c>
      <c r="AZ16" s="61">
        <v>20</v>
      </c>
      <c r="BA16" s="61">
        <v>14</v>
      </c>
      <c r="BB16" s="61">
        <v>12</v>
      </c>
      <c r="BC16" s="61">
        <v>12</v>
      </c>
      <c r="BD16" s="62">
        <v>82</v>
      </c>
      <c r="BE16" s="63">
        <v>140</v>
      </c>
      <c r="BF16" s="76">
        <v>42</v>
      </c>
      <c r="BG16" s="61">
        <v>25</v>
      </c>
      <c r="BH16" s="62">
        <v>67</v>
      </c>
      <c r="BI16" s="228"/>
      <c r="BJ16" s="61">
        <v>39</v>
      </c>
      <c r="BK16" s="61">
        <v>25</v>
      </c>
      <c r="BL16" s="61">
        <v>17</v>
      </c>
      <c r="BM16" s="61">
        <v>19</v>
      </c>
      <c r="BN16" s="61">
        <v>7</v>
      </c>
      <c r="BO16" s="62">
        <v>107</v>
      </c>
      <c r="BP16" s="63">
        <v>174</v>
      </c>
      <c r="BQ16" s="60">
        <v>33</v>
      </c>
      <c r="BR16" s="61">
        <v>27</v>
      </c>
      <c r="BS16" s="62">
        <v>60</v>
      </c>
      <c r="BT16" s="228"/>
      <c r="BU16" s="61">
        <v>35</v>
      </c>
      <c r="BV16" s="61">
        <v>22</v>
      </c>
      <c r="BW16" s="61">
        <v>13</v>
      </c>
      <c r="BX16" s="61">
        <v>13</v>
      </c>
      <c r="BY16" s="61">
        <v>12</v>
      </c>
      <c r="BZ16" s="62">
        <v>95</v>
      </c>
      <c r="CA16" s="63">
        <v>155</v>
      </c>
      <c r="CB16" s="60">
        <v>0</v>
      </c>
      <c r="CC16" s="61">
        <v>0</v>
      </c>
      <c r="CD16" s="62">
        <v>0</v>
      </c>
      <c r="CE16" s="228"/>
      <c r="CF16" s="61">
        <v>0</v>
      </c>
      <c r="CG16" s="61">
        <v>0</v>
      </c>
      <c r="CH16" s="61">
        <v>0</v>
      </c>
      <c r="CI16" s="61">
        <v>0</v>
      </c>
      <c r="CJ16" s="61">
        <v>0</v>
      </c>
      <c r="CK16" s="62">
        <v>0</v>
      </c>
      <c r="CL16" s="63">
        <v>0</v>
      </c>
      <c r="CM16" s="60">
        <v>133</v>
      </c>
      <c r="CN16" s="61">
        <v>108</v>
      </c>
      <c r="CO16" s="62">
        <v>241</v>
      </c>
      <c r="CP16" s="228"/>
      <c r="CQ16" s="61">
        <v>115</v>
      </c>
      <c r="CR16" s="61">
        <v>84</v>
      </c>
      <c r="CS16" s="61">
        <v>52</v>
      </c>
      <c r="CT16" s="61">
        <v>57</v>
      </c>
      <c r="CU16" s="61">
        <v>37</v>
      </c>
      <c r="CV16" s="62">
        <v>345</v>
      </c>
      <c r="CW16" s="63">
        <v>586</v>
      </c>
      <c r="CX16" s="113">
        <v>38</v>
      </c>
      <c r="CY16" s="72">
        <v>35</v>
      </c>
      <c r="CZ16" s="73">
        <v>73</v>
      </c>
      <c r="DA16" s="228"/>
      <c r="DB16" s="72">
        <v>37</v>
      </c>
      <c r="DC16" s="72">
        <v>27</v>
      </c>
      <c r="DD16" s="72">
        <v>23</v>
      </c>
      <c r="DE16" s="72">
        <v>36</v>
      </c>
      <c r="DF16" s="72">
        <v>11</v>
      </c>
      <c r="DG16" s="74">
        <v>134</v>
      </c>
      <c r="DH16" s="75">
        <v>207</v>
      </c>
      <c r="DI16" s="76">
        <v>2</v>
      </c>
      <c r="DJ16" s="61">
        <v>0</v>
      </c>
      <c r="DK16" s="62">
        <v>2</v>
      </c>
      <c r="DL16" s="228"/>
      <c r="DM16" s="61">
        <v>0</v>
      </c>
      <c r="DN16" s="61">
        <v>0</v>
      </c>
      <c r="DO16" s="61">
        <v>1</v>
      </c>
      <c r="DP16" s="61">
        <v>0</v>
      </c>
      <c r="DQ16" s="61">
        <v>0</v>
      </c>
      <c r="DR16" s="62">
        <v>1</v>
      </c>
      <c r="DS16" s="63">
        <v>3</v>
      </c>
      <c r="DT16" s="60">
        <v>3</v>
      </c>
      <c r="DU16" s="61">
        <v>1</v>
      </c>
      <c r="DV16" s="62">
        <v>4</v>
      </c>
      <c r="DW16" s="228"/>
      <c r="DX16" s="61">
        <v>1</v>
      </c>
      <c r="DY16" s="61">
        <v>1</v>
      </c>
      <c r="DZ16" s="61">
        <v>0</v>
      </c>
      <c r="EA16" s="61">
        <v>1</v>
      </c>
      <c r="EB16" s="61">
        <v>1</v>
      </c>
      <c r="EC16" s="62">
        <v>4</v>
      </c>
      <c r="ED16" s="63">
        <v>8</v>
      </c>
      <c r="EE16" s="76">
        <v>7</v>
      </c>
      <c r="EF16" s="61">
        <v>3</v>
      </c>
      <c r="EG16" s="62">
        <v>10</v>
      </c>
      <c r="EH16" s="228"/>
      <c r="EI16" s="61">
        <v>3</v>
      </c>
      <c r="EJ16" s="61">
        <v>3</v>
      </c>
      <c r="EK16" s="61">
        <v>0</v>
      </c>
      <c r="EL16" s="61">
        <v>1</v>
      </c>
      <c r="EM16" s="61">
        <v>2</v>
      </c>
      <c r="EN16" s="62">
        <v>9</v>
      </c>
      <c r="EO16" s="63">
        <v>19</v>
      </c>
      <c r="EP16" s="60">
        <v>8</v>
      </c>
      <c r="EQ16" s="61">
        <v>13</v>
      </c>
      <c r="ER16" s="62">
        <v>21</v>
      </c>
      <c r="ES16" s="228"/>
      <c r="ET16" s="61">
        <v>9</v>
      </c>
      <c r="EU16" s="61">
        <v>5</v>
      </c>
      <c r="EV16" s="61">
        <v>5</v>
      </c>
      <c r="EW16" s="61">
        <v>6</v>
      </c>
      <c r="EX16" s="61">
        <v>3</v>
      </c>
      <c r="EY16" s="62">
        <v>28</v>
      </c>
      <c r="EZ16" s="63">
        <v>49</v>
      </c>
      <c r="FA16" s="76">
        <v>12</v>
      </c>
      <c r="FB16" s="61">
        <v>11</v>
      </c>
      <c r="FC16" s="62">
        <v>23</v>
      </c>
      <c r="FD16" s="228"/>
      <c r="FE16" s="61">
        <v>9</v>
      </c>
      <c r="FF16" s="61">
        <v>11</v>
      </c>
      <c r="FG16" s="61">
        <v>8</v>
      </c>
      <c r="FH16" s="61">
        <v>5</v>
      </c>
      <c r="FI16" s="61">
        <v>1</v>
      </c>
      <c r="FJ16" s="62">
        <v>34</v>
      </c>
      <c r="FK16" s="63">
        <v>57</v>
      </c>
      <c r="FL16" s="60">
        <v>6</v>
      </c>
      <c r="FM16" s="61">
        <v>7</v>
      </c>
      <c r="FN16" s="62">
        <v>13</v>
      </c>
      <c r="FO16" s="228"/>
      <c r="FP16" s="61">
        <v>15</v>
      </c>
      <c r="FQ16" s="61">
        <v>7</v>
      </c>
      <c r="FR16" s="61">
        <v>9</v>
      </c>
      <c r="FS16" s="61">
        <v>23</v>
      </c>
      <c r="FT16" s="61">
        <v>4</v>
      </c>
      <c r="FU16" s="62">
        <v>58</v>
      </c>
      <c r="FV16" s="63">
        <v>71</v>
      </c>
      <c r="FW16" s="60">
        <v>0</v>
      </c>
      <c r="FX16" s="61">
        <v>0</v>
      </c>
      <c r="FY16" s="62">
        <v>0</v>
      </c>
      <c r="FZ16" s="228"/>
      <c r="GA16" s="61">
        <v>0</v>
      </c>
      <c r="GB16" s="61">
        <v>0</v>
      </c>
      <c r="GC16" s="61">
        <v>0</v>
      </c>
      <c r="GD16" s="61">
        <v>0</v>
      </c>
      <c r="GE16" s="61">
        <v>0</v>
      </c>
      <c r="GF16" s="62">
        <v>0</v>
      </c>
      <c r="GG16" s="63">
        <v>0</v>
      </c>
      <c r="GH16" s="60">
        <v>38</v>
      </c>
      <c r="GI16" s="61">
        <v>35</v>
      </c>
      <c r="GJ16" s="62">
        <v>73</v>
      </c>
      <c r="GK16" s="228"/>
      <c r="GL16" s="61">
        <v>37</v>
      </c>
      <c r="GM16" s="61">
        <v>27</v>
      </c>
      <c r="GN16" s="61">
        <v>23</v>
      </c>
      <c r="GO16" s="61">
        <v>36</v>
      </c>
      <c r="GP16" s="61">
        <v>11</v>
      </c>
      <c r="GQ16" s="62">
        <v>134</v>
      </c>
      <c r="GR16" s="63">
        <v>207</v>
      </c>
      <c r="GS16" s="113">
        <v>171</v>
      </c>
      <c r="GT16" s="72">
        <v>143</v>
      </c>
      <c r="GU16" s="73">
        <v>314</v>
      </c>
      <c r="GV16" s="228"/>
      <c r="GW16" s="72">
        <v>152</v>
      </c>
      <c r="GX16" s="72">
        <v>111</v>
      </c>
      <c r="GY16" s="72">
        <v>75</v>
      </c>
      <c r="GZ16" s="72">
        <v>93</v>
      </c>
      <c r="HA16" s="72">
        <v>48</v>
      </c>
      <c r="HB16" s="74">
        <v>479</v>
      </c>
      <c r="HC16" s="75">
        <v>793</v>
      </c>
      <c r="HD16" s="76">
        <v>7</v>
      </c>
      <c r="HE16" s="61">
        <v>5</v>
      </c>
      <c r="HF16" s="62">
        <v>12</v>
      </c>
      <c r="HG16" s="228"/>
      <c r="HH16" s="61">
        <v>1</v>
      </c>
      <c r="HI16" s="61">
        <v>3</v>
      </c>
      <c r="HJ16" s="61">
        <v>4</v>
      </c>
      <c r="HK16" s="61">
        <v>3</v>
      </c>
      <c r="HL16" s="61">
        <v>1</v>
      </c>
      <c r="HM16" s="62">
        <v>12</v>
      </c>
      <c r="HN16" s="63">
        <v>24</v>
      </c>
      <c r="HO16" s="60">
        <v>12</v>
      </c>
      <c r="HP16" s="61">
        <v>12</v>
      </c>
      <c r="HQ16" s="62">
        <v>24</v>
      </c>
      <c r="HR16" s="228"/>
      <c r="HS16" s="61">
        <v>8</v>
      </c>
      <c r="HT16" s="61">
        <v>6</v>
      </c>
      <c r="HU16" s="61">
        <v>3</v>
      </c>
      <c r="HV16" s="61">
        <v>3</v>
      </c>
      <c r="HW16" s="61">
        <v>3</v>
      </c>
      <c r="HX16" s="62">
        <v>23</v>
      </c>
      <c r="HY16" s="63">
        <v>47</v>
      </c>
      <c r="HZ16" s="76">
        <v>22</v>
      </c>
      <c r="IA16" s="61">
        <v>14</v>
      </c>
      <c r="IB16" s="62">
        <v>36</v>
      </c>
      <c r="IC16" s="228"/>
      <c r="ID16" s="61">
        <v>12</v>
      </c>
      <c r="IE16" s="61">
        <v>12</v>
      </c>
      <c r="IF16" s="61">
        <v>2</v>
      </c>
      <c r="IG16" s="61">
        <v>9</v>
      </c>
      <c r="IH16" s="61">
        <v>5</v>
      </c>
      <c r="II16" s="62">
        <v>40</v>
      </c>
      <c r="IJ16" s="63">
        <v>76</v>
      </c>
      <c r="IK16" s="60">
        <v>37</v>
      </c>
      <c r="IL16" s="61">
        <v>42</v>
      </c>
      <c r="IM16" s="62">
        <v>79</v>
      </c>
      <c r="IN16" s="228"/>
      <c r="IO16" s="61">
        <v>33</v>
      </c>
      <c r="IP16" s="61">
        <v>25</v>
      </c>
      <c r="IQ16" s="61">
        <v>19</v>
      </c>
      <c r="IR16" s="61">
        <v>18</v>
      </c>
      <c r="IS16" s="61">
        <v>15</v>
      </c>
      <c r="IT16" s="62">
        <v>110</v>
      </c>
      <c r="IU16" s="63">
        <v>189</v>
      </c>
      <c r="IV16" s="76">
        <v>54</v>
      </c>
      <c r="IW16" s="61">
        <v>36</v>
      </c>
      <c r="IX16" s="62">
        <v>90</v>
      </c>
      <c r="IY16" s="228"/>
      <c r="IZ16" s="61">
        <v>48</v>
      </c>
      <c r="JA16" s="61">
        <v>36</v>
      </c>
      <c r="JB16" s="61">
        <v>25</v>
      </c>
      <c r="JC16" s="61">
        <v>24</v>
      </c>
      <c r="JD16" s="61">
        <v>8</v>
      </c>
      <c r="JE16" s="62">
        <v>141</v>
      </c>
      <c r="JF16" s="63">
        <v>231</v>
      </c>
      <c r="JG16" s="60">
        <v>39</v>
      </c>
      <c r="JH16" s="61">
        <v>34</v>
      </c>
      <c r="JI16" s="62">
        <v>73</v>
      </c>
      <c r="JJ16" s="228"/>
      <c r="JK16" s="61">
        <v>50</v>
      </c>
      <c r="JL16" s="61">
        <v>29</v>
      </c>
      <c r="JM16" s="61">
        <v>22</v>
      </c>
      <c r="JN16" s="61">
        <v>36</v>
      </c>
      <c r="JO16" s="61">
        <v>16</v>
      </c>
      <c r="JP16" s="62">
        <v>153</v>
      </c>
      <c r="JQ16" s="63">
        <v>226</v>
      </c>
      <c r="JR16" s="60">
        <v>0</v>
      </c>
      <c r="JS16" s="61">
        <v>0</v>
      </c>
      <c r="JT16" s="62">
        <v>0</v>
      </c>
      <c r="JU16" s="228"/>
      <c r="JV16" s="61">
        <v>0</v>
      </c>
      <c r="JW16" s="61">
        <v>0</v>
      </c>
      <c r="JX16" s="61">
        <v>0</v>
      </c>
      <c r="JY16" s="61">
        <v>0</v>
      </c>
      <c r="JZ16" s="61">
        <v>0</v>
      </c>
      <c r="KA16" s="62">
        <v>0</v>
      </c>
      <c r="KB16" s="63">
        <v>0</v>
      </c>
      <c r="KC16" s="60">
        <v>171</v>
      </c>
      <c r="KD16" s="61">
        <v>143</v>
      </c>
      <c r="KE16" s="62">
        <v>314</v>
      </c>
      <c r="KF16" s="228"/>
      <c r="KG16" s="61">
        <v>152</v>
      </c>
      <c r="KH16" s="61">
        <v>111</v>
      </c>
      <c r="KI16" s="61">
        <v>75</v>
      </c>
      <c r="KJ16" s="61">
        <v>93</v>
      </c>
      <c r="KK16" s="61">
        <v>48</v>
      </c>
      <c r="KL16" s="62">
        <v>479</v>
      </c>
      <c r="KM16" s="63">
        <v>793</v>
      </c>
    </row>
    <row r="17" spans="2:299" ht="21" customHeight="1" x14ac:dyDescent="0.2">
      <c r="B17" s="472" t="s">
        <v>13</v>
      </c>
      <c r="C17" s="293">
        <v>49</v>
      </c>
      <c r="D17" s="72">
        <v>48</v>
      </c>
      <c r="E17" s="73">
        <v>97</v>
      </c>
      <c r="F17" s="228"/>
      <c r="G17" s="72">
        <v>69</v>
      </c>
      <c r="H17" s="72">
        <v>55</v>
      </c>
      <c r="I17" s="72">
        <v>29</v>
      </c>
      <c r="J17" s="72">
        <v>22</v>
      </c>
      <c r="K17" s="72">
        <v>22</v>
      </c>
      <c r="L17" s="74">
        <v>197</v>
      </c>
      <c r="M17" s="75">
        <v>294</v>
      </c>
      <c r="N17" s="60">
        <v>2</v>
      </c>
      <c r="O17" s="61">
        <v>1</v>
      </c>
      <c r="P17" s="62">
        <v>3</v>
      </c>
      <c r="Q17" s="228"/>
      <c r="R17" s="61">
        <v>1</v>
      </c>
      <c r="S17" s="61">
        <v>1</v>
      </c>
      <c r="T17" s="61">
        <v>1</v>
      </c>
      <c r="U17" s="61">
        <v>0</v>
      </c>
      <c r="V17" s="61">
        <v>1</v>
      </c>
      <c r="W17" s="62">
        <v>4</v>
      </c>
      <c r="X17" s="63">
        <v>7</v>
      </c>
      <c r="Y17" s="60">
        <v>3</v>
      </c>
      <c r="Z17" s="61">
        <v>2</v>
      </c>
      <c r="AA17" s="62">
        <v>5</v>
      </c>
      <c r="AB17" s="228"/>
      <c r="AC17" s="61">
        <v>4</v>
      </c>
      <c r="AD17" s="61">
        <v>1</v>
      </c>
      <c r="AE17" s="61">
        <v>0</v>
      </c>
      <c r="AF17" s="61">
        <v>1</v>
      </c>
      <c r="AG17" s="61">
        <v>0</v>
      </c>
      <c r="AH17" s="62">
        <v>6</v>
      </c>
      <c r="AI17" s="63">
        <v>11</v>
      </c>
      <c r="AJ17" s="60">
        <v>6</v>
      </c>
      <c r="AK17" s="61">
        <v>4</v>
      </c>
      <c r="AL17" s="62">
        <v>10</v>
      </c>
      <c r="AM17" s="228"/>
      <c r="AN17" s="61">
        <v>10</v>
      </c>
      <c r="AO17" s="61">
        <v>6</v>
      </c>
      <c r="AP17" s="61">
        <v>2</v>
      </c>
      <c r="AQ17" s="61">
        <v>1</v>
      </c>
      <c r="AR17" s="61">
        <v>2</v>
      </c>
      <c r="AS17" s="62">
        <v>21</v>
      </c>
      <c r="AT17" s="63">
        <v>31</v>
      </c>
      <c r="AU17" s="60">
        <v>9</v>
      </c>
      <c r="AV17" s="61">
        <v>10</v>
      </c>
      <c r="AW17" s="62">
        <v>19</v>
      </c>
      <c r="AX17" s="228"/>
      <c r="AY17" s="61">
        <v>19</v>
      </c>
      <c r="AZ17" s="61">
        <v>10</v>
      </c>
      <c r="BA17" s="61">
        <v>7</v>
      </c>
      <c r="BB17" s="61">
        <v>4</v>
      </c>
      <c r="BC17" s="61">
        <v>7</v>
      </c>
      <c r="BD17" s="62">
        <v>47</v>
      </c>
      <c r="BE17" s="63">
        <v>66</v>
      </c>
      <c r="BF17" s="60">
        <v>13</v>
      </c>
      <c r="BG17" s="61">
        <v>19</v>
      </c>
      <c r="BH17" s="62">
        <v>32</v>
      </c>
      <c r="BI17" s="228"/>
      <c r="BJ17" s="61">
        <v>19</v>
      </c>
      <c r="BK17" s="61">
        <v>18</v>
      </c>
      <c r="BL17" s="61">
        <v>7</v>
      </c>
      <c r="BM17" s="61">
        <v>6</v>
      </c>
      <c r="BN17" s="61">
        <v>8</v>
      </c>
      <c r="BO17" s="62">
        <v>58</v>
      </c>
      <c r="BP17" s="63">
        <v>90</v>
      </c>
      <c r="BQ17" s="60">
        <v>16</v>
      </c>
      <c r="BR17" s="61">
        <v>12</v>
      </c>
      <c r="BS17" s="62">
        <v>28</v>
      </c>
      <c r="BT17" s="228"/>
      <c r="BU17" s="61">
        <v>16</v>
      </c>
      <c r="BV17" s="61">
        <v>19</v>
      </c>
      <c r="BW17" s="61">
        <v>12</v>
      </c>
      <c r="BX17" s="61">
        <v>10</v>
      </c>
      <c r="BY17" s="61">
        <v>4</v>
      </c>
      <c r="BZ17" s="62">
        <v>61</v>
      </c>
      <c r="CA17" s="63">
        <v>89</v>
      </c>
      <c r="CB17" s="60">
        <v>0</v>
      </c>
      <c r="CC17" s="61">
        <v>0</v>
      </c>
      <c r="CD17" s="62">
        <v>0</v>
      </c>
      <c r="CE17" s="228"/>
      <c r="CF17" s="61">
        <v>0</v>
      </c>
      <c r="CG17" s="61">
        <v>0</v>
      </c>
      <c r="CH17" s="61">
        <v>0</v>
      </c>
      <c r="CI17" s="61">
        <v>0</v>
      </c>
      <c r="CJ17" s="61">
        <v>0</v>
      </c>
      <c r="CK17" s="62">
        <v>0</v>
      </c>
      <c r="CL17" s="63">
        <v>0</v>
      </c>
      <c r="CM17" s="60">
        <v>49</v>
      </c>
      <c r="CN17" s="61">
        <v>48</v>
      </c>
      <c r="CO17" s="62">
        <v>97</v>
      </c>
      <c r="CP17" s="228"/>
      <c r="CQ17" s="61">
        <v>69</v>
      </c>
      <c r="CR17" s="61">
        <v>55</v>
      </c>
      <c r="CS17" s="61">
        <v>29</v>
      </c>
      <c r="CT17" s="61">
        <v>22</v>
      </c>
      <c r="CU17" s="61">
        <v>22</v>
      </c>
      <c r="CV17" s="62">
        <v>197</v>
      </c>
      <c r="CW17" s="63">
        <v>294</v>
      </c>
      <c r="CX17" s="113">
        <v>17</v>
      </c>
      <c r="CY17" s="72">
        <v>20</v>
      </c>
      <c r="CZ17" s="73">
        <v>37</v>
      </c>
      <c r="DA17" s="228"/>
      <c r="DB17" s="72">
        <v>31</v>
      </c>
      <c r="DC17" s="72">
        <v>16</v>
      </c>
      <c r="DD17" s="72">
        <v>9</v>
      </c>
      <c r="DE17" s="72">
        <v>12</v>
      </c>
      <c r="DF17" s="72">
        <v>14</v>
      </c>
      <c r="DG17" s="74">
        <v>82</v>
      </c>
      <c r="DH17" s="75">
        <v>119</v>
      </c>
      <c r="DI17" s="60">
        <v>1</v>
      </c>
      <c r="DJ17" s="61">
        <v>2</v>
      </c>
      <c r="DK17" s="62">
        <v>3</v>
      </c>
      <c r="DL17" s="228"/>
      <c r="DM17" s="61">
        <v>0</v>
      </c>
      <c r="DN17" s="61">
        <v>0</v>
      </c>
      <c r="DO17" s="61">
        <v>0</v>
      </c>
      <c r="DP17" s="61">
        <v>1</v>
      </c>
      <c r="DQ17" s="61">
        <v>0</v>
      </c>
      <c r="DR17" s="62">
        <v>1</v>
      </c>
      <c r="DS17" s="63">
        <v>4</v>
      </c>
      <c r="DT17" s="60">
        <v>1</v>
      </c>
      <c r="DU17" s="61">
        <v>0</v>
      </c>
      <c r="DV17" s="62">
        <v>1</v>
      </c>
      <c r="DW17" s="228"/>
      <c r="DX17" s="61">
        <v>3</v>
      </c>
      <c r="DY17" s="61">
        <v>0</v>
      </c>
      <c r="DZ17" s="61">
        <v>1</v>
      </c>
      <c r="EA17" s="61">
        <v>0</v>
      </c>
      <c r="EB17" s="61">
        <v>1</v>
      </c>
      <c r="EC17" s="62">
        <v>5</v>
      </c>
      <c r="ED17" s="63">
        <v>6</v>
      </c>
      <c r="EE17" s="60">
        <v>3</v>
      </c>
      <c r="EF17" s="61">
        <v>0</v>
      </c>
      <c r="EG17" s="62">
        <v>3</v>
      </c>
      <c r="EH17" s="228"/>
      <c r="EI17" s="61">
        <v>6</v>
      </c>
      <c r="EJ17" s="61">
        <v>1</v>
      </c>
      <c r="EK17" s="61">
        <v>0</v>
      </c>
      <c r="EL17" s="61">
        <v>0</v>
      </c>
      <c r="EM17" s="61">
        <v>0</v>
      </c>
      <c r="EN17" s="62">
        <v>7</v>
      </c>
      <c r="EO17" s="63">
        <v>10</v>
      </c>
      <c r="EP17" s="60">
        <v>5</v>
      </c>
      <c r="EQ17" s="61">
        <v>7</v>
      </c>
      <c r="ER17" s="62">
        <v>12</v>
      </c>
      <c r="ES17" s="228"/>
      <c r="ET17" s="61">
        <v>5</v>
      </c>
      <c r="EU17" s="61">
        <v>3</v>
      </c>
      <c r="EV17" s="61">
        <v>1</v>
      </c>
      <c r="EW17" s="61">
        <v>1</v>
      </c>
      <c r="EX17" s="61">
        <v>2</v>
      </c>
      <c r="EY17" s="62">
        <v>12</v>
      </c>
      <c r="EZ17" s="63">
        <v>24</v>
      </c>
      <c r="FA17" s="60">
        <v>4</v>
      </c>
      <c r="FB17" s="61">
        <v>5</v>
      </c>
      <c r="FC17" s="62">
        <v>9</v>
      </c>
      <c r="FD17" s="228"/>
      <c r="FE17" s="61">
        <v>8</v>
      </c>
      <c r="FF17" s="61">
        <v>6</v>
      </c>
      <c r="FG17" s="61">
        <v>1</v>
      </c>
      <c r="FH17" s="61">
        <v>2</v>
      </c>
      <c r="FI17" s="61">
        <v>4</v>
      </c>
      <c r="FJ17" s="62">
        <v>21</v>
      </c>
      <c r="FK17" s="63">
        <v>30</v>
      </c>
      <c r="FL17" s="60">
        <v>3</v>
      </c>
      <c r="FM17" s="61">
        <v>6</v>
      </c>
      <c r="FN17" s="62">
        <v>9</v>
      </c>
      <c r="FO17" s="228"/>
      <c r="FP17" s="61">
        <v>9</v>
      </c>
      <c r="FQ17" s="61">
        <v>6</v>
      </c>
      <c r="FR17" s="61">
        <v>6</v>
      </c>
      <c r="FS17" s="61">
        <v>8</v>
      </c>
      <c r="FT17" s="61">
        <v>7</v>
      </c>
      <c r="FU17" s="62">
        <v>36</v>
      </c>
      <c r="FV17" s="63">
        <v>45</v>
      </c>
      <c r="FW17" s="60">
        <v>0</v>
      </c>
      <c r="FX17" s="61">
        <v>0</v>
      </c>
      <c r="FY17" s="62">
        <v>0</v>
      </c>
      <c r="FZ17" s="228"/>
      <c r="GA17" s="61">
        <v>0</v>
      </c>
      <c r="GB17" s="61">
        <v>0</v>
      </c>
      <c r="GC17" s="61">
        <v>0</v>
      </c>
      <c r="GD17" s="61">
        <v>0</v>
      </c>
      <c r="GE17" s="61">
        <v>0</v>
      </c>
      <c r="GF17" s="62">
        <v>0</v>
      </c>
      <c r="GG17" s="63">
        <v>0</v>
      </c>
      <c r="GH17" s="60">
        <v>17</v>
      </c>
      <c r="GI17" s="61">
        <v>20</v>
      </c>
      <c r="GJ17" s="62">
        <v>37</v>
      </c>
      <c r="GK17" s="228"/>
      <c r="GL17" s="61">
        <v>31</v>
      </c>
      <c r="GM17" s="61">
        <v>16</v>
      </c>
      <c r="GN17" s="61">
        <v>9</v>
      </c>
      <c r="GO17" s="61">
        <v>12</v>
      </c>
      <c r="GP17" s="61">
        <v>14</v>
      </c>
      <c r="GQ17" s="62">
        <v>82</v>
      </c>
      <c r="GR17" s="63">
        <v>119</v>
      </c>
      <c r="GS17" s="113">
        <v>66</v>
      </c>
      <c r="GT17" s="72">
        <v>68</v>
      </c>
      <c r="GU17" s="73">
        <v>134</v>
      </c>
      <c r="GV17" s="228"/>
      <c r="GW17" s="72">
        <v>100</v>
      </c>
      <c r="GX17" s="72">
        <v>71</v>
      </c>
      <c r="GY17" s="72">
        <v>38</v>
      </c>
      <c r="GZ17" s="72">
        <v>34</v>
      </c>
      <c r="HA17" s="72">
        <v>36</v>
      </c>
      <c r="HB17" s="74">
        <v>279</v>
      </c>
      <c r="HC17" s="75">
        <v>413</v>
      </c>
      <c r="HD17" s="60">
        <v>3</v>
      </c>
      <c r="HE17" s="61">
        <v>3</v>
      </c>
      <c r="HF17" s="62">
        <v>6</v>
      </c>
      <c r="HG17" s="228"/>
      <c r="HH17" s="61">
        <v>1</v>
      </c>
      <c r="HI17" s="61">
        <v>1</v>
      </c>
      <c r="HJ17" s="61">
        <v>1</v>
      </c>
      <c r="HK17" s="61">
        <v>1</v>
      </c>
      <c r="HL17" s="61">
        <v>1</v>
      </c>
      <c r="HM17" s="62">
        <v>5</v>
      </c>
      <c r="HN17" s="63">
        <v>11</v>
      </c>
      <c r="HO17" s="60">
        <v>4</v>
      </c>
      <c r="HP17" s="61">
        <v>2</v>
      </c>
      <c r="HQ17" s="62">
        <v>6</v>
      </c>
      <c r="HR17" s="228"/>
      <c r="HS17" s="61">
        <v>7</v>
      </c>
      <c r="HT17" s="61">
        <v>1</v>
      </c>
      <c r="HU17" s="61">
        <v>1</v>
      </c>
      <c r="HV17" s="61">
        <v>1</v>
      </c>
      <c r="HW17" s="61">
        <v>1</v>
      </c>
      <c r="HX17" s="62">
        <v>11</v>
      </c>
      <c r="HY17" s="63">
        <v>17</v>
      </c>
      <c r="HZ17" s="60">
        <v>9</v>
      </c>
      <c r="IA17" s="61">
        <v>4</v>
      </c>
      <c r="IB17" s="62">
        <v>13</v>
      </c>
      <c r="IC17" s="228"/>
      <c r="ID17" s="61">
        <v>16</v>
      </c>
      <c r="IE17" s="61">
        <v>7</v>
      </c>
      <c r="IF17" s="61">
        <v>2</v>
      </c>
      <c r="IG17" s="61">
        <v>1</v>
      </c>
      <c r="IH17" s="61">
        <v>2</v>
      </c>
      <c r="II17" s="62">
        <v>28</v>
      </c>
      <c r="IJ17" s="63">
        <v>41</v>
      </c>
      <c r="IK17" s="60">
        <v>14</v>
      </c>
      <c r="IL17" s="61">
        <v>17</v>
      </c>
      <c r="IM17" s="62">
        <v>31</v>
      </c>
      <c r="IN17" s="228"/>
      <c r="IO17" s="61">
        <v>24</v>
      </c>
      <c r="IP17" s="61">
        <v>13</v>
      </c>
      <c r="IQ17" s="61">
        <v>8</v>
      </c>
      <c r="IR17" s="61">
        <v>5</v>
      </c>
      <c r="IS17" s="61">
        <v>9</v>
      </c>
      <c r="IT17" s="62">
        <v>59</v>
      </c>
      <c r="IU17" s="63">
        <v>90</v>
      </c>
      <c r="IV17" s="60">
        <v>17</v>
      </c>
      <c r="IW17" s="61">
        <v>24</v>
      </c>
      <c r="IX17" s="62">
        <v>41</v>
      </c>
      <c r="IY17" s="228"/>
      <c r="IZ17" s="61">
        <v>27</v>
      </c>
      <c r="JA17" s="61">
        <v>24</v>
      </c>
      <c r="JB17" s="61">
        <v>8</v>
      </c>
      <c r="JC17" s="61">
        <v>8</v>
      </c>
      <c r="JD17" s="61">
        <v>12</v>
      </c>
      <c r="JE17" s="62">
        <v>79</v>
      </c>
      <c r="JF17" s="63">
        <v>120</v>
      </c>
      <c r="JG17" s="60">
        <v>19</v>
      </c>
      <c r="JH17" s="61">
        <v>18</v>
      </c>
      <c r="JI17" s="62">
        <v>37</v>
      </c>
      <c r="JJ17" s="228"/>
      <c r="JK17" s="61">
        <v>25</v>
      </c>
      <c r="JL17" s="61">
        <v>25</v>
      </c>
      <c r="JM17" s="61">
        <v>18</v>
      </c>
      <c r="JN17" s="61">
        <v>18</v>
      </c>
      <c r="JO17" s="61">
        <v>11</v>
      </c>
      <c r="JP17" s="62">
        <v>97</v>
      </c>
      <c r="JQ17" s="63">
        <v>134</v>
      </c>
      <c r="JR17" s="60">
        <v>0</v>
      </c>
      <c r="JS17" s="61">
        <v>0</v>
      </c>
      <c r="JT17" s="62">
        <v>0</v>
      </c>
      <c r="JU17" s="228"/>
      <c r="JV17" s="61">
        <v>0</v>
      </c>
      <c r="JW17" s="61">
        <v>0</v>
      </c>
      <c r="JX17" s="61">
        <v>0</v>
      </c>
      <c r="JY17" s="61">
        <v>0</v>
      </c>
      <c r="JZ17" s="61">
        <v>0</v>
      </c>
      <c r="KA17" s="62">
        <v>0</v>
      </c>
      <c r="KB17" s="63">
        <v>0</v>
      </c>
      <c r="KC17" s="60">
        <v>66</v>
      </c>
      <c r="KD17" s="61">
        <v>68</v>
      </c>
      <c r="KE17" s="62">
        <v>134</v>
      </c>
      <c r="KF17" s="228"/>
      <c r="KG17" s="61">
        <v>100</v>
      </c>
      <c r="KH17" s="61">
        <v>71</v>
      </c>
      <c r="KI17" s="61">
        <v>38</v>
      </c>
      <c r="KJ17" s="61">
        <v>34</v>
      </c>
      <c r="KK17" s="61">
        <v>36</v>
      </c>
      <c r="KL17" s="62">
        <v>279</v>
      </c>
      <c r="KM17" s="63">
        <v>413</v>
      </c>
    </row>
    <row r="18" spans="2:299" ht="21" customHeight="1" x14ac:dyDescent="0.2">
      <c r="B18" s="472" t="s">
        <v>15</v>
      </c>
      <c r="C18" s="293">
        <v>9</v>
      </c>
      <c r="D18" s="72">
        <v>8</v>
      </c>
      <c r="E18" s="73">
        <v>17</v>
      </c>
      <c r="F18" s="228"/>
      <c r="G18" s="72">
        <v>17</v>
      </c>
      <c r="H18" s="72">
        <v>17</v>
      </c>
      <c r="I18" s="72">
        <v>6</v>
      </c>
      <c r="J18" s="72">
        <v>8</v>
      </c>
      <c r="K18" s="72">
        <v>5</v>
      </c>
      <c r="L18" s="74">
        <v>53</v>
      </c>
      <c r="M18" s="75">
        <v>70</v>
      </c>
      <c r="N18" s="60">
        <v>2</v>
      </c>
      <c r="O18" s="61">
        <v>1</v>
      </c>
      <c r="P18" s="62">
        <v>3</v>
      </c>
      <c r="Q18" s="228"/>
      <c r="R18" s="61">
        <v>0</v>
      </c>
      <c r="S18" s="61">
        <v>0</v>
      </c>
      <c r="T18" s="61">
        <v>0</v>
      </c>
      <c r="U18" s="61">
        <v>1</v>
      </c>
      <c r="V18" s="61">
        <v>1</v>
      </c>
      <c r="W18" s="62">
        <v>2</v>
      </c>
      <c r="X18" s="63">
        <v>5</v>
      </c>
      <c r="Y18" s="60">
        <v>2</v>
      </c>
      <c r="Z18" s="61">
        <v>0</v>
      </c>
      <c r="AA18" s="62">
        <v>2</v>
      </c>
      <c r="AB18" s="228"/>
      <c r="AC18" s="61">
        <v>2</v>
      </c>
      <c r="AD18" s="61">
        <v>2</v>
      </c>
      <c r="AE18" s="61">
        <v>0</v>
      </c>
      <c r="AF18" s="61">
        <v>1</v>
      </c>
      <c r="AG18" s="61">
        <v>1</v>
      </c>
      <c r="AH18" s="62">
        <v>6</v>
      </c>
      <c r="AI18" s="63">
        <v>8</v>
      </c>
      <c r="AJ18" s="60">
        <v>0</v>
      </c>
      <c r="AK18" s="61">
        <v>0</v>
      </c>
      <c r="AL18" s="62">
        <v>0</v>
      </c>
      <c r="AM18" s="228"/>
      <c r="AN18" s="61">
        <v>2</v>
      </c>
      <c r="AO18" s="61">
        <v>5</v>
      </c>
      <c r="AP18" s="61">
        <v>0</v>
      </c>
      <c r="AQ18" s="61">
        <v>1</v>
      </c>
      <c r="AR18" s="61">
        <v>2</v>
      </c>
      <c r="AS18" s="62">
        <v>10</v>
      </c>
      <c r="AT18" s="63">
        <v>10</v>
      </c>
      <c r="AU18" s="60">
        <v>0</v>
      </c>
      <c r="AV18" s="61">
        <v>4</v>
      </c>
      <c r="AW18" s="62">
        <v>4</v>
      </c>
      <c r="AX18" s="228"/>
      <c r="AY18" s="61">
        <v>8</v>
      </c>
      <c r="AZ18" s="61">
        <v>2</v>
      </c>
      <c r="BA18" s="61">
        <v>1</v>
      </c>
      <c r="BB18" s="61">
        <v>1</v>
      </c>
      <c r="BC18" s="61">
        <v>0</v>
      </c>
      <c r="BD18" s="62">
        <v>12</v>
      </c>
      <c r="BE18" s="63">
        <v>16</v>
      </c>
      <c r="BF18" s="60">
        <v>2</v>
      </c>
      <c r="BG18" s="61">
        <v>3</v>
      </c>
      <c r="BH18" s="62">
        <v>5</v>
      </c>
      <c r="BI18" s="228"/>
      <c r="BJ18" s="61">
        <v>3</v>
      </c>
      <c r="BK18" s="61">
        <v>4</v>
      </c>
      <c r="BL18" s="61">
        <v>3</v>
      </c>
      <c r="BM18" s="61">
        <v>4</v>
      </c>
      <c r="BN18" s="61">
        <v>0</v>
      </c>
      <c r="BO18" s="62">
        <v>14</v>
      </c>
      <c r="BP18" s="63">
        <v>19</v>
      </c>
      <c r="BQ18" s="60">
        <v>3</v>
      </c>
      <c r="BR18" s="61">
        <v>0</v>
      </c>
      <c r="BS18" s="62">
        <v>3</v>
      </c>
      <c r="BT18" s="228"/>
      <c r="BU18" s="61">
        <v>2</v>
      </c>
      <c r="BV18" s="61">
        <v>4</v>
      </c>
      <c r="BW18" s="61">
        <v>2</v>
      </c>
      <c r="BX18" s="61">
        <v>0</v>
      </c>
      <c r="BY18" s="61">
        <v>1</v>
      </c>
      <c r="BZ18" s="62">
        <v>9</v>
      </c>
      <c r="CA18" s="63">
        <v>12</v>
      </c>
      <c r="CB18" s="60">
        <v>0</v>
      </c>
      <c r="CC18" s="61">
        <v>0</v>
      </c>
      <c r="CD18" s="62">
        <v>0</v>
      </c>
      <c r="CE18" s="228"/>
      <c r="CF18" s="61">
        <v>0</v>
      </c>
      <c r="CG18" s="61">
        <v>0</v>
      </c>
      <c r="CH18" s="61">
        <v>0</v>
      </c>
      <c r="CI18" s="61">
        <v>0</v>
      </c>
      <c r="CJ18" s="61">
        <v>0</v>
      </c>
      <c r="CK18" s="62">
        <v>0</v>
      </c>
      <c r="CL18" s="63">
        <v>0</v>
      </c>
      <c r="CM18" s="60">
        <v>9</v>
      </c>
      <c r="CN18" s="61">
        <v>8</v>
      </c>
      <c r="CO18" s="62">
        <v>17</v>
      </c>
      <c r="CP18" s="228"/>
      <c r="CQ18" s="61">
        <v>17</v>
      </c>
      <c r="CR18" s="61">
        <v>17</v>
      </c>
      <c r="CS18" s="61">
        <v>6</v>
      </c>
      <c r="CT18" s="61">
        <v>8</v>
      </c>
      <c r="CU18" s="61">
        <v>5</v>
      </c>
      <c r="CV18" s="62">
        <v>53</v>
      </c>
      <c r="CW18" s="63">
        <v>70</v>
      </c>
      <c r="CX18" s="113">
        <v>5</v>
      </c>
      <c r="CY18" s="72">
        <v>7</v>
      </c>
      <c r="CZ18" s="73">
        <v>12</v>
      </c>
      <c r="DA18" s="228"/>
      <c r="DB18" s="72">
        <v>5</v>
      </c>
      <c r="DC18" s="72">
        <v>10</v>
      </c>
      <c r="DD18" s="72">
        <v>5</v>
      </c>
      <c r="DE18" s="72">
        <v>5</v>
      </c>
      <c r="DF18" s="72">
        <v>1</v>
      </c>
      <c r="DG18" s="74">
        <v>26</v>
      </c>
      <c r="DH18" s="75">
        <v>38</v>
      </c>
      <c r="DI18" s="60">
        <v>1</v>
      </c>
      <c r="DJ18" s="61">
        <v>0</v>
      </c>
      <c r="DK18" s="62">
        <v>1</v>
      </c>
      <c r="DL18" s="228"/>
      <c r="DM18" s="61">
        <v>0</v>
      </c>
      <c r="DN18" s="61">
        <v>0</v>
      </c>
      <c r="DO18" s="61">
        <v>0</v>
      </c>
      <c r="DP18" s="61">
        <v>0</v>
      </c>
      <c r="DQ18" s="61">
        <v>0</v>
      </c>
      <c r="DR18" s="62">
        <v>0</v>
      </c>
      <c r="DS18" s="63">
        <v>1</v>
      </c>
      <c r="DT18" s="60">
        <v>1</v>
      </c>
      <c r="DU18" s="61">
        <v>0</v>
      </c>
      <c r="DV18" s="62">
        <v>1</v>
      </c>
      <c r="DW18" s="228"/>
      <c r="DX18" s="61">
        <v>0</v>
      </c>
      <c r="DY18" s="61">
        <v>0</v>
      </c>
      <c r="DZ18" s="61">
        <v>0</v>
      </c>
      <c r="EA18" s="61">
        <v>0</v>
      </c>
      <c r="EB18" s="61">
        <v>0</v>
      </c>
      <c r="EC18" s="62">
        <v>0</v>
      </c>
      <c r="ED18" s="63">
        <v>1</v>
      </c>
      <c r="EE18" s="60">
        <v>1</v>
      </c>
      <c r="EF18" s="61">
        <v>2</v>
      </c>
      <c r="EG18" s="62">
        <v>3</v>
      </c>
      <c r="EH18" s="228"/>
      <c r="EI18" s="61">
        <v>0</v>
      </c>
      <c r="EJ18" s="61">
        <v>1</v>
      </c>
      <c r="EK18" s="61">
        <v>0</v>
      </c>
      <c r="EL18" s="61">
        <v>0</v>
      </c>
      <c r="EM18" s="61">
        <v>1</v>
      </c>
      <c r="EN18" s="62">
        <v>2</v>
      </c>
      <c r="EO18" s="63">
        <v>5</v>
      </c>
      <c r="EP18" s="60">
        <v>0</v>
      </c>
      <c r="EQ18" s="61">
        <v>3</v>
      </c>
      <c r="ER18" s="62">
        <v>3</v>
      </c>
      <c r="ES18" s="228"/>
      <c r="ET18" s="61">
        <v>1</v>
      </c>
      <c r="EU18" s="61">
        <v>0</v>
      </c>
      <c r="EV18" s="61">
        <v>0</v>
      </c>
      <c r="EW18" s="61">
        <v>0</v>
      </c>
      <c r="EX18" s="61">
        <v>0</v>
      </c>
      <c r="EY18" s="62">
        <v>1</v>
      </c>
      <c r="EZ18" s="63">
        <v>4</v>
      </c>
      <c r="FA18" s="60">
        <v>0</v>
      </c>
      <c r="FB18" s="61">
        <v>1</v>
      </c>
      <c r="FC18" s="62">
        <v>1</v>
      </c>
      <c r="FD18" s="228"/>
      <c r="FE18" s="61">
        <v>3</v>
      </c>
      <c r="FF18" s="61">
        <v>2</v>
      </c>
      <c r="FG18" s="61">
        <v>2</v>
      </c>
      <c r="FH18" s="61">
        <v>1</v>
      </c>
      <c r="FI18" s="61">
        <v>0</v>
      </c>
      <c r="FJ18" s="62">
        <v>8</v>
      </c>
      <c r="FK18" s="63">
        <v>9</v>
      </c>
      <c r="FL18" s="60">
        <v>2</v>
      </c>
      <c r="FM18" s="61">
        <v>1</v>
      </c>
      <c r="FN18" s="62">
        <v>3</v>
      </c>
      <c r="FO18" s="228"/>
      <c r="FP18" s="61">
        <v>1</v>
      </c>
      <c r="FQ18" s="61">
        <v>7</v>
      </c>
      <c r="FR18" s="61">
        <v>3</v>
      </c>
      <c r="FS18" s="61">
        <v>4</v>
      </c>
      <c r="FT18" s="61">
        <v>0</v>
      </c>
      <c r="FU18" s="62">
        <v>15</v>
      </c>
      <c r="FV18" s="63">
        <v>18</v>
      </c>
      <c r="FW18" s="60">
        <v>0</v>
      </c>
      <c r="FX18" s="61">
        <v>0</v>
      </c>
      <c r="FY18" s="62">
        <v>0</v>
      </c>
      <c r="FZ18" s="228"/>
      <c r="GA18" s="61">
        <v>0</v>
      </c>
      <c r="GB18" s="61">
        <v>0</v>
      </c>
      <c r="GC18" s="61">
        <v>0</v>
      </c>
      <c r="GD18" s="61">
        <v>0</v>
      </c>
      <c r="GE18" s="61">
        <v>0</v>
      </c>
      <c r="GF18" s="62">
        <v>0</v>
      </c>
      <c r="GG18" s="63">
        <v>0</v>
      </c>
      <c r="GH18" s="60">
        <v>5</v>
      </c>
      <c r="GI18" s="61">
        <v>7</v>
      </c>
      <c r="GJ18" s="62">
        <v>12</v>
      </c>
      <c r="GK18" s="228"/>
      <c r="GL18" s="61">
        <v>5</v>
      </c>
      <c r="GM18" s="61">
        <v>10</v>
      </c>
      <c r="GN18" s="61">
        <v>5</v>
      </c>
      <c r="GO18" s="61">
        <v>5</v>
      </c>
      <c r="GP18" s="61">
        <v>1</v>
      </c>
      <c r="GQ18" s="62">
        <v>26</v>
      </c>
      <c r="GR18" s="63">
        <v>38</v>
      </c>
      <c r="GS18" s="113">
        <v>14</v>
      </c>
      <c r="GT18" s="72">
        <v>15</v>
      </c>
      <c r="GU18" s="73">
        <v>29</v>
      </c>
      <c r="GV18" s="228"/>
      <c r="GW18" s="72">
        <v>22</v>
      </c>
      <c r="GX18" s="72">
        <v>27</v>
      </c>
      <c r="GY18" s="72">
        <v>11</v>
      </c>
      <c r="GZ18" s="72">
        <v>13</v>
      </c>
      <c r="HA18" s="72">
        <v>6</v>
      </c>
      <c r="HB18" s="74">
        <v>79</v>
      </c>
      <c r="HC18" s="75">
        <v>108</v>
      </c>
      <c r="HD18" s="60">
        <v>3</v>
      </c>
      <c r="HE18" s="61">
        <v>1</v>
      </c>
      <c r="HF18" s="62">
        <v>4</v>
      </c>
      <c r="HG18" s="228"/>
      <c r="HH18" s="61">
        <v>0</v>
      </c>
      <c r="HI18" s="61">
        <v>0</v>
      </c>
      <c r="HJ18" s="61">
        <v>0</v>
      </c>
      <c r="HK18" s="61">
        <v>1</v>
      </c>
      <c r="HL18" s="61">
        <v>1</v>
      </c>
      <c r="HM18" s="62">
        <v>2</v>
      </c>
      <c r="HN18" s="63">
        <v>6</v>
      </c>
      <c r="HO18" s="60">
        <v>3</v>
      </c>
      <c r="HP18" s="61">
        <v>0</v>
      </c>
      <c r="HQ18" s="62">
        <v>3</v>
      </c>
      <c r="HR18" s="228"/>
      <c r="HS18" s="61">
        <v>2</v>
      </c>
      <c r="HT18" s="61">
        <v>2</v>
      </c>
      <c r="HU18" s="61">
        <v>0</v>
      </c>
      <c r="HV18" s="61">
        <v>1</v>
      </c>
      <c r="HW18" s="61">
        <v>1</v>
      </c>
      <c r="HX18" s="62">
        <v>6</v>
      </c>
      <c r="HY18" s="63">
        <v>9</v>
      </c>
      <c r="HZ18" s="60">
        <v>1</v>
      </c>
      <c r="IA18" s="61">
        <v>2</v>
      </c>
      <c r="IB18" s="62">
        <v>3</v>
      </c>
      <c r="IC18" s="228"/>
      <c r="ID18" s="61">
        <v>2</v>
      </c>
      <c r="IE18" s="61">
        <v>6</v>
      </c>
      <c r="IF18" s="61">
        <v>0</v>
      </c>
      <c r="IG18" s="61">
        <v>1</v>
      </c>
      <c r="IH18" s="61">
        <v>3</v>
      </c>
      <c r="II18" s="62">
        <v>12</v>
      </c>
      <c r="IJ18" s="63">
        <v>15</v>
      </c>
      <c r="IK18" s="60">
        <v>0</v>
      </c>
      <c r="IL18" s="61">
        <v>7</v>
      </c>
      <c r="IM18" s="62">
        <v>7</v>
      </c>
      <c r="IN18" s="228"/>
      <c r="IO18" s="61">
        <v>9</v>
      </c>
      <c r="IP18" s="61">
        <v>2</v>
      </c>
      <c r="IQ18" s="61">
        <v>1</v>
      </c>
      <c r="IR18" s="61">
        <v>1</v>
      </c>
      <c r="IS18" s="61">
        <v>0</v>
      </c>
      <c r="IT18" s="62">
        <v>13</v>
      </c>
      <c r="IU18" s="63">
        <v>20</v>
      </c>
      <c r="IV18" s="60">
        <v>2</v>
      </c>
      <c r="IW18" s="61">
        <v>4</v>
      </c>
      <c r="IX18" s="62">
        <v>6</v>
      </c>
      <c r="IY18" s="228"/>
      <c r="IZ18" s="61">
        <v>6</v>
      </c>
      <c r="JA18" s="61">
        <v>6</v>
      </c>
      <c r="JB18" s="61">
        <v>5</v>
      </c>
      <c r="JC18" s="61">
        <v>5</v>
      </c>
      <c r="JD18" s="61">
        <v>0</v>
      </c>
      <c r="JE18" s="62">
        <v>22</v>
      </c>
      <c r="JF18" s="63">
        <v>28</v>
      </c>
      <c r="JG18" s="60">
        <v>5</v>
      </c>
      <c r="JH18" s="61">
        <v>1</v>
      </c>
      <c r="JI18" s="62">
        <v>6</v>
      </c>
      <c r="JJ18" s="228"/>
      <c r="JK18" s="61">
        <v>3</v>
      </c>
      <c r="JL18" s="61">
        <v>11</v>
      </c>
      <c r="JM18" s="61">
        <v>5</v>
      </c>
      <c r="JN18" s="61">
        <v>4</v>
      </c>
      <c r="JO18" s="61">
        <v>1</v>
      </c>
      <c r="JP18" s="62">
        <v>24</v>
      </c>
      <c r="JQ18" s="63">
        <v>30</v>
      </c>
      <c r="JR18" s="60">
        <v>0</v>
      </c>
      <c r="JS18" s="61">
        <v>0</v>
      </c>
      <c r="JT18" s="62">
        <v>0</v>
      </c>
      <c r="JU18" s="228"/>
      <c r="JV18" s="61">
        <v>0</v>
      </c>
      <c r="JW18" s="61">
        <v>0</v>
      </c>
      <c r="JX18" s="61">
        <v>0</v>
      </c>
      <c r="JY18" s="61">
        <v>0</v>
      </c>
      <c r="JZ18" s="61">
        <v>0</v>
      </c>
      <c r="KA18" s="62">
        <v>0</v>
      </c>
      <c r="KB18" s="63">
        <v>0</v>
      </c>
      <c r="KC18" s="60">
        <v>14</v>
      </c>
      <c r="KD18" s="61">
        <v>15</v>
      </c>
      <c r="KE18" s="62">
        <v>29</v>
      </c>
      <c r="KF18" s="228"/>
      <c r="KG18" s="61">
        <v>22</v>
      </c>
      <c r="KH18" s="61">
        <v>27</v>
      </c>
      <c r="KI18" s="61">
        <v>11</v>
      </c>
      <c r="KJ18" s="61">
        <v>13</v>
      </c>
      <c r="KK18" s="61">
        <v>6</v>
      </c>
      <c r="KL18" s="62">
        <v>79</v>
      </c>
      <c r="KM18" s="63">
        <v>108</v>
      </c>
    </row>
    <row r="19" spans="2:299" ht="21" customHeight="1" x14ac:dyDescent="0.2">
      <c r="B19" s="472" t="s">
        <v>16</v>
      </c>
      <c r="C19" s="293">
        <v>24</v>
      </c>
      <c r="D19" s="72">
        <v>32</v>
      </c>
      <c r="E19" s="73">
        <v>56</v>
      </c>
      <c r="F19" s="228"/>
      <c r="G19" s="72">
        <v>54</v>
      </c>
      <c r="H19" s="72">
        <v>66</v>
      </c>
      <c r="I19" s="72">
        <v>41</v>
      </c>
      <c r="J19" s="72">
        <v>23</v>
      </c>
      <c r="K19" s="72">
        <v>20</v>
      </c>
      <c r="L19" s="74">
        <v>204</v>
      </c>
      <c r="M19" s="75">
        <v>260</v>
      </c>
      <c r="N19" s="60">
        <v>0</v>
      </c>
      <c r="O19" s="61">
        <v>1</v>
      </c>
      <c r="P19" s="62">
        <v>1</v>
      </c>
      <c r="Q19" s="228"/>
      <c r="R19" s="61">
        <v>1</v>
      </c>
      <c r="S19" s="61">
        <v>2</v>
      </c>
      <c r="T19" s="61">
        <v>1</v>
      </c>
      <c r="U19" s="61">
        <v>1</v>
      </c>
      <c r="V19" s="61">
        <v>3</v>
      </c>
      <c r="W19" s="62">
        <v>8</v>
      </c>
      <c r="X19" s="63">
        <v>9</v>
      </c>
      <c r="Y19" s="60">
        <v>1</v>
      </c>
      <c r="Z19" s="61">
        <v>4</v>
      </c>
      <c r="AA19" s="62">
        <v>5</v>
      </c>
      <c r="AB19" s="228"/>
      <c r="AC19" s="61">
        <v>4</v>
      </c>
      <c r="AD19" s="61">
        <v>7</v>
      </c>
      <c r="AE19" s="61">
        <v>4</v>
      </c>
      <c r="AF19" s="61">
        <v>0</v>
      </c>
      <c r="AG19" s="61">
        <v>2</v>
      </c>
      <c r="AH19" s="62">
        <v>17</v>
      </c>
      <c r="AI19" s="63">
        <v>22</v>
      </c>
      <c r="AJ19" s="60">
        <v>4</v>
      </c>
      <c r="AK19" s="61">
        <v>3</v>
      </c>
      <c r="AL19" s="62">
        <v>7</v>
      </c>
      <c r="AM19" s="228"/>
      <c r="AN19" s="61">
        <v>5</v>
      </c>
      <c r="AO19" s="61">
        <v>13</v>
      </c>
      <c r="AP19" s="61">
        <v>5</v>
      </c>
      <c r="AQ19" s="61">
        <v>4</v>
      </c>
      <c r="AR19" s="61">
        <v>3</v>
      </c>
      <c r="AS19" s="62">
        <v>30</v>
      </c>
      <c r="AT19" s="63">
        <v>37</v>
      </c>
      <c r="AU19" s="60">
        <v>8</v>
      </c>
      <c r="AV19" s="61">
        <v>7</v>
      </c>
      <c r="AW19" s="62">
        <v>15</v>
      </c>
      <c r="AX19" s="228"/>
      <c r="AY19" s="61">
        <v>18</v>
      </c>
      <c r="AZ19" s="61">
        <v>19</v>
      </c>
      <c r="BA19" s="61">
        <v>9</v>
      </c>
      <c r="BB19" s="61">
        <v>3</v>
      </c>
      <c r="BC19" s="61">
        <v>6</v>
      </c>
      <c r="BD19" s="62">
        <v>55</v>
      </c>
      <c r="BE19" s="63">
        <v>70</v>
      </c>
      <c r="BF19" s="60">
        <v>10</v>
      </c>
      <c r="BG19" s="61">
        <v>10</v>
      </c>
      <c r="BH19" s="62">
        <v>20</v>
      </c>
      <c r="BI19" s="228"/>
      <c r="BJ19" s="61">
        <v>16</v>
      </c>
      <c r="BK19" s="61">
        <v>14</v>
      </c>
      <c r="BL19" s="61">
        <v>12</v>
      </c>
      <c r="BM19" s="61">
        <v>7</v>
      </c>
      <c r="BN19" s="61">
        <v>5</v>
      </c>
      <c r="BO19" s="62">
        <v>54</v>
      </c>
      <c r="BP19" s="63">
        <v>74</v>
      </c>
      <c r="BQ19" s="60">
        <v>1</v>
      </c>
      <c r="BR19" s="61">
        <v>7</v>
      </c>
      <c r="BS19" s="62">
        <v>8</v>
      </c>
      <c r="BT19" s="228"/>
      <c r="BU19" s="61">
        <v>10</v>
      </c>
      <c r="BV19" s="61">
        <v>11</v>
      </c>
      <c r="BW19" s="61">
        <v>10</v>
      </c>
      <c r="BX19" s="61">
        <v>8</v>
      </c>
      <c r="BY19" s="61">
        <v>1</v>
      </c>
      <c r="BZ19" s="62">
        <v>40</v>
      </c>
      <c r="CA19" s="63">
        <v>48</v>
      </c>
      <c r="CB19" s="60">
        <v>0</v>
      </c>
      <c r="CC19" s="61">
        <v>0</v>
      </c>
      <c r="CD19" s="62">
        <v>0</v>
      </c>
      <c r="CE19" s="228"/>
      <c r="CF19" s="61">
        <v>0</v>
      </c>
      <c r="CG19" s="61">
        <v>0</v>
      </c>
      <c r="CH19" s="61">
        <v>0</v>
      </c>
      <c r="CI19" s="61">
        <v>0</v>
      </c>
      <c r="CJ19" s="61">
        <v>0</v>
      </c>
      <c r="CK19" s="62">
        <v>0</v>
      </c>
      <c r="CL19" s="63">
        <v>0</v>
      </c>
      <c r="CM19" s="60">
        <v>24</v>
      </c>
      <c r="CN19" s="61">
        <v>32</v>
      </c>
      <c r="CO19" s="62">
        <v>56</v>
      </c>
      <c r="CP19" s="228"/>
      <c r="CQ19" s="61">
        <v>54</v>
      </c>
      <c r="CR19" s="61">
        <v>66</v>
      </c>
      <c r="CS19" s="61">
        <v>41</v>
      </c>
      <c r="CT19" s="61">
        <v>23</v>
      </c>
      <c r="CU19" s="61">
        <v>20</v>
      </c>
      <c r="CV19" s="62">
        <v>204</v>
      </c>
      <c r="CW19" s="63">
        <v>260</v>
      </c>
      <c r="CX19" s="113">
        <v>13</v>
      </c>
      <c r="CY19" s="72">
        <v>16</v>
      </c>
      <c r="CZ19" s="73">
        <v>29</v>
      </c>
      <c r="DA19" s="228"/>
      <c r="DB19" s="72">
        <v>20</v>
      </c>
      <c r="DC19" s="72">
        <v>19</v>
      </c>
      <c r="DD19" s="72">
        <v>18</v>
      </c>
      <c r="DE19" s="72">
        <v>13</v>
      </c>
      <c r="DF19" s="72">
        <v>7</v>
      </c>
      <c r="DG19" s="74">
        <v>77</v>
      </c>
      <c r="DH19" s="75">
        <v>106</v>
      </c>
      <c r="DI19" s="60">
        <v>0</v>
      </c>
      <c r="DJ19" s="61">
        <v>1</v>
      </c>
      <c r="DK19" s="62">
        <v>1</v>
      </c>
      <c r="DL19" s="228"/>
      <c r="DM19" s="61">
        <v>1</v>
      </c>
      <c r="DN19" s="61">
        <v>0</v>
      </c>
      <c r="DO19" s="61">
        <v>1</v>
      </c>
      <c r="DP19" s="61">
        <v>0</v>
      </c>
      <c r="DQ19" s="61">
        <v>0</v>
      </c>
      <c r="DR19" s="62">
        <v>2</v>
      </c>
      <c r="DS19" s="63">
        <v>3</v>
      </c>
      <c r="DT19" s="60">
        <v>2</v>
      </c>
      <c r="DU19" s="61">
        <v>2</v>
      </c>
      <c r="DV19" s="62">
        <v>4</v>
      </c>
      <c r="DW19" s="228"/>
      <c r="DX19" s="61">
        <v>1</v>
      </c>
      <c r="DY19" s="61">
        <v>2</v>
      </c>
      <c r="DZ19" s="61">
        <v>0</v>
      </c>
      <c r="EA19" s="61">
        <v>0</v>
      </c>
      <c r="EB19" s="61">
        <v>0</v>
      </c>
      <c r="EC19" s="62">
        <v>3</v>
      </c>
      <c r="ED19" s="63">
        <v>7</v>
      </c>
      <c r="EE19" s="60">
        <v>3</v>
      </c>
      <c r="EF19" s="61">
        <v>2</v>
      </c>
      <c r="EG19" s="62">
        <v>5</v>
      </c>
      <c r="EH19" s="228"/>
      <c r="EI19" s="61">
        <v>1</v>
      </c>
      <c r="EJ19" s="61">
        <v>1</v>
      </c>
      <c r="EK19" s="61">
        <v>1</v>
      </c>
      <c r="EL19" s="61">
        <v>0</v>
      </c>
      <c r="EM19" s="61">
        <v>1</v>
      </c>
      <c r="EN19" s="62">
        <v>4</v>
      </c>
      <c r="EO19" s="63">
        <v>9</v>
      </c>
      <c r="EP19" s="60">
        <v>5</v>
      </c>
      <c r="EQ19" s="61">
        <v>3</v>
      </c>
      <c r="ER19" s="62">
        <v>8</v>
      </c>
      <c r="ES19" s="228"/>
      <c r="ET19" s="61">
        <v>3</v>
      </c>
      <c r="EU19" s="61">
        <v>5</v>
      </c>
      <c r="EV19" s="61">
        <v>4</v>
      </c>
      <c r="EW19" s="61">
        <v>0</v>
      </c>
      <c r="EX19" s="61">
        <v>1</v>
      </c>
      <c r="EY19" s="62">
        <v>13</v>
      </c>
      <c r="EZ19" s="63">
        <v>21</v>
      </c>
      <c r="FA19" s="60">
        <v>1</v>
      </c>
      <c r="FB19" s="61">
        <v>4</v>
      </c>
      <c r="FC19" s="62">
        <v>5</v>
      </c>
      <c r="FD19" s="228"/>
      <c r="FE19" s="61">
        <v>7</v>
      </c>
      <c r="FF19" s="61">
        <v>5</v>
      </c>
      <c r="FG19" s="61">
        <v>4</v>
      </c>
      <c r="FH19" s="61">
        <v>3</v>
      </c>
      <c r="FI19" s="61">
        <v>0</v>
      </c>
      <c r="FJ19" s="62">
        <v>19</v>
      </c>
      <c r="FK19" s="63">
        <v>24</v>
      </c>
      <c r="FL19" s="60">
        <v>2</v>
      </c>
      <c r="FM19" s="61">
        <v>4</v>
      </c>
      <c r="FN19" s="62">
        <v>6</v>
      </c>
      <c r="FO19" s="228"/>
      <c r="FP19" s="61">
        <v>7</v>
      </c>
      <c r="FQ19" s="61">
        <v>6</v>
      </c>
      <c r="FR19" s="61">
        <v>8</v>
      </c>
      <c r="FS19" s="61">
        <v>10</v>
      </c>
      <c r="FT19" s="61">
        <v>5</v>
      </c>
      <c r="FU19" s="62">
        <v>36</v>
      </c>
      <c r="FV19" s="63">
        <v>42</v>
      </c>
      <c r="FW19" s="60">
        <v>0</v>
      </c>
      <c r="FX19" s="61">
        <v>0</v>
      </c>
      <c r="FY19" s="62">
        <v>0</v>
      </c>
      <c r="FZ19" s="228"/>
      <c r="GA19" s="61">
        <v>0</v>
      </c>
      <c r="GB19" s="61">
        <v>0</v>
      </c>
      <c r="GC19" s="61">
        <v>0</v>
      </c>
      <c r="GD19" s="61">
        <v>0</v>
      </c>
      <c r="GE19" s="61">
        <v>0</v>
      </c>
      <c r="GF19" s="62">
        <v>0</v>
      </c>
      <c r="GG19" s="63">
        <v>0</v>
      </c>
      <c r="GH19" s="60">
        <v>13</v>
      </c>
      <c r="GI19" s="61">
        <v>16</v>
      </c>
      <c r="GJ19" s="62">
        <v>29</v>
      </c>
      <c r="GK19" s="228"/>
      <c r="GL19" s="61">
        <v>20</v>
      </c>
      <c r="GM19" s="61">
        <v>19</v>
      </c>
      <c r="GN19" s="61">
        <v>18</v>
      </c>
      <c r="GO19" s="61">
        <v>13</v>
      </c>
      <c r="GP19" s="61">
        <v>7</v>
      </c>
      <c r="GQ19" s="62">
        <v>77</v>
      </c>
      <c r="GR19" s="63">
        <v>106</v>
      </c>
      <c r="GS19" s="113">
        <v>37</v>
      </c>
      <c r="GT19" s="72">
        <v>48</v>
      </c>
      <c r="GU19" s="73">
        <v>85</v>
      </c>
      <c r="GV19" s="228"/>
      <c r="GW19" s="72">
        <v>74</v>
      </c>
      <c r="GX19" s="72">
        <v>85</v>
      </c>
      <c r="GY19" s="72">
        <v>59</v>
      </c>
      <c r="GZ19" s="72">
        <v>36</v>
      </c>
      <c r="HA19" s="72">
        <v>27</v>
      </c>
      <c r="HB19" s="74">
        <v>281</v>
      </c>
      <c r="HC19" s="75">
        <v>366</v>
      </c>
      <c r="HD19" s="60">
        <v>0</v>
      </c>
      <c r="HE19" s="61">
        <v>2</v>
      </c>
      <c r="HF19" s="62">
        <v>2</v>
      </c>
      <c r="HG19" s="228"/>
      <c r="HH19" s="61">
        <v>2</v>
      </c>
      <c r="HI19" s="61">
        <v>2</v>
      </c>
      <c r="HJ19" s="61">
        <v>2</v>
      </c>
      <c r="HK19" s="61">
        <v>1</v>
      </c>
      <c r="HL19" s="61">
        <v>3</v>
      </c>
      <c r="HM19" s="62">
        <v>10</v>
      </c>
      <c r="HN19" s="63">
        <v>12</v>
      </c>
      <c r="HO19" s="60">
        <v>3</v>
      </c>
      <c r="HP19" s="61">
        <v>6</v>
      </c>
      <c r="HQ19" s="62">
        <v>9</v>
      </c>
      <c r="HR19" s="228"/>
      <c r="HS19" s="61">
        <v>5</v>
      </c>
      <c r="HT19" s="61">
        <v>9</v>
      </c>
      <c r="HU19" s="61">
        <v>4</v>
      </c>
      <c r="HV19" s="61">
        <v>0</v>
      </c>
      <c r="HW19" s="61">
        <v>2</v>
      </c>
      <c r="HX19" s="62">
        <v>20</v>
      </c>
      <c r="HY19" s="63">
        <v>29</v>
      </c>
      <c r="HZ19" s="60">
        <v>7</v>
      </c>
      <c r="IA19" s="61">
        <v>5</v>
      </c>
      <c r="IB19" s="62">
        <v>12</v>
      </c>
      <c r="IC19" s="228"/>
      <c r="ID19" s="61">
        <v>6</v>
      </c>
      <c r="IE19" s="61">
        <v>14</v>
      </c>
      <c r="IF19" s="61">
        <v>6</v>
      </c>
      <c r="IG19" s="61">
        <v>4</v>
      </c>
      <c r="IH19" s="61">
        <v>4</v>
      </c>
      <c r="II19" s="62">
        <v>34</v>
      </c>
      <c r="IJ19" s="63">
        <v>46</v>
      </c>
      <c r="IK19" s="60">
        <v>13</v>
      </c>
      <c r="IL19" s="61">
        <v>10</v>
      </c>
      <c r="IM19" s="62">
        <v>23</v>
      </c>
      <c r="IN19" s="228"/>
      <c r="IO19" s="61">
        <v>21</v>
      </c>
      <c r="IP19" s="61">
        <v>24</v>
      </c>
      <c r="IQ19" s="61">
        <v>13</v>
      </c>
      <c r="IR19" s="61">
        <v>3</v>
      </c>
      <c r="IS19" s="61">
        <v>7</v>
      </c>
      <c r="IT19" s="62">
        <v>68</v>
      </c>
      <c r="IU19" s="63">
        <v>91</v>
      </c>
      <c r="IV19" s="60">
        <v>11</v>
      </c>
      <c r="IW19" s="61">
        <v>14</v>
      </c>
      <c r="IX19" s="62">
        <v>25</v>
      </c>
      <c r="IY19" s="228"/>
      <c r="IZ19" s="61">
        <v>23</v>
      </c>
      <c r="JA19" s="61">
        <v>19</v>
      </c>
      <c r="JB19" s="61">
        <v>16</v>
      </c>
      <c r="JC19" s="61">
        <v>10</v>
      </c>
      <c r="JD19" s="61">
        <v>5</v>
      </c>
      <c r="JE19" s="62">
        <v>73</v>
      </c>
      <c r="JF19" s="63">
        <v>98</v>
      </c>
      <c r="JG19" s="60">
        <v>3</v>
      </c>
      <c r="JH19" s="61">
        <v>11</v>
      </c>
      <c r="JI19" s="62">
        <v>14</v>
      </c>
      <c r="JJ19" s="228"/>
      <c r="JK19" s="61">
        <v>17</v>
      </c>
      <c r="JL19" s="61">
        <v>17</v>
      </c>
      <c r="JM19" s="61">
        <v>18</v>
      </c>
      <c r="JN19" s="61">
        <v>18</v>
      </c>
      <c r="JO19" s="61">
        <v>6</v>
      </c>
      <c r="JP19" s="62">
        <v>76</v>
      </c>
      <c r="JQ19" s="63">
        <v>90</v>
      </c>
      <c r="JR19" s="60">
        <v>0</v>
      </c>
      <c r="JS19" s="61">
        <v>0</v>
      </c>
      <c r="JT19" s="62">
        <v>0</v>
      </c>
      <c r="JU19" s="228"/>
      <c r="JV19" s="61">
        <v>0</v>
      </c>
      <c r="JW19" s="61">
        <v>0</v>
      </c>
      <c r="JX19" s="61">
        <v>0</v>
      </c>
      <c r="JY19" s="61">
        <v>0</v>
      </c>
      <c r="JZ19" s="61">
        <v>0</v>
      </c>
      <c r="KA19" s="62">
        <v>0</v>
      </c>
      <c r="KB19" s="63">
        <v>0</v>
      </c>
      <c r="KC19" s="60">
        <v>37</v>
      </c>
      <c r="KD19" s="61">
        <v>48</v>
      </c>
      <c r="KE19" s="62">
        <v>85</v>
      </c>
      <c r="KF19" s="228"/>
      <c r="KG19" s="61">
        <v>74</v>
      </c>
      <c r="KH19" s="61">
        <v>85</v>
      </c>
      <c r="KI19" s="61">
        <v>59</v>
      </c>
      <c r="KJ19" s="61">
        <v>36</v>
      </c>
      <c r="KK19" s="61">
        <v>27</v>
      </c>
      <c r="KL19" s="62">
        <v>281</v>
      </c>
      <c r="KM19" s="63">
        <v>366</v>
      </c>
    </row>
    <row r="20" spans="2:299" ht="21" customHeight="1" x14ac:dyDescent="0.2">
      <c r="B20" s="472" t="s">
        <v>17</v>
      </c>
      <c r="C20" s="293">
        <v>53</v>
      </c>
      <c r="D20" s="72">
        <v>55</v>
      </c>
      <c r="E20" s="73">
        <v>108</v>
      </c>
      <c r="F20" s="228"/>
      <c r="G20" s="72">
        <v>75</v>
      </c>
      <c r="H20" s="72">
        <v>86</v>
      </c>
      <c r="I20" s="72">
        <v>64</v>
      </c>
      <c r="J20" s="72">
        <v>43</v>
      </c>
      <c r="K20" s="72">
        <v>28</v>
      </c>
      <c r="L20" s="74">
        <v>296</v>
      </c>
      <c r="M20" s="75">
        <v>404</v>
      </c>
      <c r="N20" s="60">
        <v>3</v>
      </c>
      <c r="O20" s="61">
        <v>3</v>
      </c>
      <c r="P20" s="62">
        <v>6</v>
      </c>
      <c r="Q20" s="228"/>
      <c r="R20" s="61">
        <v>3</v>
      </c>
      <c r="S20" s="61">
        <v>4</v>
      </c>
      <c r="T20" s="61">
        <v>2</v>
      </c>
      <c r="U20" s="61">
        <v>2</v>
      </c>
      <c r="V20" s="61">
        <v>1</v>
      </c>
      <c r="W20" s="62">
        <v>12</v>
      </c>
      <c r="X20" s="63">
        <v>18</v>
      </c>
      <c r="Y20" s="60">
        <v>1</v>
      </c>
      <c r="Z20" s="61">
        <v>4</v>
      </c>
      <c r="AA20" s="62">
        <v>5</v>
      </c>
      <c r="AB20" s="228"/>
      <c r="AC20" s="61">
        <v>4</v>
      </c>
      <c r="AD20" s="61">
        <v>15</v>
      </c>
      <c r="AE20" s="61">
        <v>5</v>
      </c>
      <c r="AF20" s="61">
        <v>4</v>
      </c>
      <c r="AG20" s="61">
        <v>2</v>
      </c>
      <c r="AH20" s="62">
        <v>30</v>
      </c>
      <c r="AI20" s="63">
        <v>35</v>
      </c>
      <c r="AJ20" s="60">
        <v>5</v>
      </c>
      <c r="AK20" s="61">
        <v>4</v>
      </c>
      <c r="AL20" s="62">
        <v>9</v>
      </c>
      <c r="AM20" s="228"/>
      <c r="AN20" s="61">
        <v>15</v>
      </c>
      <c r="AO20" s="61">
        <v>8</v>
      </c>
      <c r="AP20" s="61">
        <v>9</v>
      </c>
      <c r="AQ20" s="61">
        <v>9</v>
      </c>
      <c r="AR20" s="61">
        <v>6</v>
      </c>
      <c r="AS20" s="62">
        <v>47</v>
      </c>
      <c r="AT20" s="63">
        <v>56</v>
      </c>
      <c r="AU20" s="60">
        <v>12</v>
      </c>
      <c r="AV20" s="61">
        <v>12</v>
      </c>
      <c r="AW20" s="62">
        <v>24</v>
      </c>
      <c r="AX20" s="228"/>
      <c r="AY20" s="61">
        <v>18</v>
      </c>
      <c r="AZ20" s="61">
        <v>19</v>
      </c>
      <c r="BA20" s="61">
        <v>17</v>
      </c>
      <c r="BB20" s="61">
        <v>7</v>
      </c>
      <c r="BC20" s="61">
        <v>7</v>
      </c>
      <c r="BD20" s="62">
        <v>68</v>
      </c>
      <c r="BE20" s="63">
        <v>92</v>
      </c>
      <c r="BF20" s="60">
        <v>20</v>
      </c>
      <c r="BG20" s="61">
        <v>15</v>
      </c>
      <c r="BH20" s="62">
        <v>35</v>
      </c>
      <c r="BI20" s="228"/>
      <c r="BJ20" s="61">
        <v>25</v>
      </c>
      <c r="BK20" s="61">
        <v>17</v>
      </c>
      <c r="BL20" s="61">
        <v>15</v>
      </c>
      <c r="BM20" s="61">
        <v>13</v>
      </c>
      <c r="BN20" s="61">
        <v>4</v>
      </c>
      <c r="BO20" s="62">
        <v>74</v>
      </c>
      <c r="BP20" s="63">
        <v>109</v>
      </c>
      <c r="BQ20" s="60">
        <v>12</v>
      </c>
      <c r="BR20" s="61">
        <v>17</v>
      </c>
      <c r="BS20" s="62">
        <v>29</v>
      </c>
      <c r="BT20" s="228"/>
      <c r="BU20" s="61">
        <v>10</v>
      </c>
      <c r="BV20" s="61">
        <v>23</v>
      </c>
      <c r="BW20" s="61">
        <v>16</v>
      </c>
      <c r="BX20" s="61">
        <v>8</v>
      </c>
      <c r="BY20" s="61">
        <v>8</v>
      </c>
      <c r="BZ20" s="62">
        <v>65</v>
      </c>
      <c r="CA20" s="63">
        <v>94</v>
      </c>
      <c r="CB20" s="60">
        <v>0</v>
      </c>
      <c r="CC20" s="61">
        <v>0</v>
      </c>
      <c r="CD20" s="62">
        <v>0</v>
      </c>
      <c r="CE20" s="228"/>
      <c r="CF20" s="61">
        <v>0</v>
      </c>
      <c r="CG20" s="61">
        <v>0</v>
      </c>
      <c r="CH20" s="61">
        <v>0</v>
      </c>
      <c r="CI20" s="61">
        <v>0</v>
      </c>
      <c r="CJ20" s="61">
        <v>0</v>
      </c>
      <c r="CK20" s="62">
        <v>0</v>
      </c>
      <c r="CL20" s="63">
        <v>0</v>
      </c>
      <c r="CM20" s="60">
        <v>53</v>
      </c>
      <c r="CN20" s="61">
        <v>55</v>
      </c>
      <c r="CO20" s="62">
        <v>108</v>
      </c>
      <c r="CP20" s="228"/>
      <c r="CQ20" s="61">
        <v>75</v>
      </c>
      <c r="CR20" s="61">
        <v>86</v>
      </c>
      <c r="CS20" s="61">
        <v>64</v>
      </c>
      <c r="CT20" s="61">
        <v>43</v>
      </c>
      <c r="CU20" s="61">
        <v>28</v>
      </c>
      <c r="CV20" s="62">
        <v>296</v>
      </c>
      <c r="CW20" s="63">
        <v>404</v>
      </c>
      <c r="CX20" s="113">
        <v>12</v>
      </c>
      <c r="CY20" s="72">
        <v>27</v>
      </c>
      <c r="CZ20" s="73">
        <v>39</v>
      </c>
      <c r="DA20" s="228"/>
      <c r="DB20" s="72">
        <v>30</v>
      </c>
      <c r="DC20" s="72">
        <v>35</v>
      </c>
      <c r="DD20" s="72">
        <v>31</v>
      </c>
      <c r="DE20" s="72">
        <v>17</v>
      </c>
      <c r="DF20" s="72">
        <v>24</v>
      </c>
      <c r="DG20" s="74">
        <v>137</v>
      </c>
      <c r="DH20" s="75">
        <v>176</v>
      </c>
      <c r="DI20" s="60">
        <v>2</v>
      </c>
      <c r="DJ20" s="61">
        <v>1</v>
      </c>
      <c r="DK20" s="62">
        <v>3</v>
      </c>
      <c r="DL20" s="228"/>
      <c r="DM20" s="61">
        <v>0</v>
      </c>
      <c r="DN20" s="61">
        <v>0</v>
      </c>
      <c r="DO20" s="61">
        <v>0</v>
      </c>
      <c r="DP20" s="61">
        <v>0</v>
      </c>
      <c r="DQ20" s="61">
        <v>0</v>
      </c>
      <c r="DR20" s="62">
        <v>0</v>
      </c>
      <c r="DS20" s="63">
        <v>3</v>
      </c>
      <c r="DT20" s="60">
        <v>0</v>
      </c>
      <c r="DU20" s="61">
        <v>1</v>
      </c>
      <c r="DV20" s="62">
        <v>1</v>
      </c>
      <c r="DW20" s="228"/>
      <c r="DX20" s="61">
        <v>2</v>
      </c>
      <c r="DY20" s="61">
        <v>3</v>
      </c>
      <c r="DZ20" s="61">
        <v>1</v>
      </c>
      <c r="EA20" s="61">
        <v>1</v>
      </c>
      <c r="EB20" s="61">
        <v>1</v>
      </c>
      <c r="EC20" s="62">
        <v>8</v>
      </c>
      <c r="ED20" s="63">
        <v>9</v>
      </c>
      <c r="EE20" s="60">
        <v>3</v>
      </c>
      <c r="EF20" s="61">
        <v>2</v>
      </c>
      <c r="EG20" s="62">
        <v>5</v>
      </c>
      <c r="EH20" s="228"/>
      <c r="EI20" s="61">
        <v>6</v>
      </c>
      <c r="EJ20" s="61">
        <v>5</v>
      </c>
      <c r="EK20" s="61">
        <v>5</v>
      </c>
      <c r="EL20" s="61">
        <v>2</v>
      </c>
      <c r="EM20" s="61">
        <v>1</v>
      </c>
      <c r="EN20" s="62">
        <v>19</v>
      </c>
      <c r="EO20" s="63">
        <v>24</v>
      </c>
      <c r="EP20" s="60">
        <v>3</v>
      </c>
      <c r="EQ20" s="61">
        <v>8</v>
      </c>
      <c r="ER20" s="62">
        <v>11</v>
      </c>
      <c r="ES20" s="228"/>
      <c r="ET20" s="61">
        <v>4</v>
      </c>
      <c r="EU20" s="61">
        <v>6</v>
      </c>
      <c r="EV20" s="61">
        <v>7</v>
      </c>
      <c r="EW20" s="61">
        <v>6</v>
      </c>
      <c r="EX20" s="61">
        <v>8</v>
      </c>
      <c r="EY20" s="62">
        <v>31</v>
      </c>
      <c r="EZ20" s="63">
        <v>42</v>
      </c>
      <c r="FA20" s="60">
        <v>3</v>
      </c>
      <c r="FB20" s="61">
        <v>9</v>
      </c>
      <c r="FC20" s="62">
        <v>12</v>
      </c>
      <c r="FD20" s="228"/>
      <c r="FE20" s="61">
        <v>8</v>
      </c>
      <c r="FF20" s="61">
        <v>8</v>
      </c>
      <c r="FG20" s="61">
        <v>6</v>
      </c>
      <c r="FH20" s="61">
        <v>3</v>
      </c>
      <c r="FI20" s="61">
        <v>5</v>
      </c>
      <c r="FJ20" s="62">
        <v>30</v>
      </c>
      <c r="FK20" s="63">
        <v>42</v>
      </c>
      <c r="FL20" s="60">
        <v>1</v>
      </c>
      <c r="FM20" s="61">
        <v>6</v>
      </c>
      <c r="FN20" s="62">
        <v>7</v>
      </c>
      <c r="FO20" s="228"/>
      <c r="FP20" s="61">
        <v>10</v>
      </c>
      <c r="FQ20" s="61">
        <v>13</v>
      </c>
      <c r="FR20" s="61">
        <v>12</v>
      </c>
      <c r="FS20" s="61">
        <v>5</v>
      </c>
      <c r="FT20" s="61">
        <v>9</v>
      </c>
      <c r="FU20" s="62">
        <v>49</v>
      </c>
      <c r="FV20" s="63">
        <v>56</v>
      </c>
      <c r="FW20" s="60">
        <v>0</v>
      </c>
      <c r="FX20" s="61">
        <v>0</v>
      </c>
      <c r="FY20" s="62">
        <v>0</v>
      </c>
      <c r="FZ20" s="228"/>
      <c r="GA20" s="61">
        <v>0</v>
      </c>
      <c r="GB20" s="61">
        <v>0</v>
      </c>
      <c r="GC20" s="61">
        <v>0</v>
      </c>
      <c r="GD20" s="61">
        <v>0</v>
      </c>
      <c r="GE20" s="61">
        <v>0</v>
      </c>
      <c r="GF20" s="62">
        <v>0</v>
      </c>
      <c r="GG20" s="63">
        <v>0</v>
      </c>
      <c r="GH20" s="60">
        <v>12</v>
      </c>
      <c r="GI20" s="61">
        <v>27</v>
      </c>
      <c r="GJ20" s="62">
        <v>39</v>
      </c>
      <c r="GK20" s="228"/>
      <c r="GL20" s="61">
        <v>30</v>
      </c>
      <c r="GM20" s="61">
        <v>35</v>
      </c>
      <c r="GN20" s="61">
        <v>31</v>
      </c>
      <c r="GO20" s="61">
        <v>17</v>
      </c>
      <c r="GP20" s="61">
        <v>24</v>
      </c>
      <c r="GQ20" s="62">
        <v>137</v>
      </c>
      <c r="GR20" s="63">
        <v>176</v>
      </c>
      <c r="GS20" s="113">
        <v>65</v>
      </c>
      <c r="GT20" s="72">
        <v>82</v>
      </c>
      <c r="GU20" s="73">
        <v>147</v>
      </c>
      <c r="GV20" s="228"/>
      <c r="GW20" s="72">
        <v>105</v>
      </c>
      <c r="GX20" s="72">
        <v>121</v>
      </c>
      <c r="GY20" s="72">
        <v>95</v>
      </c>
      <c r="GZ20" s="72">
        <v>60</v>
      </c>
      <c r="HA20" s="72">
        <v>52</v>
      </c>
      <c r="HB20" s="74">
        <v>433</v>
      </c>
      <c r="HC20" s="75">
        <v>580</v>
      </c>
      <c r="HD20" s="60">
        <v>5</v>
      </c>
      <c r="HE20" s="61">
        <v>4</v>
      </c>
      <c r="HF20" s="62">
        <v>9</v>
      </c>
      <c r="HG20" s="228"/>
      <c r="HH20" s="61">
        <v>3</v>
      </c>
      <c r="HI20" s="61">
        <v>4</v>
      </c>
      <c r="HJ20" s="61">
        <v>2</v>
      </c>
      <c r="HK20" s="61">
        <v>2</v>
      </c>
      <c r="HL20" s="61">
        <v>1</v>
      </c>
      <c r="HM20" s="62">
        <v>12</v>
      </c>
      <c r="HN20" s="63">
        <v>21</v>
      </c>
      <c r="HO20" s="60">
        <v>1</v>
      </c>
      <c r="HP20" s="61">
        <v>5</v>
      </c>
      <c r="HQ20" s="62">
        <v>6</v>
      </c>
      <c r="HR20" s="228"/>
      <c r="HS20" s="61">
        <v>6</v>
      </c>
      <c r="HT20" s="61">
        <v>18</v>
      </c>
      <c r="HU20" s="61">
        <v>6</v>
      </c>
      <c r="HV20" s="61">
        <v>5</v>
      </c>
      <c r="HW20" s="61">
        <v>3</v>
      </c>
      <c r="HX20" s="62">
        <v>38</v>
      </c>
      <c r="HY20" s="63">
        <v>44</v>
      </c>
      <c r="HZ20" s="60">
        <v>8</v>
      </c>
      <c r="IA20" s="61">
        <v>6</v>
      </c>
      <c r="IB20" s="62">
        <v>14</v>
      </c>
      <c r="IC20" s="228"/>
      <c r="ID20" s="61">
        <v>21</v>
      </c>
      <c r="IE20" s="61">
        <v>13</v>
      </c>
      <c r="IF20" s="61">
        <v>14</v>
      </c>
      <c r="IG20" s="61">
        <v>11</v>
      </c>
      <c r="IH20" s="61">
        <v>7</v>
      </c>
      <c r="II20" s="62">
        <v>66</v>
      </c>
      <c r="IJ20" s="63">
        <v>80</v>
      </c>
      <c r="IK20" s="60">
        <v>15</v>
      </c>
      <c r="IL20" s="61">
        <v>20</v>
      </c>
      <c r="IM20" s="62">
        <v>35</v>
      </c>
      <c r="IN20" s="228"/>
      <c r="IO20" s="61">
        <v>22</v>
      </c>
      <c r="IP20" s="61">
        <v>25</v>
      </c>
      <c r="IQ20" s="61">
        <v>24</v>
      </c>
      <c r="IR20" s="61">
        <v>13</v>
      </c>
      <c r="IS20" s="61">
        <v>15</v>
      </c>
      <c r="IT20" s="62">
        <v>99</v>
      </c>
      <c r="IU20" s="63">
        <v>134</v>
      </c>
      <c r="IV20" s="60">
        <v>23</v>
      </c>
      <c r="IW20" s="61">
        <v>24</v>
      </c>
      <c r="IX20" s="62">
        <v>47</v>
      </c>
      <c r="IY20" s="228"/>
      <c r="IZ20" s="61">
        <v>33</v>
      </c>
      <c r="JA20" s="61">
        <v>25</v>
      </c>
      <c r="JB20" s="61">
        <v>21</v>
      </c>
      <c r="JC20" s="61">
        <v>16</v>
      </c>
      <c r="JD20" s="61">
        <v>9</v>
      </c>
      <c r="JE20" s="62">
        <v>104</v>
      </c>
      <c r="JF20" s="63">
        <v>151</v>
      </c>
      <c r="JG20" s="60">
        <v>13</v>
      </c>
      <c r="JH20" s="61">
        <v>23</v>
      </c>
      <c r="JI20" s="62">
        <v>36</v>
      </c>
      <c r="JJ20" s="228"/>
      <c r="JK20" s="61">
        <v>20</v>
      </c>
      <c r="JL20" s="61">
        <v>36</v>
      </c>
      <c r="JM20" s="61">
        <v>28</v>
      </c>
      <c r="JN20" s="61">
        <v>13</v>
      </c>
      <c r="JO20" s="61">
        <v>17</v>
      </c>
      <c r="JP20" s="62">
        <v>114</v>
      </c>
      <c r="JQ20" s="63">
        <v>150</v>
      </c>
      <c r="JR20" s="60">
        <v>0</v>
      </c>
      <c r="JS20" s="61">
        <v>0</v>
      </c>
      <c r="JT20" s="62">
        <v>0</v>
      </c>
      <c r="JU20" s="228"/>
      <c r="JV20" s="61">
        <v>0</v>
      </c>
      <c r="JW20" s="61">
        <v>0</v>
      </c>
      <c r="JX20" s="61">
        <v>0</v>
      </c>
      <c r="JY20" s="61">
        <v>0</v>
      </c>
      <c r="JZ20" s="61">
        <v>0</v>
      </c>
      <c r="KA20" s="62">
        <v>0</v>
      </c>
      <c r="KB20" s="63">
        <v>0</v>
      </c>
      <c r="KC20" s="60">
        <v>65</v>
      </c>
      <c r="KD20" s="61">
        <v>82</v>
      </c>
      <c r="KE20" s="62">
        <v>147</v>
      </c>
      <c r="KF20" s="228"/>
      <c r="KG20" s="61">
        <v>105</v>
      </c>
      <c r="KH20" s="61">
        <v>121</v>
      </c>
      <c r="KI20" s="61">
        <v>95</v>
      </c>
      <c r="KJ20" s="61">
        <v>60</v>
      </c>
      <c r="KK20" s="61">
        <v>52</v>
      </c>
      <c r="KL20" s="62">
        <v>433</v>
      </c>
      <c r="KM20" s="63">
        <v>580</v>
      </c>
    </row>
    <row r="21" spans="2:299" ht="21" customHeight="1" x14ac:dyDescent="0.2">
      <c r="B21" s="472" t="s">
        <v>18</v>
      </c>
      <c r="C21" s="293">
        <v>63</v>
      </c>
      <c r="D21" s="72">
        <v>64</v>
      </c>
      <c r="E21" s="73">
        <v>127</v>
      </c>
      <c r="F21" s="228"/>
      <c r="G21" s="72">
        <v>116</v>
      </c>
      <c r="H21" s="72">
        <v>94</v>
      </c>
      <c r="I21" s="72">
        <v>44</v>
      </c>
      <c r="J21" s="72">
        <v>52</v>
      </c>
      <c r="K21" s="72">
        <v>26</v>
      </c>
      <c r="L21" s="74">
        <v>332</v>
      </c>
      <c r="M21" s="75">
        <v>459</v>
      </c>
      <c r="N21" s="60">
        <v>2</v>
      </c>
      <c r="O21" s="61">
        <v>3</v>
      </c>
      <c r="P21" s="62">
        <v>5</v>
      </c>
      <c r="Q21" s="228"/>
      <c r="R21" s="61">
        <v>9</v>
      </c>
      <c r="S21" s="61">
        <v>5</v>
      </c>
      <c r="T21" s="61">
        <v>4</v>
      </c>
      <c r="U21" s="61">
        <v>1</v>
      </c>
      <c r="V21" s="61">
        <v>3</v>
      </c>
      <c r="W21" s="62">
        <v>22</v>
      </c>
      <c r="X21" s="63">
        <v>27</v>
      </c>
      <c r="Y21" s="60">
        <v>8</v>
      </c>
      <c r="Z21" s="61">
        <v>6</v>
      </c>
      <c r="AA21" s="62">
        <v>14</v>
      </c>
      <c r="AB21" s="228"/>
      <c r="AC21" s="61">
        <v>11</v>
      </c>
      <c r="AD21" s="61">
        <v>8</v>
      </c>
      <c r="AE21" s="61">
        <v>2</v>
      </c>
      <c r="AF21" s="61">
        <v>2</v>
      </c>
      <c r="AG21" s="61">
        <v>4</v>
      </c>
      <c r="AH21" s="62">
        <v>27</v>
      </c>
      <c r="AI21" s="63">
        <v>41</v>
      </c>
      <c r="AJ21" s="60">
        <v>9</v>
      </c>
      <c r="AK21" s="61">
        <v>9</v>
      </c>
      <c r="AL21" s="62">
        <v>18</v>
      </c>
      <c r="AM21" s="228"/>
      <c r="AN21" s="61">
        <v>16</v>
      </c>
      <c r="AO21" s="61">
        <v>10</v>
      </c>
      <c r="AP21" s="61">
        <v>7</v>
      </c>
      <c r="AQ21" s="61">
        <v>10</v>
      </c>
      <c r="AR21" s="61">
        <v>4</v>
      </c>
      <c r="AS21" s="62">
        <v>47</v>
      </c>
      <c r="AT21" s="63">
        <v>65</v>
      </c>
      <c r="AU21" s="60">
        <v>11</v>
      </c>
      <c r="AV21" s="61">
        <v>21</v>
      </c>
      <c r="AW21" s="62">
        <v>32</v>
      </c>
      <c r="AX21" s="228"/>
      <c r="AY21" s="61">
        <v>30</v>
      </c>
      <c r="AZ21" s="61">
        <v>24</v>
      </c>
      <c r="BA21" s="61">
        <v>8</v>
      </c>
      <c r="BB21" s="61">
        <v>13</v>
      </c>
      <c r="BC21" s="61">
        <v>4</v>
      </c>
      <c r="BD21" s="62">
        <v>79</v>
      </c>
      <c r="BE21" s="63">
        <v>111</v>
      </c>
      <c r="BF21" s="60">
        <v>19</v>
      </c>
      <c r="BG21" s="61">
        <v>13</v>
      </c>
      <c r="BH21" s="62">
        <v>32</v>
      </c>
      <c r="BI21" s="228"/>
      <c r="BJ21" s="61">
        <v>27</v>
      </c>
      <c r="BK21" s="61">
        <v>25</v>
      </c>
      <c r="BL21" s="61">
        <v>11</v>
      </c>
      <c r="BM21" s="61">
        <v>11</v>
      </c>
      <c r="BN21" s="61">
        <v>5</v>
      </c>
      <c r="BO21" s="62">
        <v>79</v>
      </c>
      <c r="BP21" s="63">
        <v>111</v>
      </c>
      <c r="BQ21" s="60">
        <v>14</v>
      </c>
      <c r="BR21" s="61">
        <v>12</v>
      </c>
      <c r="BS21" s="62">
        <v>26</v>
      </c>
      <c r="BT21" s="228"/>
      <c r="BU21" s="61">
        <v>23</v>
      </c>
      <c r="BV21" s="61">
        <v>22</v>
      </c>
      <c r="BW21" s="61">
        <v>12</v>
      </c>
      <c r="BX21" s="61">
        <v>15</v>
      </c>
      <c r="BY21" s="61">
        <v>6</v>
      </c>
      <c r="BZ21" s="62">
        <v>78</v>
      </c>
      <c r="CA21" s="63">
        <v>104</v>
      </c>
      <c r="CB21" s="60">
        <v>0</v>
      </c>
      <c r="CC21" s="61">
        <v>0</v>
      </c>
      <c r="CD21" s="62">
        <v>0</v>
      </c>
      <c r="CE21" s="228"/>
      <c r="CF21" s="61">
        <v>0</v>
      </c>
      <c r="CG21" s="61">
        <v>0</v>
      </c>
      <c r="CH21" s="61">
        <v>0</v>
      </c>
      <c r="CI21" s="61">
        <v>0</v>
      </c>
      <c r="CJ21" s="61">
        <v>0</v>
      </c>
      <c r="CK21" s="62">
        <v>0</v>
      </c>
      <c r="CL21" s="63">
        <v>0</v>
      </c>
      <c r="CM21" s="60">
        <v>63</v>
      </c>
      <c r="CN21" s="61">
        <v>64</v>
      </c>
      <c r="CO21" s="62">
        <v>127</v>
      </c>
      <c r="CP21" s="228"/>
      <c r="CQ21" s="61">
        <v>116</v>
      </c>
      <c r="CR21" s="61">
        <v>94</v>
      </c>
      <c r="CS21" s="61">
        <v>44</v>
      </c>
      <c r="CT21" s="61">
        <v>52</v>
      </c>
      <c r="CU21" s="61">
        <v>26</v>
      </c>
      <c r="CV21" s="62">
        <v>332</v>
      </c>
      <c r="CW21" s="63">
        <v>459</v>
      </c>
      <c r="CX21" s="113">
        <v>24</v>
      </c>
      <c r="CY21" s="72">
        <v>30</v>
      </c>
      <c r="CZ21" s="73">
        <v>54</v>
      </c>
      <c r="DA21" s="228"/>
      <c r="DB21" s="72">
        <v>43</v>
      </c>
      <c r="DC21" s="72">
        <v>36</v>
      </c>
      <c r="DD21" s="72">
        <v>37</v>
      </c>
      <c r="DE21" s="72">
        <v>25</v>
      </c>
      <c r="DF21" s="72">
        <v>28</v>
      </c>
      <c r="DG21" s="74">
        <v>169</v>
      </c>
      <c r="DH21" s="75">
        <v>223</v>
      </c>
      <c r="DI21" s="60">
        <v>2</v>
      </c>
      <c r="DJ21" s="61">
        <v>1</v>
      </c>
      <c r="DK21" s="62">
        <v>3</v>
      </c>
      <c r="DL21" s="228"/>
      <c r="DM21" s="61">
        <v>2</v>
      </c>
      <c r="DN21" s="61">
        <v>0</v>
      </c>
      <c r="DO21" s="61">
        <v>0</v>
      </c>
      <c r="DP21" s="61">
        <v>0</v>
      </c>
      <c r="DQ21" s="61">
        <v>3</v>
      </c>
      <c r="DR21" s="62">
        <v>5</v>
      </c>
      <c r="DS21" s="63">
        <v>8</v>
      </c>
      <c r="DT21" s="60">
        <v>4</v>
      </c>
      <c r="DU21" s="61">
        <v>4</v>
      </c>
      <c r="DV21" s="62">
        <v>8</v>
      </c>
      <c r="DW21" s="228"/>
      <c r="DX21" s="61">
        <v>2</v>
      </c>
      <c r="DY21" s="61">
        <v>3</v>
      </c>
      <c r="DZ21" s="61">
        <v>0</v>
      </c>
      <c r="EA21" s="61">
        <v>0</v>
      </c>
      <c r="EB21" s="61">
        <v>3</v>
      </c>
      <c r="EC21" s="62">
        <v>8</v>
      </c>
      <c r="ED21" s="63">
        <v>16</v>
      </c>
      <c r="EE21" s="60">
        <v>2</v>
      </c>
      <c r="EF21" s="61">
        <v>8</v>
      </c>
      <c r="EG21" s="62">
        <v>10</v>
      </c>
      <c r="EH21" s="228"/>
      <c r="EI21" s="61">
        <v>4</v>
      </c>
      <c r="EJ21" s="61">
        <v>5</v>
      </c>
      <c r="EK21" s="61">
        <v>2</v>
      </c>
      <c r="EL21" s="61">
        <v>1</v>
      </c>
      <c r="EM21" s="61">
        <v>2</v>
      </c>
      <c r="EN21" s="62">
        <v>14</v>
      </c>
      <c r="EO21" s="63">
        <v>24</v>
      </c>
      <c r="EP21" s="60">
        <v>8</v>
      </c>
      <c r="EQ21" s="61">
        <v>9</v>
      </c>
      <c r="ER21" s="62">
        <v>17</v>
      </c>
      <c r="ES21" s="228"/>
      <c r="ET21" s="61">
        <v>10</v>
      </c>
      <c r="EU21" s="61">
        <v>10</v>
      </c>
      <c r="EV21" s="61">
        <v>4</v>
      </c>
      <c r="EW21" s="61">
        <v>6</v>
      </c>
      <c r="EX21" s="61">
        <v>2</v>
      </c>
      <c r="EY21" s="62">
        <v>32</v>
      </c>
      <c r="EZ21" s="63">
        <v>49</v>
      </c>
      <c r="FA21" s="60">
        <v>8</v>
      </c>
      <c r="FB21" s="61">
        <v>6</v>
      </c>
      <c r="FC21" s="62">
        <v>14</v>
      </c>
      <c r="FD21" s="228"/>
      <c r="FE21" s="61">
        <v>17</v>
      </c>
      <c r="FF21" s="61">
        <v>6</v>
      </c>
      <c r="FG21" s="61">
        <v>11</v>
      </c>
      <c r="FH21" s="61">
        <v>6</v>
      </c>
      <c r="FI21" s="61">
        <v>6</v>
      </c>
      <c r="FJ21" s="62">
        <v>46</v>
      </c>
      <c r="FK21" s="63">
        <v>60</v>
      </c>
      <c r="FL21" s="60">
        <v>0</v>
      </c>
      <c r="FM21" s="61">
        <v>2</v>
      </c>
      <c r="FN21" s="62">
        <v>2</v>
      </c>
      <c r="FO21" s="228"/>
      <c r="FP21" s="61">
        <v>8</v>
      </c>
      <c r="FQ21" s="61">
        <v>12</v>
      </c>
      <c r="FR21" s="61">
        <v>20</v>
      </c>
      <c r="FS21" s="61">
        <v>12</v>
      </c>
      <c r="FT21" s="61">
        <v>12</v>
      </c>
      <c r="FU21" s="62">
        <v>64</v>
      </c>
      <c r="FV21" s="63">
        <v>66</v>
      </c>
      <c r="FW21" s="60">
        <v>0</v>
      </c>
      <c r="FX21" s="61">
        <v>0</v>
      </c>
      <c r="FY21" s="62">
        <v>0</v>
      </c>
      <c r="FZ21" s="228"/>
      <c r="GA21" s="61">
        <v>0</v>
      </c>
      <c r="GB21" s="61">
        <v>0</v>
      </c>
      <c r="GC21" s="61">
        <v>0</v>
      </c>
      <c r="GD21" s="61">
        <v>0</v>
      </c>
      <c r="GE21" s="61">
        <v>0</v>
      </c>
      <c r="GF21" s="62">
        <v>0</v>
      </c>
      <c r="GG21" s="63">
        <v>0</v>
      </c>
      <c r="GH21" s="60">
        <v>24</v>
      </c>
      <c r="GI21" s="61">
        <v>30</v>
      </c>
      <c r="GJ21" s="62">
        <v>54</v>
      </c>
      <c r="GK21" s="228"/>
      <c r="GL21" s="61">
        <v>43</v>
      </c>
      <c r="GM21" s="61">
        <v>36</v>
      </c>
      <c r="GN21" s="61">
        <v>37</v>
      </c>
      <c r="GO21" s="61">
        <v>25</v>
      </c>
      <c r="GP21" s="61">
        <v>28</v>
      </c>
      <c r="GQ21" s="62">
        <v>169</v>
      </c>
      <c r="GR21" s="63">
        <v>223</v>
      </c>
      <c r="GS21" s="113">
        <v>87</v>
      </c>
      <c r="GT21" s="72">
        <v>94</v>
      </c>
      <c r="GU21" s="73">
        <v>181</v>
      </c>
      <c r="GV21" s="228"/>
      <c r="GW21" s="72">
        <v>159</v>
      </c>
      <c r="GX21" s="72">
        <v>130</v>
      </c>
      <c r="GY21" s="72">
        <v>81</v>
      </c>
      <c r="GZ21" s="72">
        <v>77</v>
      </c>
      <c r="HA21" s="72">
        <v>54</v>
      </c>
      <c r="HB21" s="74">
        <v>501</v>
      </c>
      <c r="HC21" s="75">
        <v>682</v>
      </c>
      <c r="HD21" s="60">
        <v>4</v>
      </c>
      <c r="HE21" s="61">
        <v>4</v>
      </c>
      <c r="HF21" s="62">
        <v>8</v>
      </c>
      <c r="HG21" s="228"/>
      <c r="HH21" s="61">
        <v>11</v>
      </c>
      <c r="HI21" s="61">
        <v>5</v>
      </c>
      <c r="HJ21" s="61">
        <v>4</v>
      </c>
      <c r="HK21" s="61">
        <v>1</v>
      </c>
      <c r="HL21" s="61">
        <v>6</v>
      </c>
      <c r="HM21" s="62">
        <v>27</v>
      </c>
      <c r="HN21" s="63">
        <v>35</v>
      </c>
      <c r="HO21" s="60">
        <v>12</v>
      </c>
      <c r="HP21" s="61">
        <v>10</v>
      </c>
      <c r="HQ21" s="62">
        <v>22</v>
      </c>
      <c r="HR21" s="228"/>
      <c r="HS21" s="61">
        <v>13</v>
      </c>
      <c r="HT21" s="61">
        <v>11</v>
      </c>
      <c r="HU21" s="61">
        <v>2</v>
      </c>
      <c r="HV21" s="61">
        <v>2</v>
      </c>
      <c r="HW21" s="61">
        <v>7</v>
      </c>
      <c r="HX21" s="62">
        <v>35</v>
      </c>
      <c r="HY21" s="63">
        <v>57</v>
      </c>
      <c r="HZ21" s="60">
        <v>11</v>
      </c>
      <c r="IA21" s="61">
        <v>17</v>
      </c>
      <c r="IB21" s="62">
        <v>28</v>
      </c>
      <c r="IC21" s="228"/>
      <c r="ID21" s="61">
        <v>20</v>
      </c>
      <c r="IE21" s="61">
        <v>15</v>
      </c>
      <c r="IF21" s="61">
        <v>9</v>
      </c>
      <c r="IG21" s="61">
        <v>11</v>
      </c>
      <c r="IH21" s="61">
        <v>6</v>
      </c>
      <c r="II21" s="62">
        <v>61</v>
      </c>
      <c r="IJ21" s="63">
        <v>89</v>
      </c>
      <c r="IK21" s="60">
        <v>19</v>
      </c>
      <c r="IL21" s="61">
        <v>30</v>
      </c>
      <c r="IM21" s="62">
        <v>49</v>
      </c>
      <c r="IN21" s="228"/>
      <c r="IO21" s="61">
        <v>40</v>
      </c>
      <c r="IP21" s="61">
        <v>34</v>
      </c>
      <c r="IQ21" s="61">
        <v>12</v>
      </c>
      <c r="IR21" s="61">
        <v>19</v>
      </c>
      <c r="IS21" s="61">
        <v>6</v>
      </c>
      <c r="IT21" s="62">
        <v>111</v>
      </c>
      <c r="IU21" s="63">
        <v>160</v>
      </c>
      <c r="IV21" s="60">
        <v>27</v>
      </c>
      <c r="IW21" s="61">
        <v>19</v>
      </c>
      <c r="IX21" s="62">
        <v>46</v>
      </c>
      <c r="IY21" s="228"/>
      <c r="IZ21" s="61">
        <v>44</v>
      </c>
      <c r="JA21" s="61">
        <v>31</v>
      </c>
      <c r="JB21" s="61">
        <v>22</v>
      </c>
      <c r="JC21" s="61">
        <v>17</v>
      </c>
      <c r="JD21" s="61">
        <v>11</v>
      </c>
      <c r="JE21" s="62">
        <v>125</v>
      </c>
      <c r="JF21" s="63">
        <v>171</v>
      </c>
      <c r="JG21" s="60">
        <v>14</v>
      </c>
      <c r="JH21" s="61">
        <v>14</v>
      </c>
      <c r="JI21" s="62">
        <v>28</v>
      </c>
      <c r="JJ21" s="228"/>
      <c r="JK21" s="61">
        <v>31</v>
      </c>
      <c r="JL21" s="61">
        <v>34</v>
      </c>
      <c r="JM21" s="61">
        <v>32</v>
      </c>
      <c r="JN21" s="61">
        <v>27</v>
      </c>
      <c r="JO21" s="61">
        <v>18</v>
      </c>
      <c r="JP21" s="62">
        <v>142</v>
      </c>
      <c r="JQ21" s="63">
        <v>170</v>
      </c>
      <c r="JR21" s="60">
        <v>0</v>
      </c>
      <c r="JS21" s="61">
        <v>0</v>
      </c>
      <c r="JT21" s="62">
        <v>0</v>
      </c>
      <c r="JU21" s="228"/>
      <c r="JV21" s="61">
        <v>0</v>
      </c>
      <c r="JW21" s="61">
        <v>0</v>
      </c>
      <c r="JX21" s="61">
        <v>0</v>
      </c>
      <c r="JY21" s="61">
        <v>0</v>
      </c>
      <c r="JZ21" s="61">
        <v>0</v>
      </c>
      <c r="KA21" s="62">
        <v>0</v>
      </c>
      <c r="KB21" s="63">
        <v>0</v>
      </c>
      <c r="KC21" s="60">
        <v>87</v>
      </c>
      <c r="KD21" s="61">
        <v>94</v>
      </c>
      <c r="KE21" s="62">
        <v>181</v>
      </c>
      <c r="KF21" s="228"/>
      <c r="KG21" s="61">
        <v>159</v>
      </c>
      <c r="KH21" s="61">
        <v>130</v>
      </c>
      <c r="KI21" s="61">
        <v>81</v>
      </c>
      <c r="KJ21" s="61">
        <v>77</v>
      </c>
      <c r="KK21" s="61">
        <v>54</v>
      </c>
      <c r="KL21" s="62">
        <v>501</v>
      </c>
      <c r="KM21" s="63">
        <v>682</v>
      </c>
    </row>
    <row r="22" spans="2:299" ht="21" customHeight="1" x14ac:dyDescent="0.2">
      <c r="B22" s="472" t="s">
        <v>19</v>
      </c>
      <c r="C22" s="293">
        <v>29</v>
      </c>
      <c r="D22" s="72">
        <v>19</v>
      </c>
      <c r="E22" s="73">
        <v>48</v>
      </c>
      <c r="F22" s="228"/>
      <c r="G22" s="72">
        <v>53</v>
      </c>
      <c r="H22" s="72">
        <v>40</v>
      </c>
      <c r="I22" s="72">
        <v>19</v>
      </c>
      <c r="J22" s="72">
        <v>16</v>
      </c>
      <c r="K22" s="72">
        <v>13</v>
      </c>
      <c r="L22" s="74">
        <v>141</v>
      </c>
      <c r="M22" s="75">
        <v>189</v>
      </c>
      <c r="N22" s="76">
        <v>2</v>
      </c>
      <c r="O22" s="61">
        <v>1</v>
      </c>
      <c r="P22" s="62">
        <v>3</v>
      </c>
      <c r="Q22" s="228"/>
      <c r="R22" s="61">
        <v>3</v>
      </c>
      <c r="S22" s="61">
        <v>0</v>
      </c>
      <c r="T22" s="61">
        <v>0</v>
      </c>
      <c r="U22" s="61">
        <v>1</v>
      </c>
      <c r="V22" s="61">
        <v>0</v>
      </c>
      <c r="W22" s="62">
        <v>4</v>
      </c>
      <c r="X22" s="63">
        <v>7</v>
      </c>
      <c r="Y22" s="60">
        <v>3</v>
      </c>
      <c r="Z22" s="61">
        <v>0</v>
      </c>
      <c r="AA22" s="62">
        <v>3</v>
      </c>
      <c r="AB22" s="228"/>
      <c r="AC22" s="61">
        <v>6</v>
      </c>
      <c r="AD22" s="61">
        <v>3</v>
      </c>
      <c r="AE22" s="61">
        <v>1</v>
      </c>
      <c r="AF22" s="61">
        <v>0</v>
      </c>
      <c r="AG22" s="61">
        <v>2</v>
      </c>
      <c r="AH22" s="62">
        <v>12</v>
      </c>
      <c r="AI22" s="63">
        <v>15</v>
      </c>
      <c r="AJ22" s="76">
        <v>4</v>
      </c>
      <c r="AK22" s="61">
        <v>2</v>
      </c>
      <c r="AL22" s="62">
        <v>6</v>
      </c>
      <c r="AM22" s="228"/>
      <c r="AN22" s="61">
        <v>6</v>
      </c>
      <c r="AO22" s="61">
        <v>5</v>
      </c>
      <c r="AP22" s="61">
        <v>1</v>
      </c>
      <c r="AQ22" s="61">
        <v>4</v>
      </c>
      <c r="AR22" s="61">
        <v>2</v>
      </c>
      <c r="AS22" s="62">
        <v>18</v>
      </c>
      <c r="AT22" s="63">
        <v>24</v>
      </c>
      <c r="AU22" s="60">
        <v>4</v>
      </c>
      <c r="AV22" s="61">
        <v>3</v>
      </c>
      <c r="AW22" s="62">
        <v>7</v>
      </c>
      <c r="AX22" s="228"/>
      <c r="AY22" s="61">
        <v>10</v>
      </c>
      <c r="AZ22" s="61">
        <v>10</v>
      </c>
      <c r="BA22" s="61">
        <v>4</v>
      </c>
      <c r="BB22" s="61">
        <v>1</v>
      </c>
      <c r="BC22" s="61">
        <v>4</v>
      </c>
      <c r="BD22" s="62">
        <v>29</v>
      </c>
      <c r="BE22" s="63">
        <v>36</v>
      </c>
      <c r="BF22" s="76">
        <v>8</v>
      </c>
      <c r="BG22" s="61">
        <v>5</v>
      </c>
      <c r="BH22" s="62">
        <v>13</v>
      </c>
      <c r="BI22" s="228"/>
      <c r="BJ22" s="61">
        <v>12</v>
      </c>
      <c r="BK22" s="61">
        <v>11</v>
      </c>
      <c r="BL22" s="61">
        <v>2</v>
      </c>
      <c r="BM22" s="61">
        <v>6</v>
      </c>
      <c r="BN22" s="61">
        <v>2</v>
      </c>
      <c r="BO22" s="62">
        <v>33</v>
      </c>
      <c r="BP22" s="63">
        <v>46</v>
      </c>
      <c r="BQ22" s="60">
        <v>8</v>
      </c>
      <c r="BR22" s="61">
        <v>8</v>
      </c>
      <c r="BS22" s="62">
        <v>16</v>
      </c>
      <c r="BT22" s="228"/>
      <c r="BU22" s="61">
        <v>16</v>
      </c>
      <c r="BV22" s="61">
        <v>11</v>
      </c>
      <c r="BW22" s="61">
        <v>11</v>
      </c>
      <c r="BX22" s="61">
        <v>4</v>
      </c>
      <c r="BY22" s="61">
        <v>3</v>
      </c>
      <c r="BZ22" s="62">
        <v>45</v>
      </c>
      <c r="CA22" s="63">
        <v>61</v>
      </c>
      <c r="CB22" s="60">
        <v>0</v>
      </c>
      <c r="CC22" s="61">
        <v>0</v>
      </c>
      <c r="CD22" s="62">
        <v>0</v>
      </c>
      <c r="CE22" s="228"/>
      <c r="CF22" s="61">
        <v>0</v>
      </c>
      <c r="CG22" s="61">
        <v>0</v>
      </c>
      <c r="CH22" s="61">
        <v>0</v>
      </c>
      <c r="CI22" s="61">
        <v>0</v>
      </c>
      <c r="CJ22" s="61">
        <v>0</v>
      </c>
      <c r="CK22" s="62">
        <v>0</v>
      </c>
      <c r="CL22" s="63">
        <v>0</v>
      </c>
      <c r="CM22" s="60">
        <v>29</v>
      </c>
      <c r="CN22" s="61">
        <v>19</v>
      </c>
      <c r="CO22" s="62">
        <v>48</v>
      </c>
      <c r="CP22" s="228"/>
      <c r="CQ22" s="61">
        <v>53</v>
      </c>
      <c r="CR22" s="61">
        <v>40</v>
      </c>
      <c r="CS22" s="61">
        <v>19</v>
      </c>
      <c r="CT22" s="61">
        <v>16</v>
      </c>
      <c r="CU22" s="61">
        <v>13</v>
      </c>
      <c r="CV22" s="62">
        <v>141</v>
      </c>
      <c r="CW22" s="63">
        <v>189</v>
      </c>
      <c r="CX22" s="113">
        <v>12</v>
      </c>
      <c r="CY22" s="72">
        <v>4</v>
      </c>
      <c r="CZ22" s="73">
        <v>16</v>
      </c>
      <c r="DA22" s="228"/>
      <c r="DB22" s="72">
        <v>15</v>
      </c>
      <c r="DC22" s="72">
        <v>11</v>
      </c>
      <c r="DD22" s="72">
        <v>15</v>
      </c>
      <c r="DE22" s="72">
        <v>3</v>
      </c>
      <c r="DF22" s="72">
        <v>5</v>
      </c>
      <c r="DG22" s="74">
        <v>49</v>
      </c>
      <c r="DH22" s="75">
        <v>65</v>
      </c>
      <c r="DI22" s="76">
        <v>0</v>
      </c>
      <c r="DJ22" s="61">
        <v>0</v>
      </c>
      <c r="DK22" s="62">
        <v>0</v>
      </c>
      <c r="DL22" s="228"/>
      <c r="DM22" s="61">
        <v>0</v>
      </c>
      <c r="DN22" s="61">
        <v>0</v>
      </c>
      <c r="DO22" s="61">
        <v>1</v>
      </c>
      <c r="DP22" s="61">
        <v>1</v>
      </c>
      <c r="DQ22" s="61">
        <v>0</v>
      </c>
      <c r="DR22" s="62">
        <v>2</v>
      </c>
      <c r="DS22" s="63">
        <v>2</v>
      </c>
      <c r="DT22" s="60">
        <v>1</v>
      </c>
      <c r="DU22" s="61">
        <v>1</v>
      </c>
      <c r="DV22" s="62">
        <v>2</v>
      </c>
      <c r="DW22" s="228"/>
      <c r="DX22" s="61">
        <v>1</v>
      </c>
      <c r="DY22" s="61">
        <v>1</v>
      </c>
      <c r="DZ22" s="61">
        <v>1</v>
      </c>
      <c r="EA22" s="61">
        <v>0</v>
      </c>
      <c r="EB22" s="61">
        <v>0</v>
      </c>
      <c r="EC22" s="62">
        <v>3</v>
      </c>
      <c r="ED22" s="63">
        <v>5</v>
      </c>
      <c r="EE22" s="76">
        <v>4</v>
      </c>
      <c r="EF22" s="61">
        <v>1</v>
      </c>
      <c r="EG22" s="62">
        <v>5</v>
      </c>
      <c r="EH22" s="228"/>
      <c r="EI22" s="61">
        <v>1</v>
      </c>
      <c r="EJ22" s="61">
        <v>2</v>
      </c>
      <c r="EK22" s="61">
        <v>2</v>
      </c>
      <c r="EL22" s="61">
        <v>0</v>
      </c>
      <c r="EM22" s="61">
        <v>0</v>
      </c>
      <c r="EN22" s="62">
        <v>5</v>
      </c>
      <c r="EO22" s="63">
        <v>10</v>
      </c>
      <c r="EP22" s="60">
        <v>5</v>
      </c>
      <c r="EQ22" s="61">
        <v>0</v>
      </c>
      <c r="ER22" s="62">
        <v>5</v>
      </c>
      <c r="ES22" s="228"/>
      <c r="ET22" s="61">
        <v>3</v>
      </c>
      <c r="EU22" s="61">
        <v>0</v>
      </c>
      <c r="EV22" s="61">
        <v>2</v>
      </c>
      <c r="EW22" s="61">
        <v>0</v>
      </c>
      <c r="EX22" s="61">
        <v>1</v>
      </c>
      <c r="EY22" s="62">
        <v>6</v>
      </c>
      <c r="EZ22" s="63">
        <v>11</v>
      </c>
      <c r="FA22" s="76">
        <v>1</v>
      </c>
      <c r="FB22" s="61">
        <v>1</v>
      </c>
      <c r="FC22" s="62">
        <v>2</v>
      </c>
      <c r="FD22" s="228"/>
      <c r="FE22" s="61">
        <v>5</v>
      </c>
      <c r="FF22" s="61">
        <v>3</v>
      </c>
      <c r="FG22" s="61">
        <v>5</v>
      </c>
      <c r="FH22" s="61">
        <v>0</v>
      </c>
      <c r="FI22" s="61">
        <v>1</v>
      </c>
      <c r="FJ22" s="62">
        <v>14</v>
      </c>
      <c r="FK22" s="63">
        <v>16</v>
      </c>
      <c r="FL22" s="60">
        <v>1</v>
      </c>
      <c r="FM22" s="61">
        <v>1</v>
      </c>
      <c r="FN22" s="62">
        <v>2</v>
      </c>
      <c r="FO22" s="228"/>
      <c r="FP22" s="61">
        <v>5</v>
      </c>
      <c r="FQ22" s="61">
        <v>5</v>
      </c>
      <c r="FR22" s="61">
        <v>4</v>
      </c>
      <c r="FS22" s="61">
        <v>2</v>
      </c>
      <c r="FT22" s="61">
        <v>3</v>
      </c>
      <c r="FU22" s="62">
        <v>19</v>
      </c>
      <c r="FV22" s="63">
        <v>21</v>
      </c>
      <c r="FW22" s="60">
        <v>0</v>
      </c>
      <c r="FX22" s="61">
        <v>0</v>
      </c>
      <c r="FY22" s="62">
        <v>0</v>
      </c>
      <c r="FZ22" s="228"/>
      <c r="GA22" s="61">
        <v>0</v>
      </c>
      <c r="GB22" s="61">
        <v>0</v>
      </c>
      <c r="GC22" s="61">
        <v>0</v>
      </c>
      <c r="GD22" s="61">
        <v>0</v>
      </c>
      <c r="GE22" s="61">
        <v>0</v>
      </c>
      <c r="GF22" s="62">
        <v>0</v>
      </c>
      <c r="GG22" s="63">
        <v>0</v>
      </c>
      <c r="GH22" s="60">
        <v>12</v>
      </c>
      <c r="GI22" s="61">
        <v>4</v>
      </c>
      <c r="GJ22" s="62">
        <v>16</v>
      </c>
      <c r="GK22" s="228"/>
      <c r="GL22" s="61">
        <v>15</v>
      </c>
      <c r="GM22" s="61">
        <v>11</v>
      </c>
      <c r="GN22" s="61">
        <v>15</v>
      </c>
      <c r="GO22" s="61">
        <v>3</v>
      </c>
      <c r="GP22" s="61">
        <v>5</v>
      </c>
      <c r="GQ22" s="62">
        <v>49</v>
      </c>
      <c r="GR22" s="63">
        <v>65</v>
      </c>
      <c r="GS22" s="113">
        <v>41</v>
      </c>
      <c r="GT22" s="72">
        <v>23</v>
      </c>
      <c r="GU22" s="73">
        <v>64</v>
      </c>
      <c r="GV22" s="228"/>
      <c r="GW22" s="72">
        <v>68</v>
      </c>
      <c r="GX22" s="72">
        <v>51</v>
      </c>
      <c r="GY22" s="72">
        <v>34</v>
      </c>
      <c r="GZ22" s="72">
        <v>19</v>
      </c>
      <c r="HA22" s="72">
        <v>18</v>
      </c>
      <c r="HB22" s="74">
        <v>190</v>
      </c>
      <c r="HC22" s="75">
        <v>254</v>
      </c>
      <c r="HD22" s="76">
        <v>2</v>
      </c>
      <c r="HE22" s="61">
        <v>1</v>
      </c>
      <c r="HF22" s="62">
        <v>3</v>
      </c>
      <c r="HG22" s="228"/>
      <c r="HH22" s="61">
        <v>3</v>
      </c>
      <c r="HI22" s="61">
        <v>0</v>
      </c>
      <c r="HJ22" s="61">
        <v>1</v>
      </c>
      <c r="HK22" s="61">
        <v>2</v>
      </c>
      <c r="HL22" s="61">
        <v>0</v>
      </c>
      <c r="HM22" s="62">
        <v>6</v>
      </c>
      <c r="HN22" s="63">
        <v>9</v>
      </c>
      <c r="HO22" s="60">
        <v>4</v>
      </c>
      <c r="HP22" s="61">
        <v>1</v>
      </c>
      <c r="HQ22" s="62">
        <v>5</v>
      </c>
      <c r="HR22" s="228"/>
      <c r="HS22" s="61">
        <v>7</v>
      </c>
      <c r="HT22" s="61">
        <v>4</v>
      </c>
      <c r="HU22" s="61">
        <v>2</v>
      </c>
      <c r="HV22" s="61">
        <v>0</v>
      </c>
      <c r="HW22" s="61">
        <v>2</v>
      </c>
      <c r="HX22" s="62">
        <v>15</v>
      </c>
      <c r="HY22" s="63">
        <v>20</v>
      </c>
      <c r="HZ22" s="76">
        <v>8</v>
      </c>
      <c r="IA22" s="61">
        <v>3</v>
      </c>
      <c r="IB22" s="62">
        <v>11</v>
      </c>
      <c r="IC22" s="228"/>
      <c r="ID22" s="61">
        <v>7</v>
      </c>
      <c r="IE22" s="61">
        <v>7</v>
      </c>
      <c r="IF22" s="61">
        <v>3</v>
      </c>
      <c r="IG22" s="61">
        <v>4</v>
      </c>
      <c r="IH22" s="61">
        <v>2</v>
      </c>
      <c r="II22" s="62">
        <v>23</v>
      </c>
      <c r="IJ22" s="63">
        <v>34</v>
      </c>
      <c r="IK22" s="60">
        <v>9</v>
      </c>
      <c r="IL22" s="61">
        <v>3</v>
      </c>
      <c r="IM22" s="62">
        <v>12</v>
      </c>
      <c r="IN22" s="228"/>
      <c r="IO22" s="61">
        <v>13</v>
      </c>
      <c r="IP22" s="61">
        <v>10</v>
      </c>
      <c r="IQ22" s="61">
        <v>6</v>
      </c>
      <c r="IR22" s="61">
        <v>1</v>
      </c>
      <c r="IS22" s="61">
        <v>5</v>
      </c>
      <c r="IT22" s="62">
        <v>35</v>
      </c>
      <c r="IU22" s="63">
        <v>47</v>
      </c>
      <c r="IV22" s="76">
        <v>9</v>
      </c>
      <c r="IW22" s="61">
        <v>6</v>
      </c>
      <c r="IX22" s="62">
        <v>15</v>
      </c>
      <c r="IY22" s="228"/>
      <c r="IZ22" s="61">
        <v>17</v>
      </c>
      <c r="JA22" s="61">
        <v>14</v>
      </c>
      <c r="JB22" s="61">
        <v>7</v>
      </c>
      <c r="JC22" s="61">
        <v>6</v>
      </c>
      <c r="JD22" s="61">
        <v>3</v>
      </c>
      <c r="JE22" s="62">
        <v>47</v>
      </c>
      <c r="JF22" s="63">
        <v>62</v>
      </c>
      <c r="JG22" s="60">
        <v>9</v>
      </c>
      <c r="JH22" s="61">
        <v>9</v>
      </c>
      <c r="JI22" s="62">
        <v>18</v>
      </c>
      <c r="JJ22" s="228"/>
      <c r="JK22" s="61">
        <v>21</v>
      </c>
      <c r="JL22" s="61">
        <v>16</v>
      </c>
      <c r="JM22" s="61">
        <v>15</v>
      </c>
      <c r="JN22" s="61">
        <v>6</v>
      </c>
      <c r="JO22" s="61">
        <v>6</v>
      </c>
      <c r="JP22" s="62">
        <v>64</v>
      </c>
      <c r="JQ22" s="63">
        <v>82</v>
      </c>
      <c r="JR22" s="60">
        <v>0</v>
      </c>
      <c r="JS22" s="61">
        <v>0</v>
      </c>
      <c r="JT22" s="62">
        <v>0</v>
      </c>
      <c r="JU22" s="228"/>
      <c r="JV22" s="61">
        <v>0</v>
      </c>
      <c r="JW22" s="61">
        <v>0</v>
      </c>
      <c r="JX22" s="61">
        <v>0</v>
      </c>
      <c r="JY22" s="61">
        <v>0</v>
      </c>
      <c r="JZ22" s="61">
        <v>0</v>
      </c>
      <c r="KA22" s="62">
        <v>0</v>
      </c>
      <c r="KB22" s="63">
        <v>0</v>
      </c>
      <c r="KC22" s="60">
        <v>41</v>
      </c>
      <c r="KD22" s="61">
        <v>23</v>
      </c>
      <c r="KE22" s="62">
        <v>64</v>
      </c>
      <c r="KF22" s="228"/>
      <c r="KG22" s="61">
        <v>68</v>
      </c>
      <c r="KH22" s="61">
        <v>51</v>
      </c>
      <c r="KI22" s="61">
        <v>34</v>
      </c>
      <c r="KJ22" s="61">
        <v>19</v>
      </c>
      <c r="KK22" s="61">
        <v>18</v>
      </c>
      <c r="KL22" s="62">
        <v>190</v>
      </c>
      <c r="KM22" s="63">
        <v>254</v>
      </c>
    </row>
    <row r="23" spans="2:299" ht="21" customHeight="1" x14ac:dyDescent="0.2">
      <c r="B23" s="472" t="s">
        <v>20</v>
      </c>
      <c r="C23" s="293">
        <v>32</v>
      </c>
      <c r="D23" s="72">
        <v>56</v>
      </c>
      <c r="E23" s="73">
        <v>88</v>
      </c>
      <c r="F23" s="228"/>
      <c r="G23" s="72">
        <v>59</v>
      </c>
      <c r="H23" s="72">
        <v>48</v>
      </c>
      <c r="I23" s="72">
        <v>33</v>
      </c>
      <c r="J23" s="72">
        <v>27</v>
      </c>
      <c r="K23" s="72">
        <v>18</v>
      </c>
      <c r="L23" s="74">
        <v>185</v>
      </c>
      <c r="M23" s="75">
        <v>273</v>
      </c>
      <c r="N23" s="60">
        <v>2</v>
      </c>
      <c r="O23" s="61">
        <v>1</v>
      </c>
      <c r="P23" s="62">
        <v>3</v>
      </c>
      <c r="Q23" s="228"/>
      <c r="R23" s="61">
        <v>3</v>
      </c>
      <c r="S23" s="61">
        <v>1</v>
      </c>
      <c r="T23" s="61">
        <v>0</v>
      </c>
      <c r="U23" s="61">
        <v>1</v>
      </c>
      <c r="V23" s="61">
        <v>0</v>
      </c>
      <c r="W23" s="62">
        <v>5</v>
      </c>
      <c r="X23" s="63">
        <v>8</v>
      </c>
      <c r="Y23" s="60">
        <v>3</v>
      </c>
      <c r="Z23" s="61">
        <v>3</v>
      </c>
      <c r="AA23" s="62">
        <v>6</v>
      </c>
      <c r="AB23" s="228"/>
      <c r="AC23" s="61">
        <v>8</v>
      </c>
      <c r="AD23" s="61">
        <v>4</v>
      </c>
      <c r="AE23" s="61">
        <v>5</v>
      </c>
      <c r="AF23" s="61">
        <v>3</v>
      </c>
      <c r="AG23" s="61">
        <v>2</v>
      </c>
      <c r="AH23" s="62">
        <v>22</v>
      </c>
      <c r="AI23" s="63">
        <v>28</v>
      </c>
      <c r="AJ23" s="60">
        <v>5</v>
      </c>
      <c r="AK23" s="61">
        <v>8</v>
      </c>
      <c r="AL23" s="62">
        <v>13</v>
      </c>
      <c r="AM23" s="228"/>
      <c r="AN23" s="61">
        <v>5</v>
      </c>
      <c r="AO23" s="61">
        <v>4</v>
      </c>
      <c r="AP23" s="61">
        <v>4</v>
      </c>
      <c r="AQ23" s="61">
        <v>4</v>
      </c>
      <c r="AR23" s="61">
        <v>3</v>
      </c>
      <c r="AS23" s="62">
        <v>20</v>
      </c>
      <c r="AT23" s="63">
        <v>33</v>
      </c>
      <c r="AU23" s="60">
        <v>10</v>
      </c>
      <c r="AV23" s="61">
        <v>13</v>
      </c>
      <c r="AW23" s="62">
        <v>23</v>
      </c>
      <c r="AX23" s="228"/>
      <c r="AY23" s="61">
        <v>17</v>
      </c>
      <c r="AZ23" s="61">
        <v>12</v>
      </c>
      <c r="BA23" s="61">
        <v>14</v>
      </c>
      <c r="BB23" s="61">
        <v>6</v>
      </c>
      <c r="BC23" s="61">
        <v>4</v>
      </c>
      <c r="BD23" s="62">
        <v>53</v>
      </c>
      <c r="BE23" s="63">
        <v>76</v>
      </c>
      <c r="BF23" s="60">
        <v>6</v>
      </c>
      <c r="BG23" s="61">
        <v>22</v>
      </c>
      <c r="BH23" s="62">
        <v>28</v>
      </c>
      <c r="BI23" s="228"/>
      <c r="BJ23" s="61">
        <v>16</v>
      </c>
      <c r="BK23" s="61">
        <v>16</v>
      </c>
      <c r="BL23" s="61">
        <v>5</v>
      </c>
      <c r="BM23" s="61">
        <v>6</v>
      </c>
      <c r="BN23" s="61">
        <v>5</v>
      </c>
      <c r="BO23" s="62">
        <v>48</v>
      </c>
      <c r="BP23" s="63">
        <v>76</v>
      </c>
      <c r="BQ23" s="60">
        <v>6</v>
      </c>
      <c r="BR23" s="61">
        <v>9</v>
      </c>
      <c r="BS23" s="62">
        <v>15</v>
      </c>
      <c r="BT23" s="228"/>
      <c r="BU23" s="61">
        <v>10</v>
      </c>
      <c r="BV23" s="61">
        <v>11</v>
      </c>
      <c r="BW23" s="61">
        <v>5</v>
      </c>
      <c r="BX23" s="61">
        <v>7</v>
      </c>
      <c r="BY23" s="61">
        <v>4</v>
      </c>
      <c r="BZ23" s="62">
        <v>37</v>
      </c>
      <c r="CA23" s="63">
        <v>52</v>
      </c>
      <c r="CB23" s="60">
        <v>0</v>
      </c>
      <c r="CC23" s="61">
        <v>0</v>
      </c>
      <c r="CD23" s="62">
        <v>0</v>
      </c>
      <c r="CE23" s="228"/>
      <c r="CF23" s="61">
        <v>0</v>
      </c>
      <c r="CG23" s="61">
        <v>0</v>
      </c>
      <c r="CH23" s="61">
        <v>0</v>
      </c>
      <c r="CI23" s="61">
        <v>0</v>
      </c>
      <c r="CJ23" s="61">
        <v>0</v>
      </c>
      <c r="CK23" s="62">
        <v>0</v>
      </c>
      <c r="CL23" s="63">
        <v>0</v>
      </c>
      <c r="CM23" s="60">
        <v>32</v>
      </c>
      <c r="CN23" s="61">
        <v>56</v>
      </c>
      <c r="CO23" s="62">
        <v>88</v>
      </c>
      <c r="CP23" s="228"/>
      <c r="CQ23" s="61">
        <v>59</v>
      </c>
      <c r="CR23" s="61">
        <v>48</v>
      </c>
      <c r="CS23" s="61">
        <v>33</v>
      </c>
      <c r="CT23" s="61">
        <v>27</v>
      </c>
      <c r="CU23" s="61">
        <v>18</v>
      </c>
      <c r="CV23" s="62">
        <v>185</v>
      </c>
      <c r="CW23" s="63">
        <v>273</v>
      </c>
      <c r="CX23" s="113">
        <v>12</v>
      </c>
      <c r="CY23" s="72">
        <v>15</v>
      </c>
      <c r="CZ23" s="73">
        <v>27</v>
      </c>
      <c r="DA23" s="228"/>
      <c r="DB23" s="72">
        <v>25</v>
      </c>
      <c r="DC23" s="72">
        <v>21</v>
      </c>
      <c r="DD23" s="72">
        <v>8</v>
      </c>
      <c r="DE23" s="72">
        <v>15</v>
      </c>
      <c r="DF23" s="72">
        <v>6</v>
      </c>
      <c r="DG23" s="74">
        <v>75</v>
      </c>
      <c r="DH23" s="75">
        <v>102</v>
      </c>
      <c r="DI23" s="60">
        <v>1</v>
      </c>
      <c r="DJ23" s="61">
        <v>0</v>
      </c>
      <c r="DK23" s="62">
        <v>1</v>
      </c>
      <c r="DL23" s="228"/>
      <c r="DM23" s="61">
        <v>1</v>
      </c>
      <c r="DN23" s="61">
        <v>1</v>
      </c>
      <c r="DO23" s="61">
        <v>0</v>
      </c>
      <c r="DP23" s="61">
        <v>0</v>
      </c>
      <c r="DQ23" s="61">
        <v>0</v>
      </c>
      <c r="DR23" s="62">
        <v>2</v>
      </c>
      <c r="DS23" s="63">
        <v>3</v>
      </c>
      <c r="DT23" s="60">
        <v>1</v>
      </c>
      <c r="DU23" s="61">
        <v>0</v>
      </c>
      <c r="DV23" s="62">
        <v>1</v>
      </c>
      <c r="DW23" s="228"/>
      <c r="DX23" s="61">
        <v>1</v>
      </c>
      <c r="DY23" s="61">
        <v>0</v>
      </c>
      <c r="DZ23" s="61">
        <v>0</v>
      </c>
      <c r="EA23" s="61">
        <v>0</v>
      </c>
      <c r="EB23" s="61">
        <v>0</v>
      </c>
      <c r="EC23" s="62">
        <v>1</v>
      </c>
      <c r="ED23" s="63">
        <v>2</v>
      </c>
      <c r="EE23" s="60">
        <v>0</v>
      </c>
      <c r="EF23" s="61">
        <v>4</v>
      </c>
      <c r="EG23" s="62">
        <v>4</v>
      </c>
      <c r="EH23" s="228"/>
      <c r="EI23" s="61">
        <v>1</v>
      </c>
      <c r="EJ23" s="61">
        <v>4</v>
      </c>
      <c r="EK23" s="61">
        <v>1</v>
      </c>
      <c r="EL23" s="61">
        <v>2</v>
      </c>
      <c r="EM23" s="61">
        <v>0</v>
      </c>
      <c r="EN23" s="62">
        <v>8</v>
      </c>
      <c r="EO23" s="63">
        <v>12</v>
      </c>
      <c r="EP23" s="60">
        <v>4</v>
      </c>
      <c r="EQ23" s="61">
        <v>4</v>
      </c>
      <c r="ER23" s="62">
        <v>8</v>
      </c>
      <c r="ES23" s="228"/>
      <c r="ET23" s="61">
        <v>5</v>
      </c>
      <c r="EU23" s="61">
        <v>5</v>
      </c>
      <c r="EV23" s="61">
        <v>2</v>
      </c>
      <c r="EW23" s="61">
        <v>1</v>
      </c>
      <c r="EX23" s="61">
        <v>1</v>
      </c>
      <c r="EY23" s="62">
        <v>14</v>
      </c>
      <c r="EZ23" s="63">
        <v>22</v>
      </c>
      <c r="FA23" s="60">
        <v>5</v>
      </c>
      <c r="FB23" s="61">
        <v>1</v>
      </c>
      <c r="FC23" s="62">
        <v>6</v>
      </c>
      <c r="FD23" s="228"/>
      <c r="FE23" s="61">
        <v>7</v>
      </c>
      <c r="FF23" s="61">
        <v>5</v>
      </c>
      <c r="FG23" s="61">
        <v>1</v>
      </c>
      <c r="FH23" s="61">
        <v>3</v>
      </c>
      <c r="FI23" s="61">
        <v>1</v>
      </c>
      <c r="FJ23" s="62">
        <v>17</v>
      </c>
      <c r="FK23" s="63">
        <v>23</v>
      </c>
      <c r="FL23" s="60">
        <v>1</v>
      </c>
      <c r="FM23" s="61">
        <v>6</v>
      </c>
      <c r="FN23" s="62">
        <v>7</v>
      </c>
      <c r="FO23" s="228"/>
      <c r="FP23" s="61">
        <v>10</v>
      </c>
      <c r="FQ23" s="61">
        <v>6</v>
      </c>
      <c r="FR23" s="61">
        <v>4</v>
      </c>
      <c r="FS23" s="61">
        <v>9</v>
      </c>
      <c r="FT23" s="61">
        <v>4</v>
      </c>
      <c r="FU23" s="62">
        <v>33</v>
      </c>
      <c r="FV23" s="63">
        <v>40</v>
      </c>
      <c r="FW23" s="60">
        <v>0</v>
      </c>
      <c r="FX23" s="61">
        <v>0</v>
      </c>
      <c r="FY23" s="62">
        <v>0</v>
      </c>
      <c r="FZ23" s="228"/>
      <c r="GA23" s="61">
        <v>0</v>
      </c>
      <c r="GB23" s="61">
        <v>0</v>
      </c>
      <c r="GC23" s="61">
        <v>0</v>
      </c>
      <c r="GD23" s="61">
        <v>0</v>
      </c>
      <c r="GE23" s="61">
        <v>0</v>
      </c>
      <c r="GF23" s="62">
        <v>0</v>
      </c>
      <c r="GG23" s="63">
        <v>0</v>
      </c>
      <c r="GH23" s="60">
        <v>12</v>
      </c>
      <c r="GI23" s="61">
        <v>15</v>
      </c>
      <c r="GJ23" s="62">
        <v>27</v>
      </c>
      <c r="GK23" s="228"/>
      <c r="GL23" s="61">
        <v>25</v>
      </c>
      <c r="GM23" s="61">
        <v>21</v>
      </c>
      <c r="GN23" s="61">
        <v>8</v>
      </c>
      <c r="GO23" s="61">
        <v>15</v>
      </c>
      <c r="GP23" s="61">
        <v>6</v>
      </c>
      <c r="GQ23" s="62">
        <v>75</v>
      </c>
      <c r="GR23" s="63">
        <v>102</v>
      </c>
      <c r="GS23" s="113">
        <v>44</v>
      </c>
      <c r="GT23" s="72">
        <v>71</v>
      </c>
      <c r="GU23" s="73">
        <v>115</v>
      </c>
      <c r="GV23" s="228"/>
      <c r="GW23" s="72">
        <v>84</v>
      </c>
      <c r="GX23" s="72">
        <v>69</v>
      </c>
      <c r="GY23" s="72">
        <v>41</v>
      </c>
      <c r="GZ23" s="72">
        <v>42</v>
      </c>
      <c r="HA23" s="72">
        <v>24</v>
      </c>
      <c r="HB23" s="74">
        <v>260</v>
      </c>
      <c r="HC23" s="75">
        <v>375</v>
      </c>
      <c r="HD23" s="60">
        <v>3</v>
      </c>
      <c r="HE23" s="61">
        <v>1</v>
      </c>
      <c r="HF23" s="62">
        <v>4</v>
      </c>
      <c r="HG23" s="228"/>
      <c r="HH23" s="61">
        <v>4</v>
      </c>
      <c r="HI23" s="61">
        <v>2</v>
      </c>
      <c r="HJ23" s="61">
        <v>0</v>
      </c>
      <c r="HK23" s="61">
        <v>1</v>
      </c>
      <c r="HL23" s="61">
        <v>0</v>
      </c>
      <c r="HM23" s="62">
        <v>7</v>
      </c>
      <c r="HN23" s="63">
        <v>11</v>
      </c>
      <c r="HO23" s="60">
        <v>4</v>
      </c>
      <c r="HP23" s="61">
        <v>3</v>
      </c>
      <c r="HQ23" s="62">
        <v>7</v>
      </c>
      <c r="HR23" s="228"/>
      <c r="HS23" s="61">
        <v>9</v>
      </c>
      <c r="HT23" s="61">
        <v>4</v>
      </c>
      <c r="HU23" s="61">
        <v>5</v>
      </c>
      <c r="HV23" s="61">
        <v>3</v>
      </c>
      <c r="HW23" s="61">
        <v>2</v>
      </c>
      <c r="HX23" s="62">
        <v>23</v>
      </c>
      <c r="HY23" s="63">
        <v>30</v>
      </c>
      <c r="HZ23" s="60">
        <v>5</v>
      </c>
      <c r="IA23" s="61">
        <v>12</v>
      </c>
      <c r="IB23" s="62">
        <v>17</v>
      </c>
      <c r="IC23" s="228"/>
      <c r="ID23" s="61">
        <v>6</v>
      </c>
      <c r="IE23" s="61">
        <v>8</v>
      </c>
      <c r="IF23" s="61">
        <v>5</v>
      </c>
      <c r="IG23" s="61">
        <v>6</v>
      </c>
      <c r="IH23" s="61">
        <v>3</v>
      </c>
      <c r="II23" s="62">
        <v>28</v>
      </c>
      <c r="IJ23" s="63">
        <v>45</v>
      </c>
      <c r="IK23" s="60">
        <v>14</v>
      </c>
      <c r="IL23" s="61">
        <v>17</v>
      </c>
      <c r="IM23" s="62">
        <v>31</v>
      </c>
      <c r="IN23" s="228"/>
      <c r="IO23" s="61">
        <v>22</v>
      </c>
      <c r="IP23" s="61">
        <v>17</v>
      </c>
      <c r="IQ23" s="61">
        <v>16</v>
      </c>
      <c r="IR23" s="61">
        <v>7</v>
      </c>
      <c r="IS23" s="61">
        <v>5</v>
      </c>
      <c r="IT23" s="62">
        <v>67</v>
      </c>
      <c r="IU23" s="63">
        <v>98</v>
      </c>
      <c r="IV23" s="60">
        <v>11</v>
      </c>
      <c r="IW23" s="61">
        <v>23</v>
      </c>
      <c r="IX23" s="62">
        <v>34</v>
      </c>
      <c r="IY23" s="228"/>
      <c r="IZ23" s="61">
        <v>23</v>
      </c>
      <c r="JA23" s="61">
        <v>21</v>
      </c>
      <c r="JB23" s="61">
        <v>6</v>
      </c>
      <c r="JC23" s="61">
        <v>9</v>
      </c>
      <c r="JD23" s="61">
        <v>6</v>
      </c>
      <c r="JE23" s="62">
        <v>65</v>
      </c>
      <c r="JF23" s="63">
        <v>99</v>
      </c>
      <c r="JG23" s="60">
        <v>7</v>
      </c>
      <c r="JH23" s="61">
        <v>15</v>
      </c>
      <c r="JI23" s="62">
        <v>22</v>
      </c>
      <c r="JJ23" s="228"/>
      <c r="JK23" s="61">
        <v>20</v>
      </c>
      <c r="JL23" s="61">
        <v>17</v>
      </c>
      <c r="JM23" s="61">
        <v>9</v>
      </c>
      <c r="JN23" s="61">
        <v>16</v>
      </c>
      <c r="JO23" s="61">
        <v>8</v>
      </c>
      <c r="JP23" s="62">
        <v>70</v>
      </c>
      <c r="JQ23" s="63">
        <v>92</v>
      </c>
      <c r="JR23" s="60">
        <v>0</v>
      </c>
      <c r="JS23" s="61">
        <v>0</v>
      </c>
      <c r="JT23" s="62">
        <v>0</v>
      </c>
      <c r="JU23" s="228"/>
      <c r="JV23" s="61">
        <v>0</v>
      </c>
      <c r="JW23" s="61">
        <v>0</v>
      </c>
      <c r="JX23" s="61">
        <v>0</v>
      </c>
      <c r="JY23" s="61">
        <v>0</v>
      </c>
      <c r="JZ23" s="61">
        <v>0</v>
      </c>
      <c r="KA23" s="62">
        <v>0</v>
      </c>
      <c r="KB23" s="63">
        <v>0</v>
      </c>
      <c r="KC23" s="60">
        <v>44</v>
      </c>
      <c r="KD23" s="61">
        <v>71</v>
      </c>
      <c r="KE23" s="62">
        <v>115</v>
      </c>
      <c r="KF23" s="228"/>
      <c r="KG23" s="61">
        <v>84</v>
      </c>
      <c r="KH23" s="61">
        <v>69</v>
      </c>
      <c r="KI23" s="61">
        <v>41</v>
      </c>
      <c r="KJ23" s="61">
        <v>42</v>
      </c>
      <c r="KK23" s="61">
        <v>24</v>
      </c>
      <c r="KL23" s="62">
        <v>260</v>
      </c>
      <c r="KM23" s="63">
        <v>375</v>
      </c>
    </row>
    <row r="24" spans="2:299" ht="21" customHeight="1" x14ac:dyDescent="0.2">
      <c r="B24" s="472" t="s">
        <v>21</v>
      </c>
      <c r="C24" s="293">
        <v>28</v>
      </c>
      <c r="D24" s="72">
        <v>34</v>
      </c>
      <c r="E24" s="73">
        <v>62</v>
      </c>
      <c r="F24" s="228"/>
      <c r="G24" s="72">
        <v>47</v>
      </c>
      <c r="H24" s="72">
        <v>34</v>
      </c>
      <c r="I24" s="72">
        <v>26</v>
      </c>
      <c r="J24" s="72">
        <v>22</v>
      </c>
      <c r="K24" s="72">
        <v>13</v>
      </c>
      <c r="L24" s="74">
        <v>142</v>
      </c>
      <c r="M24" s="75">
        <v>204</v>
      </c>
      <c r="N24" s="60">
        <v>0</v>
      </c>
      <c r="O24" s="61">
        <v>3</v>
      </c>
      <c r="P24" s="62">
        <v>3</v>
      </c>
      <c r="Q24" s="228"/>
      <c r="R24" s="61">
        <v>2</v>
      </c>
      <c r="S24" s="61">
        <v>0</v>
      </c>
      <c r="T24" s="61">
        <v>1</v>
      </c>
      <c r="U24" s="61">
        <v>3</v>
      </c>
      <c r="V24" s="61">
        <v>3</v>
      </c>
      <c r="W24" s="62">
        <v>9</v>
      </c>
      <c r="X24" s="63">
        <v>12</v>
      </c>
      <c r="Y24" s="60">
        <v>3</v>
      </c>
      <c r="Z24" s="61">
        <v>3</v>
      </c>
      <c r="AA24" s="62">
        <v>6</v>
      </c>
      <c r="AB24" s="228"/>
      <c r="AC24" s="61">
        <v>5</v>
      </c>
      <c r="AD24" s="61">
        <v>6</v>
      </c>
      <c r="AE24" s="61">
        <v>1</v>
      </c>
      <c r="AF24" s="61">
        <v>3</v>
      </c>
      <c r="AG24" s="61">
        <v>0</v>
      </c>
      <c r="AH24" s="62">
        <v>15</v>
      </c>
      <c r="AI24" s="63">
        <v>21</v>
      </c>
      <c r="AJ24" s="60">
        <v>3</v>
      </c>
      <c r="AK24" s="61">
        <v>5</v>
      </c>
      <c r="AL24" s="62">
        <v>8</v>
      </c>
      <c r="AM24" s="228"/>
      <c r="AN24" s="61">
        <v>8</v>
      </c>
      <c r="AO24" s="61">
        <v>3</v>
      </c>
      <c r="AP24" s="61">
        <v>2</v>
      </c>
      <c r="AQ24" s="61">
        <v>2</v>
      </c>
      <c r="AR24" s="61">
        <v>1</v>
      </c>
      <c r="AS24" s="62">
        <v>16</v>
      </c>
      <c r="AT24" s="63">
        <v>24</v>
      </c>
      <c r="AU24" s="60">
        <v>3</v>
      </c>
      <c r="AV24" s="61">
        <v>8</v>
      </c>
      <c r="AW24" s="62">
        <v>11</v>
      </c>
      <c r="AX24" s="228"/>
      <c r="AY24" s="61">
        <v>11</v>
      </c>
      <c r="AZ24" s="61">
        <v>6</v>
      </c>
      <c r="BA24" s="61">
        <v>6</v>
      </c>
      <c r="BB24" s="61">
        <v>9</v>
      </c>
      <c r="BC24" s="61">
        <v>2</v>
      </c>
      <c r="BD24" s="62">
        <v>34</v>
      </c>
      <c r="BE24" s="63">
        <v>45</v>
      </c>
      <c r="BF24" s="60">
        <v>12</v>
      </c>
      <c r="BG24" s="61">
        <v>8</v>
      </c>
      <c r="BH24" s="62">
        <v>20</v>
      </c>
      <c r="BI24" s="228"/>
      <c r="BJ24" s="61">
        <v>14</v>
      </c>
      <c r="BK24" s="61">
        <v>11</v>
      </c>
      <c r="BL24" s="61">
        <v>6</v>
      </c>
      <c r="BM24" s="61">
        <v>4</v>
      </c>
      <c r="BN24" s="61">
        <v>4</v>
      </c>
      <c r="BO24" s="62">
        <v>39</v>
      </c>
      <c r="BP24" s="63">
        <v>59</v>
      </c>
      <c r="BQ24" s="60">
        <v>7</v>
      </c>
      <c r="BR24" s="61">
        <v>7</v>
      </c>
      <c r="BS24" s="62">
        <v>14</v>
      </c>
      <c r="BT24" s="228"/>
      <c r="BU24" s="61">
        <v>7</v>
      </c>
      <c r="BV24" s="61">
        <v>8</v>
      </c>
      <c r="BW24" s="61">
        <v>10</v>
      </c>
      <c r="BX24" s="61">
        <v>1</v>
      </c>
      <c r="BY24" s="61">
        <v>3</v>
      </c>
      <c r="BZ24" s="62">
        <v>29</v>
      </c>
      <c r="CA24" s="63">
        <v>43</v>
      </c>
      <c r="CB24" s="60">
        <v>0</v>
      </c>
      <c r="CC24" s="61">
        <v>0</v>
      </c>
      <c r="CD24" s="62">
        <v>0</v>
      </c>
      <c r="CE24" s="228"/>
      <c r="CF24" s="61">
        <v>0</v>
      </c>
      <c r="CG24" s="61">
        <v>0</v>
      </c>
      <c r="CH24" s="61">
        <v>0</v>
      </c>
      <c r="CI24" s="61">
        <v>0</v>
      </c>
      <c r="CJ24" s="61">
        <v>0</v>
      </c>
      <c r="CK24" s="62">
        <v>0</v>
      </c>
      <c r="CL24" s="63">
        <v>0</v>
      </c>
      <c r="CM24" s="60">
        <v>28</v>
      </c>
      <c r="CN24" s="61">
        <v>34</v>
      </c>
      <c r="CO24" s="62">
        <v>62</v>
      </c>
      <c r="CP24" s="228"/>
      <c r="CQ24" s="61">
        <v>47</v>
      </c>
      <c r="CR24" s="61">
        <v>34</v>
      </c>
      <c r="CS24" s="61">
        <v>26</v>
      </c>
      <c r="CT24" s="61">
        <v>22</v>
      </c>
      <c r="CU24" s="61">
        <v>13</v>
      </c>
      <c r="CV24" s="62">
        <v>142</v>
      </c>
      <c r="CW24" s="63">
        <v>204</v>
      </c>
      <c r="CX24" s="113">
        <v>13</v>
      </c>
      <c r="CY24" s="72">
        <v>7</v>
      </c>
      <c r="CZ24" s="73">
        <v>20</v>
      </c>
      <c r="DA24" s="228"/>
      <c r="DB24" s="72">
        <v>16</v>
      </c>
      <c r="DC24" s="72">
        <v>13</v>
      </c>
      <c r="DD24" s="72">
        <v>8</v>
      </c>
      <c r="DE24" s="72">
        <v>8</v>
      </c>
      <c r="DF24" s="72">
        <v>5</v>
      </c>
      <c r="DG24" s="74">
        <v>50</v>
      </c>
      <c r="DH24" s="75">
        <v>70</v>
      </c>
      <c r="DI24" s="60">
        <v>0</v>
      </c>
      <c r="DJ24" s="61">
        <v>0</v>
      </c>
      <c r="DK24" s="62">
        <v>0</v>
      </c>
      <c r="DL24" s="228"/>
      <c r="DM24" s="61">
        <v>0</v>
      </c>
      <c r="DN24" s="61">
        <v>0</v>
      </c>
      <c r="DO24" s="61">
        <v>0</v>
      </c>
      <c r="DP24" s="61">
        <v>0</v>
      </c>
      <c r="DQ24" s="61">
        <v>0</v>
      </c>
      <c r="DR24" s="62">
        <v>0</v>
      </c>
      <c r="DS24" s="63">
        <v>0</v>
      </c>
      <c r="DT24" s="60">
        <v>3</v>
      </c>
      <c r="DU24" s="61">
        <v>0</v>
      </c>
      <c r="DV24" s="62">
        <v>3</v>
      </c>
      <c r="DW24" s="228"/>
      <c r="DX24" s="61">
        <v>2</v>
      </c>
      <c r="DY24" s="61">
        <v>2</v>
      </c>
      <c r="DZ24" s="61">
        <v>0</v>
      </c>
      <c r="EA24" s="61">
        <v>0</v>
      </c>
      <c r="EB24" s="61">
        <v>1</v>
      </c>
      <c r="EC24" s="62">
        <v>5</v>
      </c>
      <c r="ED24" s="63">
        <v>8</v>
      </c>
      <c r="EE24" s="60">
        <v>0</v>
      </c>
      <c r="EF24" s="61">
        <v>1</v>
      </c>
      <c r="EG24" s="62">
        <v>1</v>
      </c>
      <c r="EH24" s="228"/>
      <c r="EI24" s="61">
        <v>2</v>
      </c>
      <c r="EJ24" s="61">
        <v>1</v>
      </c>
      <c r="EK24" s="61">
        <v>0</v>
      </c>
      <c r="EL24" s="61">
        <v>0</v>
      </c>
      <c r="EM24" s="61">
        <v>0</v>
      </c>
      <c r="EN24" s="62">
        <v>3</v>
      </c>
      <c r="EO24" s="63">
        <v>4</v>
      </c>
      <c r="EP24" s="60">
        <v>7</v>
      </c>
      <c r="EQ24" s="61">
        <v>3</v>
      </c>
      <c r="ER24" s="62">
        <v>10</v>
      </c>
      <c r="ES24" s="228"/>
      <c r="ET24" s="61">
        <v>2</v>
      </c>
      <c r="EU24" s="61">
        <v>2</v>
      </c>
      <c r="EV24" s="61">
        <v>0</v>
      </c>
      <c r="EW24" s="61">
        <v>2</v>
      </c>
      <c r="EX24" s="61">
        <v>0</v>
      </c>
      <c r="EY24" s="62">
        <v>6</v>
      </c>
      <c r="EZ24" s="63">
        <v>16</v>
      </c>
      <c r="FA24" s="60">
        <v>0</v>
      </c>
      <c r="FB24" s="61">
        <v>3</v>
      </c>
      <c r="FC24" s="62">
        <v>3</v>
      </c>
      <c r="FD24" s="228"/>
      <c r="FE24" s="61">
        <v>2</v>
      </c>
      <c r="FF24" s="61">
        <v>4</v>
      </c>
      <c r="FG24" s="61">
        <v>4</v>
      </c>
      <c r="FH24" s="61">
        <v>2</v>
      </c>
      <c r="FI24" s="61">
        <v>3</v>
      </c>
      <c r="FJ24" s="62">
        <v>15</v>
      </c>
      <c r="FK24" s="63">
        <v>18</v>
      </c>
      <c r="FL24" s="60">
        <v>3</v>
      </c>
      <c r="FM24" s="61">
        <v>0</v>
      </c>
      <c r="FN24" s="62">
        <v>3</v>
      </c>
      <c r="FO24" s="228"/>
      <c r="FP24" s="61">
        <v>8</v>
      </c>
      <c r="FQ24" s="61">
        <v>4</v>
      </c>
      <c r="FR24" s="61">
        <v>4</v>
      </c>
      <c r="FS24" s="61">
        <v>4</v>
      </c>
      <c r="FT24" s="61">
        <v>1</v>
      </c>
      <c r="FU24" s="62">
        <v>21</v>
      </c>
      <c r="FV24" s="63">
        <v>24</v>
      </c>
      <c r="FW24" s="60">
        <v>0</v>
      </c>
      <c r="FX24" s="61">
        <v>0</v>
      </c>
      <c r="FY24" s="62">
        <v>0</v>
      </c>
      <c r="FZ24" s="228"/>
      <c r="GA24" s="61">
        <v>0</v>
      </c>
      <c r="GB24" s="61">
        <v>0</v>
      </c>
      <c r="GC24" s="61">
        <v>0</v>
      </c>
      <c r="GD24" s="61">
        <v>0</v>
      </c>
      <c r="GE24" s="61">
        <v>0</v>
      </c>
      <c r="GF24" s="62">
        <v>0</v>
      </c>
      <c r="GG24" s="63">
        <v>0</v>
      </c>
      <c r="GH24" s="60">
        <v>13</v>
      </c>
      <c r="GI24" s="61">
        <v>7</v>
      </c>
      <c r="GJ24" s="62">
        <v>20</v>
      </c>
      <c r="GK24" s="228"/>
      <c r="GL24" s="61">
        <v>16</v>
      </c>
      <c r="GM24" s="61">
        <v>13</v>
      </c>
      <c r="GN24" s="61">
        <v>8</v>
      </c>
      <c r="GO24" s="61">
        <v>8</v>
      </c>
      <c r="GP24" s="61">
        <v>5</v>
      </c>
      <c r="GQ24" s="62">
        <v>50</v>
      </c>
      <c r="GR24" s="63">
        <v>70</v>
      </c>
      <c r="GS24" s="113">
        <v>41</v>
      </c>
      <c r="GT24" s="72">
        <v>41</v>
      </c>
      <c r="GU24" s="73">
        <v>82</v>
      </c>
      <c r="GV24" s="228"/>
      <c r="GW24" s="72">
        <v>63</v>
      </c>
      <c r="GX24" s="72">
        <v>47</v>
      </c>
      <c r="GY24" s="72">
        <v>34</v>
      </c>
      <c r="GZ24" s="72">
        <v>30</v>
      </c>
      <c r="HA24" s="72">
        <v>18</v>
      </c>
      <c r="HB24" s="74">
        <v>192</v>
      </c>
      <c r="HC24" s="75">
        <v>274</v>
      </c>
      <c r="HD24" s="60">
        <v>0</v>
      </c>
      <c r="HE24" s="61">
        <v>3</v>
      </c>
      <c r="HF24" s="62">
        <v>3</v>
      </c>
      <c r="HG24" s="228"/>
      <c r="HH24" s="61">
        <v>2</v>
      </c>
      <c r="HI24" s="61">
        <v>0</v>
      </c>
      <c r="HJ24" s="61">
        <v>1</v>
      </c>
      <c r="HK24" s="61">
        <v>3</v>
      </c>
      <c r="HL24" s="61">
        <v>3</v>
      </c>
      <c r="HM24" s="62">
        <v>9</v>
      </c>
      <c r="HN24" s="63">
        <v>12</v>
      </c>
      <c r="HO24" s="60">
        <v>6</v>
      </c>
      <c r="HP24" s="61">
        <v>3</v>
      </c>
      <c r="HQ24" s="62">
        <v>9</v>
      </c>
      <c r="HR24" s="228"/>
      <c r="HS24" s="61">
        <v>7</v>
      </c>
      <c r="HT24" s="61">
        <v>8</v>
      </c>
      <c r="HU24" s="61">
        <v>1</v>
      </c>
      <c r="HV24" s="61">
        <v>3</v>
      </c>
      <c r="HW24" s="61">
        <v>1</v>
      </c>
      <c r="HX24" s="62">
        <v>20</v>
      </c>
      <c r="HY24" s="63">
        <v>29</v>
      </c>
      <c r="HZ24" s="60">
        <v>3</v>
      </c>
      <c r="IA24" s="61">
        <v>6</v>
      </c>
      <c r="IB24" s="62">
        <v>9</v>
      </c>
      <c r="IC24" s="228"/>
      <c r="ID24" s="61">
        <v>10</v>
      </c>
      <c r="IE24" s="61">
        <v>4</v>
      </c>
      <c r="IF24" s="61">
        <v>2</v>
      </c>
      <c r="IG24" s="61">
        <v>2</v>
      </c>
      <c r="IH24" s="61">
        <v>1</v>
      </c>
      <c r="II24" s="62">
        <v>19</v>
      </c>
      <c r="IJ24" s="63">
        <v>28</v>
      </c>
      <c r="IK24" s="60">
        <v>10</v>
      </c>
      <c r="IL24" s="61">
        <v>11</v>
      </c>
      <c r="IM24" s="62">
        <v>21</v>
      </c>
      <c r="IN24" s="228"/>
      <c r="IO24" s="61">
        <v>13</v>
      </c>
      <c r="IP24" s="61">
        <v>8</v>
      </c>
      <c r="IQ24" s="61">
        <v>6</v>
      </c>
      <c r="IR24" s="61">
        <v>11</v>
      </c>
      <c r="IS24" s="61">
        <v>2</v>
      </c>
      <c r="IT24" s="62">
        <v>40</v>
      </c>
      <c r="IU24" s="63">
        <v>61</v>
      </c>
      <c r="IV24" s="60">
        <v>12</v>
      </c>
      <c r="IW24" s="61">
        <v>11</v>
      </c>
      <c r="IX24" s="62">
        <v>23</v>
      </c>
      <c r="IY24" s="228"/>
      <c r="IZ24" s="61">
        <v>16</v>
      </c>
      <c r="JA24" s="61">
        <v>15</v>
      </c>
      <c r="JB24" s="61">
        <v>10</v>
      </c>
      <c r="JC24" s="61">
        <v>6</v>
      </c>
      <c r="JD24" s="61">
        <v>7</v>
      </c>
      <c r="JE24" s="62">
        <v>54</v>
      </c>
      <c r="JF24" s="63">
        <v>77</v>
      </c>
      <c r="JG24" s="60">
        <v>10</v>
      </c>
      <c r="JH24" s="61">
        <v>7</v>
      </c>
      <c r="JI24" s="62">
        <v>17</v>
      </c>
      <c r="JJ24" s="228"/>
      <c r="JK24" s="61">
        <v>15</v>
      </c>
      <c r="JL24" s="61">
        <v>12</v>
      </c>
      <c r="JM24" s="61">
        <v>14</v>
      </c>
      <c r="JN24" s="61">
        <v>5</v>
      </c>
      <c r="JO24" s="61">
        <v>4</v>
      </c>
      <c r="JP24" s="62">
        <v>50</v>
      </c>
      <c r="JQ24" s="63">
        <v>67</v>
      </c>
      <c r="JR24" s="60">
        <v>0</v>
      </c>
      <c r="JS24" s="61">
        <v>0</v>
      </c>
      <c r="JT24" s="62">
        <v>0</v>
      </c>
      <c r="JU24" s="228"/>
      <c r="JV24" s="61">
        <v>0</v>
      </c>
      <c r="JW24" s="61">
        <v>0</v>
      </c>
      <c r="JX24" s="61">
        <v>0</v>
      </c>
      <c r="JY24" s="61">
        <v>0</v>
      </c>
      <c r="JZ24" s="61">
        <v>0</v>
      </c>
      <c r="KA24" s="62">
        <v>0</v>
      </c>
      <c r="KB24" s="63">
        <v>0</v>
      </c>
      <c r="KC24" s="60">
        <v>41</v>
      </c>
      <c r="KD24" s="61">
        <v>41</v>
      </c>
      <c r="KE24" s="62">
        <v>82</v>
      </c>
      <c r="KF24" s="228"/>
      <c r="KG24" s="61">
        <v>63</v>
      </c>
      <c r="KH24" s="61">
        <v>47</v>
      </c>
      <c r="KI24" s="61">
        <v>34</v>
      </c>
      <c r="KJ24" s="61">
        <v>30</v>
      </c>
      <c r="KK24" s="61">
        <v>18</v>
      </c>
      <c r="KL24" s="62">
        <v>192</v>
      </c>
      <c r="KM24" s="63">
        <v>274</v>
      </c>
    </row>
    <row r="25" spans="2:299" ht="21" customHeight="1" x14ac:dyDescent="0.2">
      <c r="B25" s="472" t="s">
        <v>22</v>
      </c>
      <c r="C25" s="293">
        <v>10</v>
      </c>
      <c r="D25" s="72">
        <v>10</v>
      </c>
      <c r="E25" s="73">
        <v>20</v>
      </c>
      <c r="F25" s="228"/>
      <c r="G25" s="72">
        <v>23</v>
      </c>
      <c r="H25" s="72">
        <v>20</v>
      </c>
      <c r="I25" s="72">
        <v>11</v>
      </c>
      <c r="J25" s="72">
        <v>8</v>
      </c>
      <c r="K25" s="72">
        <v>8</v>
      </c>
      <c r="L25" s="74">
        <v>70</v>
      </c>
      <c r="M25" s="75">
        <v>90</v>
      </c>
      <c r="N25" s="60">
        <v>0</v>
      </c>
      <c r="O25" s="61">
        <v>0</v>
      </c>
      <c r="P25" s="62">
        <v>0</v>
      </c>
      <c r="Q25" s="228"/>
      <c r="R25" s="61">
        <v>0</v>
      </c>
      <c r="S25" s="61">
        <v>0</v>
      </c>
      <c r="T25" s="61">
        <v>0</v>
      </c>
      <c r="U25" s="61">
        <v>1</v>
      </c>
      <c r="V25" s="61">
        <v>0</v>
      </c>
      <c r="W25" s="62">
        <v>1</v>
      </c>
      <c r="X25" s="63">
        <v>1</v>
      </c>
      <c r="Y25" s="60">
        <v>1</v>
      </c>
      <c r="Z25" s="61">
        <v>1</v>
      </c>
      <c r="AA25" s="62">
        <v>2</v>
      </c>
      <c r="AB25" s="228"/>
      <c r="AC25" s="61">
        <v>3</v>
      </c>
      <c r="AD25" s="61">
        <v>1</v>
      </c>
      <c r="AE25" s="61">
        <v>0</v>
      </c>
      <c r="AF25" s="61">
        <v>0</v>
      </c>
      <c r="AG25" s="61">
        <v>2</v>
      </c>
      <c r="AH25" s="62">
        <v>6</v>
      </c>
      <c r="AI25" s="63">
        <v>8</v>
      </c>
      <c r="AJ25" s="60">
        <v>0</v>
      </c>
      <c r="AK25" s="61">
        <v>0</v>
      </c>
      <c r="AL25" s="62">
        <v>0</v>
      </c>
      <c r="AM25" s="228"/>
      <c r="AN25" s="61">
        <v>3</v>
      </c>
      <c r="AO25" s="61">
        <v>0</v>
      </c>
      <c r="AP25" s="61">
        <v>1</v>
      </c>
      <c r="AQ25" s="61">
        <v>0</v>
      </c>
      <c r="AR25" s="61">
        <v>2</v>
      </c>
      <c r="AS25" s="62">
        <v>6</v>
      </c>
      <c r="AT25" s="63">
        <v>6</v>
      </c>
      <c r="AU25" s="60">
        <v>6</v>
      </c>
      <c r="AV25" s="61">
        <v>6</v>
      </c>
      <c r="AW25" s="62">
        <v>12</v>
      </c>
      <c r="AX25" s="228"/>
      <c r="AY25" s="61">
        <v>5</v>
      </c>
      <c r="AZ25" s="61">
        <v>8</v>
      </c>
      <c r="BA25" s="61">
        <v>3</v>
      </c>
      <c r="BB25" s="61">
        <v>2</v>
      </c>
      <c r="BC25" s="61">
        <v>2</v>
      </c>
      <c r="BD25" s="62">
        <v>20</v>
      </c>
      <c r="BE25" s="63">
        <v>32</v>
      </c>
      <c r="BF25" s="60">
        <v>1</v>
      </c>
      <c r="BG25" s="61">
        <v>2</v>
      </c>
      <c r="BH25" s="62">
        <v>3</v>
      </c>
      <c r="BI25" s="228"/>
      <c r="BJ25" s="61">
        <v>3</v>
      </c>
      <c r="BK25" s="61">
        <v>4</v>
      </c>
      <c r="BL25" s="61">
        <v>2</v>
      </c>
      <c r="BM25" s="61">
        <v>1</v>
      </c>
      <c r="BN25" s="61">
        <v>1</v>
      </c>
      <c r="BO25" s="62">
        <v>11</v>
      </c>
      <c r="BP25" s="63">
        <v>14</v>
      </c>
      <c r="BQ25" s="60">
        <v>2</v>
      </c>
      <c r="BR25" s="61">
        <v>1</v>
      </c>
      <c r="BS25" s="62">
        <v>3</v>
      </c>
      <c r="BT25" s="228"/>
      <c r="BU25" s="61">
        <v>9</v>
      </c>
      <c r="BV25" s="61">
        <v>7</v>
      </c>
      <c r="BW25" s="61">
        <v>5</v>
      </c>
      <c r="BX25" s="61">
        <v>4</v>
      </c>
      <c r="BY25" s="61">
        <v>1</v>
      </c>
      <c r="BZ25" s="62">
        <v>26</v>
      </c>
      <c r="CA25" s="63">
        <v>29</v>
      </c>
      <c r="CB25" s="60">
        <v>0</v>
      </c>
      <c r="CC25" s="61">
        <v>0</v>
      </c>
      <c r="CD25" s="62">
        <v>0</v>
      </c>
      <c r="CE25" s="228"/>
      <c r="CF25" s="61">
        <v>0</v>
      </c>
      <c r="CG25" s="61">
        <v>0</v>
      </c>
      <c r="CH25" s="61">
        <v>0</v>
      </c>
      <c r="CI25" s="61">
        <v>0</v>
      </c>
      <c r="CJ25" s="61">
        <v>0</v>
      </c>
      <c r="CK25" s="62">
        <v>0</v>
      </c>
      <c r="CL25" s="63">
        <v>0</v>
      </c>
      <c r="CM25" s="60">
        <v>10</v>
      </c>
      <c r="CN25" s="61">
        <v>10</v>
      </c>
      <c r="CO25" s="62">
        <v>20</v>
      </c>
      <c r="CP25" s="228"/>
      <c r="CQ25" s="61">
        <v>23</v>
      </c>
      <c r="CR25" s="61">
        <v>20</v>
      </c>
      <c r="CS25" s="61">
        <v>11</v>
      </c>
      <c r="CT25" s="61">
        <v>8</v>
      </c>
      <c r="CU25" s="61">
        <v>8</v>
      </c>
      <c r="CV25" s="62">
        <v>70</v>
      </c>
      <c r="CW25" s="63">
        <v>90</v>
      </c>
      <c r="CX25" s="113">
        <v>1</v>
      </c>
      <c r="CY25" s="72">
        <v>4</v>
      </c>
      <c r="CZ25" s="73">
        <v>5</v>
      </c>
      <c r="DA25" s="228"/>
      <c r="DB25" s="72">
        <v>8</v>
      </c>
      <c r="DC25" s="72">
        <v>3</v>
      </c>
      <c r="DD25" s="72">
        <v>4</v>
      </c>
      <c r="DE25" s="72">
        <v>2</v>
      </c>
      <c r="DF25" s="72">
        <v>2</v>
      </c>
      <c r="DG25" s="74">
        <v>19</v>
      </c>
      <c r="DH25" s="75">
        <v>24</v>
      </c>
      <c r="DI25" s="60">
        <v>0</v>
      </c>
      <c r="DJ25" s="61">
        <v>0</v>
      </c>
      <c r="DK25" s="62">
        <v>0</v>
      </c>
      <c r="DL25" s="228"/>
      <c r="DM25" s="61">
        <v>0</v>
      </c>
      <c r="DN25" s="61">
        <v>0</v>
      </c>
      <c r="DO25" s="61">
        <v>0</v>
      </c>
      <c r="DP25" s="61">
        <v>0</v>
      </c>
      <c r="DQ25" s="61">
        <v>0</v>
      </c>
      <c r="DR25" s="62">
        <v>0</v>
      </c>
      <c r="DS25" s="63">
        <v>0</v>
      </c>
      <c r="DT25" s="60">
        <v>0</v>
      </c>
      <c r="DU25" s="61">
        <v>0</v>
      </c>
      <c r="DV25" s="62">
        <v>0</v>
      </c>
      <c r="DW25" s="228"/>
      <c r="DX25" s="61">
        <v>0</v>
      </c>
      <c r="DY25" s="61">
        <v>0</v>
      </c>
      <c r="DZ25" s="61">
        <v>0</v>
      </c>
      <c r="EA25" s="61">
        <v>0</v>
      </c>
      <c r="EB25" s="61">
        <v>0</v>
      </c>
      <c r="EC25" s="62">
        <v>0</v>
      </c>
      <c r="ED25" s="63">
        <v>0</v>
      </c>
      <c r="EE25" s="60">
        <v>1</v>
      </c>
      <c r="EF25" s="61">
        <v>1</v>
      </c>
      <c r="EG25" s="62">
        <v>2</v>
      </c>
      <c r="EH25" s="228"/>
      <c r="EI25" s="61">
        <v>0</v>
      </c>
      <c r="EJ25" s="61">
        <v>1</v>
      </c>
      <c r="EK25" s="61">
        <v>0</v>
      </c>
      <c r="EL25" s="61">
        <v>0</v>
      </c>
      <c r="EM25" s="61">
        <v>0</v>
      </c>
      <c r="EN25" s="62">
        <v>1</v>
      </c>
      <c r="EO25" s="63">
        <v>3</v>
      </c>
      <c r="EP25" s="60">
        <v>0</v>
      </c>
      <c r="EQ25" s="61">
        <v>1</v>
      </c>
      <c r="ER25" s="62">
        <v>1</v>
      </c>
      <c r="ES25" s="228"/>
      <c r="ET25" s="61">
        <v>2</v>
      </c>
      <c r="EU25" s="61">
        <v>0</v>
      </c>
      <c r="EV25" s="61">
        <v>1</v>
      </c>
      <c r="EW25" s="61">
        <v>1</v>
      </c>
      <c r="EX25" s="61">
        <v>0</v>
      </c>
      <c r="EY25" s="62">
        <v>4</v>
      </c>
      <c r="EZ25" s="63">
        <v>5</v>
      </c>
      <c r="FA25" s="60">
        <v>0</v>
      </c>
      <c r="FB25" s="61">
        <v>0</v>
      </c>
      <c r="FC25" s="62">
        <v>0</v>
      </c>
      <c r="FD25" s="228"/>
      <c r="FE25" s="61">
        <v>2</v>
      </c>
      <c r="FF25" s="61">
        <v>1</v>
      </c>
      <c r="FG25" s="61">
        <v>1</v>
      </c>
      <c r="FH25" s="61">
        <v>1</v>
      </c>
      <c r="FI25" s="61">
        <v>0</v>
      </c>
      <c r="FJ25" s="62">
        <v>5</v>
      </c>
      <c r="FK25" s="63">
        <v>5</v>
      </c>
      <c r="FL25" s="60">
        <v>0</v>
      </c>
      <c r="FM25" s="61">
        <v>2</v>
      </c>
      <c r="FN25" s="62">
        <v>2</v>
      </c>
      <c r="FO25" s="228"/>
      <c r="FP25" s="61">
        <v>4</v>
      </c>
      <c r="FQ25" s="61">
        <v>1</v>
      </c>
      <c r="FR25" s="61">
        <v>2</v>
      </c>
      <c r="FS25" s="61">
        <v>0</v>
      </c>
      <c r="FT25" s="61">
        <v>2</v>
      </c>
      <c r="FU25" s="62">
        <v>9</v>
      </c>
      <c r="FV25" s="63">
        <v>11</v>
      </c>
      <c r="FW25" s="60">
        <v>0</v>
      </c>
      <c r="FX25" s="61">
        <v>0</v>
      </c>
      <c r="FY25" s="62">
        <v>0</v>
      </c>
      <c r="FZ25" s="228"/>
      <c r="GA25" s="61">
        <v>0</v>
      </c>
      <c r="GB25" s="61">
        <v>0</v>
      </c>
      <c r="GC25" s="61">
        <v>0</v>
      </c>
      <c r="GD25" s="61">
        <v>0</v>
      </c>
      <c r="GE25" s="61">
        <v>0</v>
      </c>
      <c r="GF25" s="62">
        <v>0</v>
      </c>
      <c r="GG25" s="63">
        <v>0</v>
      </c>
      <c r="GH25" s="60">
        <v>1</v>
      </c>
      <c r="GI25" s="61">
        <v>4</v>
      </c>
      <c r="GJ25" s="62">
        <v>5</v>
      </c>
      <c r="GK25" s="228"/>
      <c r="GL25" s="61">
        <v>8</v>
      </c>
      <c r="GM25" s="61">
        <v>3</v>
      </c>
      <c r="GN25" s="61">
        <v>4</v>
      </c>
      <c r="GO25" s="61">
        <v>2</v>
      </c>
      <c r="GP25" s="61">
        <v>2</v>
      </c>
      <c r="GQ25" s="62">
        <v>19</v>
      </c>
      <c r="GR25" s="63">
        <v>24</v>
      </c>
      <c r="GS25" s="113">
        <v>11</v>
      </c>
      <c r="GT25" s="72">
        <v>14</v>
      </c>
      <c r="GU25" s="73">
        <v>25</v>
      </c>
      <c r="GV25" s="228"/>
      <c r="GW25" s="72">
        <v>31</v>
      </c>
      <c r="GX25" s="72">
        <v>23</v>
      </c>
      <c r="GY25" s="72">
        <v>15</v>
      </c>
      <c r="GZ25" s="72">
        <v>10</v>
      </c>
      <c r="HA25" s="72">
        <v>10</v>
      </c>
      <c r="HB25" s="74">
        <v>89</v>
      </c>
      <c r="HC25" s="75">
        <v>114</v>
      </c>
      <c r="HD25" s="60">
        <v>0</v>
      </c>
      <c r="HE25" s="61">
        <v>0</v>
      </c>
      <c r="HF25" s="62">
        <v>0</v>
      </c>
      <c r="HG25" s="228"/>
      <c r="HH25" s="61">
        <v>0</v>
      </c>
      <c r="HI25" s="61">
        <v>0</v>
      </c>
      <c r="HJ25" s="61">
        <v>0</v>
      </c>
      <c r="HK25" s="61">
        <v>1</v>
      </c>
      <c r="HL25" s="61">
        <v>0</v>
      </c>
      <c r="HM25" s="62">
        <v>1</v>
      </c>
      <c r="HN25" s="63">
        <v>1</v>
      </c>
      <c r="HO25" s="60">
        <v>1</v>
      </c>
      <c r="HP25" s="61">
        <v>1</v>
      </c>
      <c r="HQ25" s="62">
        <v>2</v>
      </c>
      <c r="HR25" s="228"/>
      <c r="HS25" s="61">
        <v>3</v>
      </c>
      <c r="HT25" s="61">
        <v>1</v>
      </c>
      <c r="HU25" s="61">
        <v>0</v>
      </c>
      <c r="HV25" s="61">
        <v>0</v>
      </c>
      <c r="HW25" s="61">
        <v>2</v>
      </c>
      <c r="HX25" s="62">
        <v>6</v>
      </c>
      <c r="HY25" s="63">
        <v>8</v>
      </c>
      <c r="HZ25" s="60">
        <v>1</v>
      </c>
      <c r="IA25" s="61">
        <v>1</v>
      </c>
      <c r="IB25" s="62">
        <v>2</v>
      </c>
      <c r="IC25" s="228"/>
      <c r="ID25" s="61">
        <v>3</v>
      </c>
      <c r="IE25" s="61">
        <v>1</v>
      </c>
      <c r="IF25" s="61">
        <v>1</v>
      </c>
      <c r="IG25" s="61">
        <v>0</v>
      </c>
      <c r="IH25" s="61">
        <v>2</v>
      </c>
      <c r="II25" s="62">
        <v>7</v>
      </c>
      <c r="IJ25" s="63">
        <v>9</v>
      </c>
      <c r="IK25" s="60">
        <v>6</v>
      </c>
      <c r="IL25" s="61">
        <v>7</v>
      </c>
      <c r="IM25" s="62">
        <v>13</v>
      </c>
      <c r="IN25" s="228"/>
      <c r="IO25" s="61">
        <v>7</v>
      </c>
      <c r="IP25" s="61">
        <v>8</v>
      </c>
      <c r="IQ25" s="61">
        <v>4</v>
      </c>
      <c r="IR25" s="61">
        <v>3</v>
      </c>
      <c r="IS25" s="61">
        <v>2</v>
      </c>
      <c r="IT25" s="62">
        <v>24</v>
      </c>
      <c r="IU25" s="63">
        <v>37</v>
      </c>
      <c r="IV25" s="60">
        <v>1</v>
      </c>
      <c r="IW25" s="61">
        <v>2</v>
      </c>
      <c r="IX25" s="62">
        <v>3</v>
      </c>
      <c r="IY25" s="228"/>
      <c r="IZ25" s="61">
        <v>5</v>
      </c>
      <c r="JA25" s="61">
        <v>5</v>
      </c>
      <c r="JB25" s="61">
        <v>3</v>
      </c>
      <c r="JC25" s="61">
        <v>2</v>
      </c>
      <c r="JD25" s="61">
        <v>1</v>
      </c>
      <c r="JE25" s="62">
        <v>16</v>
      </c>
      <c r="JF25" s="63">
        <v>19</v>
      </c>
      <c r="JG25" s="60">
        <v>2</v>
      </c>
      <c r="JH25" s="61">
        <v>3</v>
      </c>
      <c r="JI25" s="62">
        <v>5</v>
      </c>
      <c r="JJ25" s="228"/>
      <c r="JK25" s="61">
        <v>13</v>
      </c>
      <c r="JL25" s="61">
        <v>8</v>
      </c>
      <c r="JM25" s="61">
        <v>7</v>
      </c>
      <c r="JN25" s="61">
        <v>4</v>
      </c>
      <c r="JO25" s="61">
        <v>3</v>
      </c>
      <c r="JP25" s="62">
        <v>35</v>
      </c>
      <c r="JQ25" s="63">
        <v>40</v>
      </c>
      <c r="JR25" s="60">
        <v>0</v>
      </c>
      <c r="JS25" s="61">
        <v>0</v>
      </c>
      <c r="JT25" s="62">
        <v>0</v>
      </c>
      <c r="JU25" s="228"/>
      <c r="JV25" s="61">
        <v>0</v>
      </c>
      <c r="JW25" s="61">
        <v>0</v>
      </c>
      <c r="JX25" s="61">
        <v>0</v>
      </c>
      <c r="JY25" s="61">
        <v>0</v>
      </c>
      <c r="JZ25" s="61">
        <v>0</v>
      </c>
      <c r="KA25" s="62">
        <v>0</v>
      </c>
      <c r="KB25" s="63">
        <v>0</v>
      </c>
      <c r="KC25" s="60">
        <v>11</v>
      </c>
      <c r="KD25" s="61">
        <v>14</v>
      </c>
      <c r="KE25" s="62">
        <v>25</v>
      </c>
      <c r="KF25" s="228"/>
      <c r="KG25" s="61">
        <v>31</v>
      </c>
      <c r="KH25" s="61">
        <v>23</v>
      </c>
      <c r="KI25" s="61">
        <v>15</v>
      </c>
      <c r="KJ25" s="61">
        <v>10</v>
      </c>
      <c r="KK25" s="61">
        <v>10</v>
      </c>
      <c r="KL25" s="62">
        <v>89</v>
      </c>
      <c r="KM25" s="63">
        <v>114</v>
      </c>
    </row>
    <row r="26" spans="2:299" ht="21" customHeight="1" x14ac:dyDescent="0.2">
      <c r="B26" s="472" t="s">
        <v>23</v>
      </c>
      <c r="C26" s="293">
        <v>14</v>
      </c>
      <c r="D26" s="72">
        <v>15</v>
      </c>
      <c r="E26" s="73">
        <v>29</v>
      </c>
      <c r="F26" s="228"/>
      <c r="G26" s="72">
        <v>28</v>
      </c>
      <c r="H26" s="72">
        <v>21</v>
      </c>
      <c r="I26" s="72">
        <v>20</v>
      </c>
      <c r="J26" s="72">
        <v>15</v>
      </c>
      <c r="K26" s="72">
        <v>9</v>
      </c>
      <c r="L26" s="74">
        <v>93</v>
      </c>
      <c r="M26" s="75">
        <v>122</v>
      </c>
      <c r="N26" s="60">
        <v>0</v>
      </c>
      <c r="O26" s="61">
        <v>1</v>
      </c>
      <c r="P26" s="62">
        <v>1</v>
      </c>
      <c r="Q26" s="228"/>
      <c r="R26" s="61">
        <v>1</v>
      </c>
      <c r="S26" s="61">
        <v>1</v>
      </c>
      <c r="T26" s="61">
        <v>0</v>
      </c>
      <c r="U26" s="61">
        <v>0</v>
      </c>
      <c r="V26" s="61">
        <v>0</v>
      </c>
      <c r="W26" s="62">
        <v>2</v>
      </c>
      <c r="X26" s="63">
        <v>3</v>
      </c>
      <c r="Y26" s="60">
        <v>2</v>
      </c>
      <c r="Z26" s="61">
        <v>0</v>
      </c>
      <c r="AA26" s="62">
        <v>2</v>
      </c>
      <c r="AB26" s="228"/>
      <c r="AC26" s="61">
        <v>1</v>
      </c>
      <c r="AD26" s="61">
        <v>3</v>
      </c>
      <c r="AE26" s="61">
        <v>1</v>
      </c>
      <c r="AF26" s="61">
        <v>1</v>
      </c>
      <c r="AG26" s="61">
        <v>2</v>
      </c>
      <c r="AH26" s="62">
        <v>8</v>
      </c>
      <c r="AI26" s="63">
        <v>10</v>
      </c>
      <c r="AJ26" s="60">
        <v>3</v>
      </c>
      <c r="AK26" s="61">
        <v>2</v>
      </c>
      <c r="AL26" s="62">
        <v>5</v>
      </c>
      <c r="AM26" s="228"/>
      <c r="AN26" s="61">
        <v>4</v>
      </c>
      <c r="AO26" s="61">
        <v>1</v>
      </c>
      <c r="AP26" s="61">
        <v>3</v>
      </c>
      <c r="AQ26" s="61">
        <v>0</v>
      </c>
      <c r="AR26" s="61">
        <v>3</v>
      </c>
      <c r="AS26" s="62">
        <v>11</v>
      </c>
      <c r="AT26" s="63">
        <v>16</v>
      </c>
      <c r="AU26" s="60">
        <v>3</v>
      </c>
      <c r="AV26" s="61">
        <v>7</v>
      </c>
      <c r="AW26" s="62">
        <v>10</v>
      </c>
      <c r="AX26" s="228"/>
      <c r="AY26" s="61">
        <v>6</v>
      </c>
      <c r="AZ26" s="61">
        <v>3</v>
      </c>
      <c r="BA26" s="61">
        <v>5</v>
      </c>
      <c r="BB26" s="61">
        <v>6</v>
      </c>
      <c r="BC26" s="61">
        <v>1</v>
      </c>
      <c r="BD26" s="62">
        <v>21</v>
      </c>
      <c r="BE26" s="63">
        <v>31</v>
      </c>
      <c r="BF26" s="60">
        <v>4</v>
      </c>
      <c r="BG26" s="61">
        <v>3</v>
      </c>
      <c r="BH26" s="62">
        <v>7</v>
      </c>
      <c r="BI26" s="228"/>
      <c r="BJ26" s="61">
        <v>9</v>
      </c>
      <c r="BK26" s="61">
        <v>6</v>
      </c>
      <c r="BL26" s="61">
        <v>9</v>
      </c>
      <c r="BM26" s="61">
        <v>3</v>
      </c>
      <c r="BN26" s="61">
        <v>3</v>
      </c>
      <c r="BO26" s="62">
        <v>30</v>
      </c>
      <c r="BP26" s="63">
        <v>37</v>
      </c>
      <c r="BQ26" s="60">
        <v>2</v>
      </c>
      <c r="BR26" s="61">
        <v>2</v>
      </c>
      <c r="BS26" s="62">
        <v>4</v>
      </c>
      <c r="BT26" s="228"/>
      <c r="BU26" s="61">
        <v>7</v>
      </c>
      <c r="BV26" s="61">
        <v>7</v>
      </c>
      <c r="BW26" s="61">
        <v>2</v>
      </c>
      <c r="BX26" s="61">
        <v>5</v>
      </c>
      <c r="BY26" s="61">
        <v>0</v>
      </c>
      <c r="BZ26" s="62">
        <v>21</v>
      </c>
      <c r="CA26" s="63">
        <v>25</v>
      </c>
      <c r="CB26" s="60">
        <v>0</v>
      </c>
      <c r="CC26" s="61">
        <v>0</v>
      </c>
      <c r="CD26" s="62">
        <v>0</v>
      </c>
      <c r="CE26" s="228"/>
      <c r="CF26" s="61">
        <v>0</v>
      </c>
      <c r="CG26" s="61">
        <v>0</v>
      </c>
      <c r="CH26" s="61">
        <v>0</v>
      </c>
      <c r="CI26" s="61">
        <v>0</v>
      </c>
      <c r="CJ26" s="61">
        <v>0</v>
      </c>
      <c r="CK26" s="62">
        <v>0</v>
      </c>
      <c r="CL26" s="63">
        <v>0</v>
      </c>
      <c r="CM26" s="60">
        <v>14</v>
      </c>
      <c r="CN26" s="61">
        <v>15</v>
      </c>
      <c r="CO26" s="62">
        <v>29</v>
      </c>
      <c r="CP26" s="228"/>
      <c r="CQ26" s="61">
        <v>28</v>
      </c>
      <c r="CR26" s="61">
        <v>21</v>
      </c>
      <c r="CS26" s="61">
        <v>20</v>
      </c>
      <c r="CT26" s="61">
        <v>15</v>
      </c>
      <c r="CU26" s="61">
        <v>9</v>
      </c>
      <c r="CV26" s="62">
        <v>93</v>
      </c>
      <c r="CW26" s="63">
        <v>122</v>
      </c>
      <c r="CX26" s="113">
        <v>8</v>
      </c>
      <c r="CY26" s="72">
        <v>7</v>
      </c>
      <c r="CZ26" s="73">
        <v>15</v>
      </c>
      <c r="DA26" s="228"/>
      <c r="DB26" s="72">
        <v>11</v>
      </c>
      <c r="DC26" s="72">
        <v>10</v>
      </c>
      <c r="DD26" s="72">
        <v>4</v>
      </c>
      <c r="DE26" s="72">
        <v>6</v>
      </c>
      <c r="DF26" s="72">
        <v>6</v>
      </c>
      <c r="DG26" s="74">
        <v>37</v>
      </c>
      <c r="DH26" s="75">
        <v>52</v>
      </c>
      <c r="DI26" s="60">
        <v>0</v>
      </c>
      <c r="DJ26" s="61">
        <v>0</v>
      </c>
      <c r="DK26" s="62">
        <v>0</v>
      </c>
      <c r="DL26" s="228"/>
      <c r="DM26" s="61">
        <v>1</v>
      </c>
      <c r="DN26" s="61">
        <v>0</v>
      </c>
      <c r="DO26" s="61">
        <v>0</v>
      </c>
      <c r="DP26" s="61">
        <v>0</v>
      </c>
      <c r="DQ26" s="61">
        <v>0</v>
      </c>
      <c r="DR26" s="62">
        <v>1</v>
      </c>
      <c r="DS26" s="63">
        <v>1</v>
      </c>
      <c r="DT26" s="60">
        <v>0</v>
      </c>
      <c r="DU26" s="61">
        <v>0</v>
      </c>
      <c r="DV26" s="62">
        <v>0</v>
      </c>
      <c r="DW26" s="228"/>
      <c r="DX26" s="61">
        <v>1</v>
      </c>
      <c r="DY26" s="61">
        <v>0</v>
      </c>
      <c r="DZ26" s="61">
        <v>0</v>
      </c>
      <c r="EA26" s="61">
        <v>0</v>
      </c>
      <c r="EB26" s="61">
        <v>0</v>
      </c>
      <c r="EC26" s="62">
        <v>1</v>
      </c>
      <c r="ED26" s="63">
        <v>1</v>
      </c>
      <c r="EE26" s="60">
        <v>1</v>
      </c>
      <c r="EF26" s="61">
        <v>2</v>
      </c>
      <c r="EG26" s="62">
        <v>3</v>
      </c>
      <c r="EH26" s="228"/>
      <c r="EI26" s="61">
        <v>1</v>
      </c>
      <c r="EJ26" s="61">
        <v>0</v>
      </c>
      <c r="EK26" s="61">
        <v>0</v>
      </c>
      <c r="EL26" s="61">
        <v>0</v>
      </c>
      <c r="EM26" s="61">
        <v>1</v>
      </c>
      <c r="EN26" s="62">
        <v>2</v>
      </c>
      <c r="EO26" s="63">
        <v>5</v>
      </c>
      <c r="EP26" s="60">
        <v>4</v>
      </c>
      <c r="EQ26" s="61">
        <v>3</v>
      </c>
      <c r="ER26" s="62">
        <v>7</v>
      </c>
      <c r="ES26" s="228"/>
      <c r="ET26" s="61">
        <v>2</v>
      </c>
      <c r="EU26" s="61">
        <v>2</v>
      </c>
      <c r="EV26" s="61">
        <v>2</v>
      </c>
      <c r="EW26" s="61">
        <v>0</v>
      </c>
      <c r="EX26" s="61">
        <v>1</v>
      </c>
      <c r="EY26" s="62">
        <v>7</v>
      </c>
      <c r="EZ26" s="63">
        <v>14</v>
      </c>
      <c r="FA26" s="60">
        <v>2</v>
      </c>
      <c r="FB26" s="61">
        <v>1</v>
      </c>
      <c r="FC26" s="62">
        <v>3</v>
      </c>
      <c r="FD26" s="228"/>
      <c r="FE26" s="61">
        <v>1</v>
      </c>
      <c r="FF26" s="61">
        <v>3</v>
      </c>
      <c r="FG26" s="61">
        <v>1</v>
      </c>
      <c r="FH26" s="61">
        <v>3</v>
      </c>
      <c r="FI26" s="61">
        <v>0</v>
      </c>
      <c r="FJ26" s="62">
        <v>8</v>
      </c>
      <c r="FK26" s="63">
        <v>11</v>
      </c>
      <c r="FL26" s="60">
        <v>1</v>
      </c>
      <c r="FM26" s="61">
        <v>1</v>
      </c>
      <c r="FN26" s="62">
        <v>2</v>
      </c>
      <c r="FO26" s="228"/>
      <c r="FP26" s="61">
        <v>5</v>
      </c>
      <c r="FQ26" s="61">
        <v>5</v>
      </c>
      <c r="FR26" s="61">
        <v>1</v>
      </c>
      <c r="FS26" s="61">
        <v>3</v>
      </c>
      <c r="FT26" s="61">
        <v>4</v>
      </c>
      <c r="FU26" s="62">
        <v>18</v>
      </c>
      <c r="FV26" s="63">
        <v>20</v>
      </c>
      <c r="FW26" s="60">
        <v>0</v>
      </c>
      <c r="FX26" s="61">
        <v>0</v>
      </c>
      <c r="FY26" s="62">
        <v>0</v>
      </c>
      <c r="FZ26" s="228"/>
      <c r="GA26" s="61">
        <v>0</v>
      </c>
      <c r="GB26" s="61">
        <v>0</v>
      </c>
      <c r="GC26" s="61">
        <v>0</v>
      </c>
      <c r="GD26" s="61">
        <v>0</v>
      </c>
      <c r="GE26" s="61">
        <v>0</v>
      </c>
      <c r="GF26" s="62">
        <v>0</v>
      </c>
      <c r="GG26" s="63">
        <v>0</v>
      </c>
      <c r="GH26" s="60">
        <v>8</v>
      </c>
      <c r="GI26" s="61">
        <v>7</v>
      </c>
      <c r="GJ26" s="62">
        <v>15</v>
      </c>
      <c r="GK26" s="228"/>
      <c r="GL26" s="61">
        <v>11</v>
      </c>
      <c r="GM26" s="61">
        <v>10</v>
      </c>
      <c r="GN26" s="61">
        <v>4</v>
      </c>
      <c r="GO26" s="61">
        <v>6</v>
      </c>
      <c r="GP26" s="61">
        <v>6</v>
      </c>
      <c r="GQ26" s="62">
        <v>37</v>
      </c>
      <c r="GR26" s="63">
        <v>52</v>
      </c>
      <c r="GS26" s="113">
        <v>22</v>
      </c>
      <c r="GT26" s="72">
        <v>22</v>
      </c>
      <c r="GU26" s="73">
        <v>44</v>
      </c>
      <c r="GV26" s="228"/>
      <c r="GW26" s="72">
        <v>39</v>
      </c>
      <c r="GX26" s="72">
        <v>31</v>
      </c>
      <c r="GY26" s="72">
        <v>24</v>
      </c>
      <c r="GZ26" s="72">
        <v>21</v>
      </c>
      <c r="HA26" s="72">
        <v>15</v>
      </c>
      <c r="HB26" s="74">
        <v>130</v>
      </c>
      <c r="HC26" s="75">
        <v>174</v>
      </c>
      <c r="HD26" s="60">
        <v>0</v>
      </c>
      <c r="HE26" s="61">
        <v>1</v>
      </c>
      <c r="HF26" s="62">
        <v>1</v>
      </c>
      <c r="HG26" s="228"/>
      <c r="HH26" s="61">
        <v>2</v>
      </c>
      <c r="HI26" s="61">
        <v>1</v>
      </c>
      <c r="HJ26" s="61">
        <v>0</v>
      </c>
      <c r="HK26" s="61">
        <v>0</v>
      </c>
      <c r="HL26" s="61">
        <v>0</v>
      </c>
      <c r="HM26" s="62">
        <v>3</v>
      </c>
      <c r="HN26" s="63">
        <v>4</v>
      </c>
      <c r="HO26" s="60">
        <v>2</v>
      </c>
      <c r="HP26" s="61">
        <v>0</v>
      </c>
      <c r="HQ26" s="62">
        <v>2</v>
      </c>
      <c r="HR26" s="228"/>
      <c r="HS26" s="61">
        <v>2</v>
      </c>
      <c r="HT26" s="61">
        <v>3</v>
      </c>
      <c r="HU26" s="61">
        <v>1</v>
      </c>
      <c r="HV26" s="61">
        <v>1</v>
      </c>
      <c r="HW26" s="61">
        <v>2</v>
      </c>
      <c r="HX26" s="62">
        <v>9</v>
      </c>
      <c r="HY26" s="63">
        <v>11</v>
      </c>
      <c r="HZ26" s="60">
        <v>4</v>
      </c>
      <c r="IA26" s="61">
        <v>4</v>
      </c>
      <c r="IB26" s="62">
        <v>8</v>
      </c>
      <c r="IC26" s="228"/>
      <c r="ID26" s="61">
        <v>5</v>
      </c>
      <c r="IE26" s="61">
        <v>1</v>
      </c>
      <c r="IF26" s="61">
        <v>3</v>
      </c>
      <c r="IG26" s="61">
        <v>0</v>
      </c>
      <c r="IH26" s="61">
        <v>4</v>
      </c>
      <c r="II26" s="62">
        <v>13</v>
      </c>
      <c r="IJ26" s="63">
        <v>21</v>
      </c>
      <c r="IK26" s="60">
        <v>7</v>
      </c>
      <c r="IL26" s="61">
        <v>10</v>
      </c>
      <c r="IM26" s="62">
        <v>17</v>
      </c>
      <c r="IN26" s="228"/>
      <c r="IO26" s="61">
        <v>8</v>
      </c>
      <c r="IP26" s="61">
        <v>5</v>
      </c>
      <c r="IQ26" s="61">
        <v>7</v>
      </c>
      <c r="IR26" s="61">
        <v>6</v>
      </c>
      <c r="IS26" s="61">
        <v>2</v>
      </c>
      <c r="IT26" s="62">
        <v>28</v>
      </c>
      <c r="IU26" s="63">
        <v>45</v>
      </c>
      <c r="IV26" s="60">
        <v>6</v>
      </c>
      <c r="IW26" s="61">
        <v>4</v>
      </c>
      <c r="IX26" s="62">
        <v>10</v>
      </c>
      <c r="IY26" s="228"/>
      <c r="IZ26" s="61">
        <v>10</v>
      </c>
      <c r="JA26" s="61">
        <v>9</v>
      </c>
      <c r="JB26" s="61">
        <v>10</v>
      </c>
      <c r="JC26" s="61">
        <v>6</v>
      </c>
      <c r="JD26" s="61">
        <v>3</v>
      </c>
      <c r="JE26" s="62">
        <v>38</v>
      </c>
      <c r="JF26" s="63">
        <v>48</v>
      </c>
      <c r="JG26" s="60">
        <v>3</v>
      </c>
      <c r="JH26" s="61">
        <v>3</v>
      </c>
      <c r="JI26" s="62">
        <v>6</v>
      </c>
      <c r="JJ26" s="228"/>
      <c r="JK26" s="61">
        <v>12</v>
      </c>
      <c r="JL26" s="61">
        <v>12</v>
      </c>
      <c r="JM26" s="61">
        <v>3</v>
      </c>
      <c r="JN26" s="61">
        <v>8</v>
      </c>
      <c r="JO26" s="61">
        <v>4</v>
      </c>
      <c r="JP26" s="62">
        <v>39</v>
      </c>
      <c r="JQ26" s="63">
        <v>45</v>
      </c>
      <c r="JR26" s="60">
        <v>0</v>
      </c>
      <c r="JS26" s="61">
        <v>0</v>
      </c>
      <c r="JT26" s="62">
        <v>0</v>
      </c>
      <c r="JU26" s="228"/>
      <c r="JV26" s="61">
        <v>0</v>
      </c>
      <c r="JW26" s="61">
        <v>0</v>
      </c>
      <c r="JX26" s="61">
        <v>0</v>
      </c>
      <c r="JY26" s="61">
        <v>0</v>
      </c>
      <c r="JZ26" s="61">
        <v>0</v>
      </c>
      <c r="KA26" s="62">
        <v>0</v>
      </c>
      <c r="KB26" s="63">
        <v>0</v>
      </c>
      <c r="KC26" s="60">
        <v>22</v>
      </c>
      <c r="KD26" s="61">
        <v>22</v>
      </c>
      <c r="KE26" s="62">
        <v>44</v>
      </c>
      <c r="KF26" s="228"/>
      <c r="KG26" s="61">
        <v>39</v>
      </c>
      <c r="KH26" s="61">
        <v>31</v>
      </c>
      <c r="KI26" s="61">
        <v>24</v>
      </c>
      <c r="KJ26" s="61">
        <v>21</v>
      </c>
      <c r="KK26" s="61">
        <v>15</v>
      </c>
      <c r="KL26" s="62">
        <v>130</v>
      </c>
      <c r="KM26" s="63">
        <v>174</v>
      </c>
    </row>
    <row r="27" spans="2:299" ht="21" customHeight="1" x14ac:dyDescent="0.2">
      <c r="B27" s="472" t="s">
        <v>24</v>
      </c>
      <c r="C27" s="293">
        <v>19</v>
      </c>
      <c r="D27" s="72">
        <v>21</v>
      </c>
      <c r="E27" s="73">
        <v>40</v>
      </c>
      <c r="F27" s="228"/>
      <c r="G27" s="72">
        <v>33</v>
      </c>
      <c r="H27" s="72">
        <v>20</v>
      </c>
      <c r="I27" s="72">
        <v>15</v>
      </c>
      <c r="J27" s="72">
        <v>14</v>
      </c>
      <c r="K27" s="72">
        <v>10</v>
      </c>
      <c r="L27" s="74">
        <v>92</v>
      </c>
      <c r="M27" s="75">
        <v>132</v>
      </c>
      <c r="N27" s="60">
        <v>0</v>
      </c>
      <c r="O27" s="61">
        <v>0</v>
      </c>
      <c r="P27" s="62">
        <v>0</v>
      </c>
      <c r="Q27" s="228"/>
      <c r="R27" s="61">
        <v>0</v>
      </c>
      <c r="S27" s="61">
        <v>0</v>
      </c>
      <c r="T27" s="61">
        <v>0</v>
      </c>
      <c r="U27" s="61">
        <v>0</v>
      </c>
      <c r="V27" s="61">
        <v>1</v>
      </c>
      <c r="W27" s="62">
        <v>1</v>
      </c>
      <c r="X27" s="63">
        <v>1</v>
      </c>
      <c r="Y27" s="60">
        <v>1</v>
      </c>
      <c r="Z27" s="61">
        <v>1</v>
      </c>
      <c r="AA27" s="62">
        <v>2</v>
      </c>
      <c r="AB27" s="228"/>
      <c r="AC27" s="61">
        <v>0</v>
      </c>
      <c r="AD27" s="61">
        <v>1</v>
      </c>
      <c r="AE27" s="61">
        <v>1</v>
      </c>
      <c r="AF27" s="61">
        <v>1</v>
      </c>
      <c r="AG27" s="61">
        <v>1</v>
      </c>
      <c r="AH27" s="62">
        <v>4</v>
      </c>
      <c r="AI27" s="63">
        <v>6</v>
      </c>
      <c r="AJ27" s="60">
        <v>0</v>
      </c>
      <c r="AK27" s="61">
        <v>1</v>
      </c>
      <c r="AL27" s="62">
        <v>1</v>
      </c>
      <c r="AM27" s="228"/>
      <c r="AN27" s="61">
        <v>3</v>
      </c>
      <c r="AO27" s="61">
        <v>2</v>
      </c>
      <c r="AP27" s="61">
        <v>2</v>
      </c>
      <c r="AQ27" s="61">
        <v>1</v>
      </c>
      <c r="AR27" s="61">
        <v>1</v>
      </c>
      <c r="AS27" s="62">
        <v>9</v>
      </c>
      <c r="AT27" s="63">
        <v>10</v>
      </c>
      <c r="AU27" s="60">
        <v>4</v>
      </c>
      <c r="AV27" s="61">
        <v>6</v>
      </c>
      <c r="AW27" s="62">
        <v>10</v>
      </c>
      <c r="AX27" s="228"/>
      <c r="AY27" s="61">
        <v>8</v>
      </c>
      <c r="AZ27" s="61">
        <v>4</v>
      </c>
      <c r="BA27" s="61">
        <v>3</v>
      </c>
      <c r="BB27" s="61">
        <v>3</v>
      </c>
      <c r="BC27" s="61">
        <v>2</v>
      </c>
      <c r="BD27" s="62">
        <v>20</v>
      </c>
      <c r="BE27" s="63">
        <v>30</v>
      </c>
      <c r="BF27" s="60">
        <v>6</v>
      </c>
      <c r="BG27" s="61">
        <v>5</v>
      </c>
      <c r="BH27" s="62">
        <v>11</v>
      </c>
      <c r="BI27" s="228"/>
      <c r="BJ27" s="61">
        <v>12</v>
      </c>
      <c r="BK27" s="61">
        <v>7</v>
      </c>
      <c r="BL27" s="61">
        <v>6</v>
      </c>
      <c r="BM27" s="61">
        <v>2</v>
      </c>
      <c r="BN27" s="61">
        <v>2</v>
      </c>
      <c r="BO27" s="62">
        <v>29</v>
      </c>
      <c r="BP27" s="63">
        <v>40</v>
      </c>
      <c r="BQ27" s="60">
        <v>8</v>
      </c>
      <c r="BR27" s="61">
        <v>8</v>
      </c>
      <c r="BS27" s="62">
        <v>16</v>
      </c>
      <c r="BT27" s="228"/>
      <c r="BU27" s="61">
        <v>10</v>
      </c>
      <c r="BV27" s="61">
        <v>6</v>
      </c>
      <c r="BW27" s="61">
        <v>3</v>
      </c>
      <c r="BX27" s="61">
        <v>7</v>
      </c>
      <c r="BY27" s="61">
        <v>3</v>
      </c>
      <c r="BZ27" s="62">
        <v>29</v>
      </c>
      <c r="CA27" s="63">
        <v>45</v>
      </c>
      <c r="CB27" s="60">
        <v>0</v>
      </c>
      <c r="CC27" s="61">
        <v>0</v>
      </c>
      <c r="CD27" s="62">
        <v>0</v>
      </c>
      <c r="CE27" s="228"/>
      <c r="CF27" s="61">
        <v>0</v>
      </c>
      <c r="CG27" s="61">
        <v>0</v>
      </c>
      <c r="CH27" s="61">
        <v>0</v>
      </c>
      <c r="CI27" s="61">
        <v>0</v>
      </c>
      <c r="CJ27" s="61">
        <v>0</v>
      </c>
      <c r="CK27" s="62">
        <v>0</v>
      </c>
      <c r="CL27" s="63">
        <v>0</v>
      </c>
      <c r="CM27" s="60">
        <v>19</v>
      </c>
      <c r="CN27" s="61">
        <v>21</v>
      </c>
      <c r="CO27" s="62">
        <v>40</v>
      </c>
      <c r="CP27" s="228"/>
      <c r="CQ27" s="61">
        <v>33</v>
      </c>
      <c r="CR27" s="61">
        <v>20</v>
      </c>
      <c r="CS27" s="61">
        <v>15</v>
      </c>
      <c r="CT27" s="61">
        <v>14</v>
      </c>
      <c r="CU27" s="61">
        <v>10</v>
      </c>
      <c r="CV27" s="62">
        <v>92</v>
      </c>
      <c r="CW27" s="63">
        <v>132</v>
      </c>
      <c r="CX27" s="113">
        <v>8</v>
      </c>
      <c r="CY27" s="72">
        <v>7</v>
      </c>
      <c r="CZ27" s="73">
        <v>15</v>
      </c>
      <c r="DA27" s="228"/>
      <c r="DB27" s="72">
        <v>10</v>
      </c>
      <c r="DC27" s="72">
        <v>7</v>
      </c>
      <c r="DD27" s="72">
        <v>3</v>
      </c>
      <c r="DE27" s="72">
        <v>6</v>
      </c>
      <c r="DF27" s="72">
        <v>3</v>
      </c>
      <c r="DG27" s="74">
        <v>29</v>
      </c>
      <c r="DH27" s="75">
        <v>44</v>
      </c>
      <c r="DI27" s="60">
        <v>0</v>
      </c>
      <c r="DJ27" s="61">
        <v>0</v>
      </c>
      <c r="DK27" s="62">
        <v>0</v>
      </c>
      <c r="DL27" s="228"/>
      <c r="DM27" s="61">
        <v>0</v>
      </c>
      <c r="DN27" s="61">
        <v>0</v>
      </c>
      <c r="DO27" s="61">
        <v>0</v>
      </c>
      <c r="DP27" s="61">
        <v>0</v>
      </c>
      <c r="DQ27" s="61">
        <v>0</v>
      </c>
      <c r="DR27" s="62">
        <v>0</v>
      </c>
      <c r="DS27" s="63">
        <v>0</v>
      </c>
      <c r="DT27" s="60">
        <v>0</v>
      </c>
      <c r="DU27" s="61">
        <v>0</v>
      </c>
      <c r="DV27" s="62">
        <v>0</v>
      </c>
      <c r="DW27" s="228"/>
      <c r="DX27" s="61">
        <v>2</v>
      </c>
      <c r="DY27" s="61">
        <v>0</v>
      </c>
      <c r="DZ27" s="61">
        <v>0</v>
      </c>
      <c r="EA27" s="61">
        <v>0</v>
      </c>
      <c r="EB27" s="61">
        <v>0</v>
      </c>
      <c r="EC27" s="62">
        <v>2</v>
      </c>
      <c r="ED27" s="63">
        <v>2</v>
      </c>
      <c r="EE27" s="60">
        <v>1</v>
      </c>
      <c r="EF27" s="61">
        <v>1</v>
      </c>
      <c r="EG27" s="62">
        <v>2</v>
      </c>
      <c r="EH27" s="228"/>
      <c r="EI27" s="61">
        <v>1</v>
      </c>
      <c r="EJ27" s="61">
        <v>2</v>
      </c>
      <c r="EK27" s="61">
        <v>0</v>
      </c>
      <c r="EL27" s="61">
        <v>0</v>
      </c>
      <c r="EM27" s="61">
        <v>0</v>
      </c>
      <c r="EN27" s="62">
        <v>3</v>
      </c>
      <c r="EO27" s="63">
        <v>5</v>
      </c>
      <c r="EP27" s="60">
        <v>3</v>
      </c>
      <c r="EQ27" s="61">
        <v>2</v>
      </c>
      <c r="ER27" s="62">
        <v>5</v>
      </c>
      <c r="ES27" s="228"/>
      <c r="ET27" s="61">
        <v>3</v>
      </c>
      <c r="EU27" s="61">
        <v>2</v>
      </c>
      <c r="EV27" s="61">
        <v>1</v>
      </c>
      <c r="EW27" s="61">
        <v>1</v>
      </c>
      <c r="EX27" s="61">
        <v>1</v>
      </c>
      <c r="EY27" s="62">
        <v>8</v>
      </c>
      <c r="EZ27" s="63">
        <v>13</v>
      </c>
      <c r="FA27" s="60">
        <v>4</v>
      </c>
      <c r="FB27" s="61">
        <v>2</v>
      </c>
      <c r="FC27" s="62">
        <v>6</v>
      </c>
      <c r="FD27" s="228"/>
      <c r="FE27" s="61">
        <v>3</v>
      </c>
      <c r="FF27" s="61">
        <v>1</v>
      </c>
      <c r="FG27" s="61">
        <v>1</v>
      </c>
      <c r="FH27" s="61">
        <v>1</v>
      </c>
      <c r="FI27" s="61">
        <v>1</v>
      </c>
      <c r="FJ27" s="62">
        <v>7</v>
      </c>
      <c r="FK27" s="63">
        <v>13</v>
      </c>
      <c r="FL27" s="60">
        <v>0</v>
      </c>
      <c r="FM27" s="61">
        <v>2</v>
      </c>
      <c r="FN27" s="62">
        <v>2</v>
      </c>
      <c r="FO27" s="228"/>
      <c r="FP27" s="61">
        <v>1</v>
      </c>
      <c r="FQ27" s="61">
        <v>2</v>
      </c>
      <c r="FR27" s="61">
        <v>1</v>
      </c>
      <c r="FS27" s="61">
        <v>4</v>
      </c>
      <c r="FT27" s="61">
        <v>1</v>
      </c>
      <c r="FU27" s="62">
        <v>9</v>
      </c>
      <c r="FV27" s="63">
        <v>11</v>
      </c>
      <c r="FW27" s="60">
        <v>0</v>
      </c>
      <c r="FX27" s="61">
        <v>0</v>
      </c>
      <c r="FY27" s="62">
        <v>0</v>
      </c>
      <c r="FZ27" s="228"/>
      <c r="GA27" s="61">
        <v>0</v>
      </c>
      <c r="GB27" s="61">
        <v>0</v>
      </c>
      <c r="GC27" s="61">
        <v>0</v>
      </c>
      <c r="GD27" s="61">
        <v>0</v>
      </c>
      <c r="GE27" s="61">
        <v>0</v>
      </c>
      <c r="GF27" s="62">
        <v>0</v>
      </c>
      <c r="GG27" s="63">
        <v>0</v>
      </c>
      <c r="GH27" s="60">
        <v>8</v>
      </c>
      <c r="GI27" s="61">
        <v>7</v>
      </c>
      <c r="GJ27" s="62">
        <v>15</v>
      </c>
      <c r="GK27" s="228"/>
      <c r="GL27" s="61">
        <v>10</v>
      </c>
      <c r="GM27" s="61">
        <v>7</v>
      </c>
      <c r="GN27" s="61">
        <v>3</v>
      </c>
      <c r="GO27" s="61">
        <v>6</v>
      </c>
      <c r="GP27" s="61">
        <v>3</v>
      </c>
      <c r="GQ27" s="62">
        <v>29</v>
      </c>
      <c r="GR27" s="63">
        <v>44</v>
      </c>
      <c r="GS27" s="113">
        <v>27</v>
      </c>
      <c r="GT27" s="72">
        <v>28</v>
      </c>
      <c r="GU27" s="73">
        <v>55</v>
      </c>
      <c r="GV27" s="228"/>
      <c r="GW27" s="72">
        <v>43</v>
      </c>
      <c r="GX27" s="72">
        <v>27</v>
      </c>
      <c r="GY27" s="72">
        <v>18</v>
      </c>
      <c r="GZ27" s="72">
        <v>20</v>
      </c>
      <c r="HA27" s="72">
        <v>13</v>
      </c>
      <c r="HB27" s="74">
        <v>121</v>
      </c>
      <c r="HC27" s="75">
        <v>176</v>
      </c>
      <c r="HD27" s="60">
        <v>0</v>
      </c>
      <c r="HE27" s="61">
        <v>0</v>
      </c>
      <c r="HF27" s="62">
        <v>0</v>
      </c>
      <c r="HG27" s="228"/>
      <c r="HH27" s="61">
        <v>0</v>
      </c>
      <c r="HI27" s="61">
        <v>0</v>
      </c>
      <c r="HJ27" s="61">
        <v>0</v>
      </c>
      <c r="HK27" s="61">
        <v>0</v>
      </c>
      <c r="HL27" s="61">
        <v>1</v>
      </c>
      <c r="HM27" s="62">
        <v>1</v>
      </c>
      <c r="HN27" s="63">
        <v>1</v>
      </c>
      <c r="HO27" s="60">
        <v>1</v>
      </c>
      <c r="HP27" s="61">
        <v>1</v>
      </c>
      <c r="HQ27" s="62">
        <v>2</v>
      </c>
      <c r="HR27" s="228"/>
      <c r="HS27" s="61">
        <v>2</v>
      </c>
      <c r="HT27" s="61">
        <v>1</v>
      </c>
      <c r="HU27" s="61">
        <v>1</v>
      </c>
      <c r="HV27" s="61">
        <v>1</v>
      </c>
      <c r="HW27" s="61">
        <v>1</v>
      </c>
      <c r="HX27" s="62">
        <v>6</v>
      </c>
      <c r="HY27" s="63">
        <v>8</v>
      </c>
      <c r="HZ27" s="60">
        <v>1</v>
      </c>
      <c r="IA27" s="61">
        <v>2</v>
      </c>
      <c r="IB27" s="62">
        <v>3</v>
      </c>
      <c r="IC27" s="228"/>
      <c r="ID27" s="61">
        <v>4</v>
      </c>
      <c r="IE27" s="61">
        <v>4</v>
      </c>
      <c r="IF27" s="61">
        <v>2</v>
      </c>
      <c r="IG27" s="61">
        <v>1</v>
      </c>
      <c r="IH27" s="61">
        <v>1</v>
      </c>
      <c r="II27" s="62">
        <v>12</v>
      </c>
      <c r="IJ27" s="63">
        <v>15</v>
      </c>
      <c r="IK27" s="60">
        <v>7</v>
      </c>
      <c r="IL27" s="61">
        <v>8</v>
      </c>
      <c r="IM27" s="62">
        <v>15</v>
      </c>
      <c r="IN27" s="228"/>
      <c r="IO27" s="61">
        <v>11</v>
      </c>
      <c r="IP27" s="61">
        <v>6</v>
      </c>
      <c r="IQ27" s="61">
        <v>4</v>
      </c>
      <c r="IR27" s="61">
        <v>4</v>
      </c>
      <c r="IS27" s="61">
        <v>3</v>
      </c>
      <c r="IT27" s="62">
        <v>28</v>
      </c>
      <c r="IU27" s="63">
        <v>43</v>
      </c>
      <c r="IV27" s="60">
        <v>10</v>
      </c>
      <c r="IW27" s="61">
        <v>7</v>
      </c>
      <c r="IX27" s="62">
        <v>17</v>
      </c>
      <c r="IY27" s="228"/>
      <c r="IZ27" s="61">
        <v>15</v>
      </c>
      <c r="JA27" s="61">
        <v>8</v>
      </c>
      <c r="JB27" s="61">
        <v>7</v>
      </c>
      <c r="JC27" s="61">
        <v>3</v>
      </c>
      <c r="JD27" s="61">
        <v>3</v>
      </c>
      <c r="JE27" s="62">
        <v>36</v>
      </c>
      <c r="JF27" s="63">
        <v>53</v>
      </c>
      <c r="JG27" s="60">
        <v>8</v>
      </c>
      <c r="JH27" s="61">
        <v>10</v>
      </c>
      <c r="JI27" s="62">
        <v>18</v>
      </c>
      <c r="JJ27" s="228"/>
      <c r="JK27" s="61">
        <v>11</v>
      </c>
      <c r="JL27" s="61">
        <v>8</v>
      </c>
      <c r="JM27" s="61">
        <v>4</v>
      </c>
      <c r="JN27" s="61">
        <v>11</v>
      </c>
      <c r="JO27" s="61">
        <v>4</v>
      </c>
      <c r="JP27" s="62">
        <v>38</v>
      </c>
      <c r="JQ27" s="63">
        <v>56</v>
      </c>
      <c r="JR27" s="60">
        <v>0</v>
      </c>
      <c r="JS27" s="61">
        <v>0</v>
      </c>
      <c r="JT27" s="62">
        <v>0</v>
      </c>
      <c r="JU27" s="228"/>
      <c r="JV27" s="61">
        <v>0</v>
      </c>
      <c r="JW27" s="61">
        <v>0</v>
      </c>
      <c r="JX27" s="61">
        <v>0</v>
      </c>
      <c r="JY27" s="61">
        <v>0</v>
      </c>
      <c r="JZ27" s="61">
        <v>0</v>
      </c>
      <c r="KA27" s="62">
        <v>0</v>
      </c>
      <c r="KB27" s="63">
        <v>0</v>
      </c>
      <c r="KC27" s="60">
        <v>27</v>
      </c>
      <c r="KD27" s="61">
        <v>28</v>
      </c>
      <c r="KE27" s="62">
        <v>55</v>
      </c>
      <c r="KF27" s="228"/>
      <c r="KG27" s="61">
        <v>43</v>
      </c>
      <c r="KH27" s="61">
        <v>27</v>
      </c>
      <c r="KI27" s="61">
        <v>18</v>
      </c>
      <c r="KJ27" s="61">
        <v>20</v>
      </c>
      <c r="KK27" s="61">
        <v>13</v>
      </c>
      <c r="KL27" s="62">
        <v>121</v>
      </c>
      <c r="KM27" s="63">
        <v>176</v>
      </c>
    </row>
    <row r="28" spans="2:299" ht="21" customHeight="1" x14ac:dyDescent="0.2">
      <c r="B28" s="472" t="s">
        <v>25</v>
      </c>
      <c r="C28" s="293">
        <v>10</v>
      </c>
      <c r="D28" s="72">
        <v>12</v>
      </c>
      <c r="E28" s="73">
        <v>22</v>
      </c>
      <c r="F28" s="228"/>
      <c r="G28" s="72">
        <v>10</v>
      </c>
      <c r="H28" s="72">
        <v>12</v>
      </c>
      <c r="I28" s="72">
        <v>6</v>
      </c>
      <c r="J28" s="72">
        <v>5</v>
      </c>
      <c r="K28" s="72">
        <v>7</v>
      </c>
      <c r="L28" s="74">
        <v>40</v>
      </c>
      <c r="M28" s="75">
        <v>62</v>
      </c>
      <c r="N28" s="60">
        <v>0</v>
      </c>
      <c r="O28" s="61">
        <v>1</v>
      </c>
      <c r="P28" s="62">
        <v>1</v>
      </c>
      <c r="Q28" s="228"/>
      <c r="R28" s="61">
        <v>0</v>
      </c>
      <c r="S28" s="61">
        <v>0</v>
      </c>
      <c r="T28" s="61">
        <v>0</v>
      </c>
      <c r="U28" s="61">
        <v>1</v>
      </c>
      <c r="V28" s="61">
        <v>0</v>
      </c>
      <c r="W28" s="62">
        <v>1</v>
      </c>
      <c r="X28" s="63">
        <v>2</v>
      </c>
      <c r="Y28" s="60">
        <v>2</v>
      </c>
      <c r="Z28" s="61">
        <v>1</v>
      </c>
      <c r="AA28" s="62">
        <v>3</v>
      </c>
      <c r="AB28" s="228"/>
      <c r="AC28" s="61">
        <v>3</v>
      </c>
      <c r="AD28" s="61">
        <v>1</v>
      </c>
      <c r="AE28" s="61">
        <v>0</v>
      </c>
      <c r="AF28" s="61">
        <v>1</v>
      </c>
      <c r="AG28" s="61">
        <v>0</v>
      </c>
      <c r="AH28" s="62">
        <v>5</v>
      </c>
      <c r="AI28" s="63">
        <v>8</v>
      </c>
      <c r="AJ28" s="60">
        <v>0</v>
      </c>
      <c r="AK28" s="61">
        <v>0</v>
      </c>
      <c r="AL28" s="62">
        <v>0</v>
      </c>
      <c r="AM28" s="228"/>
      <c r="AN28" s="61">
        <v>0</v>
      </c>
      <c r="AO28" s="61">
        <v>0</v>
      </c>
      <c r="AP28" s="61">
        <v>1</v>
      </c>
      <c r="AQ28" s="61">
        <v>0</v>
      </c>
      <c r="AR28" s="61">
        <v>1</v>
      </c>
      <c r="AS28" s="62">
        <v>2</v>
      </c>
      <c r="AT28" s="63">
        <v>2</v>
      </c>
      <c r="AU28" s="60">
        <v>3</v>
      </c>
      <c r="AV28" s="61">
        <v>6</v>
      </c>
      <c r="AW28" s="62">
        <v>9</v>
      </c>
      <c r="AX28" s="228"/>
      <c r="AY28" s="61">
        <v>3</v>
      </c>
      <c r="AZ28" s="61">
        <v>3</v>
      </c>
      <c r="BA28" s="61">
        <v>2</v>
      </c>
      <c r="BB28" s="61">
        <v>1</v>
      </c>
      <c r="BC28" s="61">
        <v>2</v>
      </c>
      <c r="BD28" s="62">
        <v>11</v>
      </c>
      <c r="BE28" s="63">
        <v>20</v>
      </c>
      <c r="BF28" s="60">
        <v>4</v>
      </c>
      <c r="BG28" s="61">
        <v>2</v>
      </c>
      <c r="BH28" s="62">
        <v>6</v>
      </c>
      <c r="BI28" s="228"/>
      <c r="BJ28" s="61">
        <v>0</v>
      </c>
      <c r="BK28" s="61">
        <v>3</v>
      </c>
      <c r="BL28" s="61">
        <v>2</v>
      </c>
      <c r="BM28" s="61">
        <v>1</v>
      </c>
      <c r="BN28" s="61">
        <v>3</v>
      </c>
      <c r="BO28" s="62">
        <v>9</v>
      </c>
      <c r="BP28" s="63">
        <v>15</v>
      </c>
      <c r="BQ28" s="60">
        <v>1</v>
      </c>
      <c r="BR28" s="61">
        <v>2</v>
      </c>
      <c r="BS28" s="62">
        <v>3</v>
      </c>
      <c r="BT28" s="228"/>
      <c r="BU28" s="61">
        <v>4</v>
      </c>
      <c r="BV28" s="61">
        <v>5</v>
      </c>
      <c r="BW28" s="61">
        <v>1</v>
      </c>
      <c r="BX28" s="61">
        <v>1</v>
      </c>
      <c r="BY28" s="61">
        <v>1</v>
      </c>
      <c r="BZ28" s="62">
        <v>12</v>
      </c>
      <c r="CA28" s="63">
        <v>15</v>
      </c>
      <c r="CB28" s="60">
        <v>0</v>
      </c>
      <c r="CC28" s="61">
        <v>0</v>
      </c>
      <c r="CD28" s="62">
        <v>0</v>
      </c>
      <c r="CE28" s="228"/>
      <c r="CF28" s="61">
        <v>0</v>
      </c>
      <c r="CG28" s="61">
        <v>0</v>
      </c>
      <c r="CH28" s="61">
        <v>0</v>
      </c>
      <c r="CI28" s="61">
        <v>0</v>
      </c>
      <c r="CJ28" s="61">
        <v>0</v>
      </c>
      <c r="CK28" s="62">
        <v>0</v>
      </c>
      <c r="CL28" s="63">
        <v>0</v>
      </c>
      <c r="CM28" s="60">
        <v>10</v>
      </c>
      <c r="CN28" s="61">
        <v>12</v>
      </c>
      <c r="CO28" s="62">
        <v>22</v>
      </c>
      <c r="CP28" s="228"/>
      <c r="CQ28" s="61">
        <v>10</v>
      </c>
      <c r="CR28" s="61">
        <v>12</v>
      </c>
      <c r="CS28" s="61">
        <v>6</v>
      </c>
      <c r="CT28" s="61">
        <v>5</v>
      </c>
      <c r="CU28" s="61">
        <v>7</v>
      </c>
      <c r="CV28" s="62">
        <v>40</v>
      </c>
      <c r="CW28" s="63">
        <v>62</v>
      </c>
      <c r="CX28" s="113">
        <v>5</v>
      </c>
      <c r="CY28" s="72">
        <v>12</v>
      </c>
      <c r="CZ28" s="73">
        <v>17</v>
      </c>
      <c r="DA28" s="228"/>
      <c r="DB28" s="72">
        <v>10</v>
      </c>
      <c r="DC28" s="72">
        <v>7</v>
      </c>
      <c r="DD28" s="72">
        <v>5</v>
      </c>
      <c r="DE28" s="72">
        <v>3</v>
      </c>
      <c r="DF28" s="72">
        <v>3</v>
      </c>
      <c r="DG28" s="74">
        <v>28</v>
      </c>
      <c r="DH28" s="75">
        <v>45</v>
      </c>
      <c r="DI28" s="60">
        <v>0</v>
      </c>
      <c r="DJ28" s="61">
        <v>0</v>
      </c>
      <c r="DK28" s="62">
        <v>0</v>
      </c>
      <c r="DL28" s="228"/>
      <c r="DM28" s="61">
        <v>0</v>
      </c>
      <c r="DN28" s="61">
        <v>0</v>
      </c>
      <c r="DO28" s="61">
        <v>0</v>
      </c>
      <c r="DP28" s="61">
        <v>0</v>
      </c>
      <c r="DQ28" s="61">
        <v>0</v>
      </c>
      <c r="DR28" s="62">
        <v>0</v>
      </c>
      <c r="DS28" s="63">
        <v>0</v>
      </c>
      <c r="DT28" s="60">
        <v>1</v>
      </c>
      <c r="DU28" s="61">
        <v>0</v>
      </c>
      <c r="DV28" s="62">
        <v>1</v>
      </c>
      <c r="DW28" s="228"/>
      <c r="DX28" s="61">
        <v>1</v>
      </c>
      <c r="DY28" s="61">
        <v>1</v>
      </c>
      <c r="DZ28" s="61">
        <v>0</v>
      </c>
      <c r="EA28" s="61">
        <v>0</v>
      </c>
      <c r="EB28" s="61">
        <v>1</v>
      </c>
      <c r="EC28" s="62">
        <v>3</v>
      </c>
      <c r="ED28" s="63">
        <v>4</v>
      </c>
      <c r="EE28" s="60">
        <v>0</v>
      </c>
      <c r="EF28" s="61">
        <v>2</v>
      </c>
      <c r="EG28" s="62">
        <v>2</v>
      </c>
      <c r="EH28" s="228"/>
      <c r="EI28" s="61">
        <v>0</v>
      </c>
      <c r="EJ28" s="61">
        <v>0</v>
      </c>
      <c r="EK28" s="61">
        <v>0</v>
      </c>
      <c r="EL28" s="61">
        <v>0</v>
      </c>
      <c r="EM28" s="61">
        <v>0</v>
      </c>
      <c r="EN28" s="62">
        <v>0</v>
      </c>
      <c r="EO28" s="63">
        <v>2</v>
      </c>
      <c r="EP28" s="60">
        <v>0</v>
      </c>
      <c r="EQ28" s="61">
        <v>3</v>
      </c>
      <c r="ER28" s="62">
        <v>3</v>
      </c>
      <c r="ES28" s="228"/>
      <c r="ET28" s="61">
        <v>2</v>
      </c>
      <c r="EU28" s="61">
        <v>1</v>
      </c>
      <c r="EV28" s="61">
        <v>0</v>
      </c>
      <c r="EW28" s="61">
        <v>0</v>
      </c>
      <c r="EX28" s="61">
        <v>1</v>
      </c>
      <c r="EY28" s="62">
        <v>4</v>
      </c>
      <c r="EZ28" s="63">
        <v>7</v>
      </c>
      <c r="FA28" s="60">
        <v>3</v>
      </c>
      <c r="FB28" s="61">
        <v>3</v>
      </c>
      <c r="FC28" s="62">
        <v>6</v>
      </c>
      <c r="FD28" s="228"/>
      <c r="FE28" s="61">
        <v>2</v>
      </c>
      <c r="FF28" s="61">
        <v>2</v>
      </c>
      <c r="FG28" s="61">
        <v>1</v>
      </c>
      <c r="FH28" s="61">
        <v>2</v>
      </c>
      <c r="FI28" s="61">
        <v>0</v>
      </c>
      <c r="FJ28" s="62">
        <v>7</v>
      </c>
      <c r="FK28" s="63">
        <v>13</v>
      </c>
      <c r="FL28" s="60">
        <v>1</v>
      </c>
      <c r="FM28" s="61">
        <v>4</v>
      </c>
      <c r="FN28" s="62">
        <v>5</v>
      </c>
      <c r="FO28" s="228"/>
      <c r="FP28" s="61">
        <v>5</v>
      </c>
      <c r="FQ28" s="61">
        <v>3</v>
      </c>
      <c r="FR28" s="61">
        <v>4</v>
      </c>
      <c r="FS28" s="61">
        <v>1</v>
      </c>
      <c r="FT28" s="61">
        <v>1</v>
      </c>
      <c r="FU28" s="62">
        <v>14</v>
      </c>
      <c r="FV28" s="63">
        <v>19</v>
      </c>
      <c r="FW28" s="60">
        <v>0</v>
      </c>
      <c r="FX28" s="61">
        <v>0</v>
      </c>
      <c r="FY28" s="62">
        <v>0</v>
      </c>
      <c r="FZ28" s="228"/>
      <c r="GA28" s="61">
        <v>0</v>
      </c>
      <c r="GB28" s="61">
        <v>0</v>
      </c>
      <c r="GC28" s="61">
        <v>0</v>
      </c>
      <c r="GD28" s="61">
        <v>0</v>
      </c>
      <c r="GE28" s="61">
        <v>0</v>
      </c>
      <c r="GF28" s="62">
        <v>0</v>
      </c>
      <c r="GG28" s="63">
        <v>0</v>
      </c>
      <c r="GH28" s="60">
        <v>5</v>
      </c>
      <c r="GI28" s="61">
        <v>12</v>
      </c>
      <c r="GJ28" s="62">
        <v>17</v>
      </c>
      <c r="GK28" s="228"/>
      <c r="GL28" s="61">
        <v>10</v>
      </c>
      <c r="GM28" s="61">
        <v>7</v>
      </c>
      <c r="GN28" s="61">
        <v>5</v>
      </c>
      <c r="GO28" s="61">
        <v>3</v>
      </c>
      <c r="GP28" s="61">
        <v>3</v>
      </c>
      <c r="GQ28" s="62">
        <v>28</v>
      </c>
      <c r="GR28" s="63">
        <v>45</v>
      </c>
      <c r="GS28" s="113">
        <v>15</v>
      </c>
      <c r="GT28" s="72">
        <v>24</v>
      </c>
      <c r="GU28" s="73">
        <v>39</v>
      </c>
      <c r="GV28" s="228"/>
      <c r="GW28" s="72">
        <v>20</v>
      </c>
      <c r="GX28" s="72">
        <v>19</v>
      </c>
      <c r="GY28" s="72">
        <v>11</v>
      </c>
      <c r="GZ28" s="72">
        <v>8</v>
      </c>
      <c r="HA28" s="72">
        <v>10</v>
      </c>
      <c r="HB28" s="74">
        <v>68</v>
      </c>
      <c r="HC28" s="75">
        <v>107</v>
      </c>
      <c r="HD28" s="60">
        <v>0</v>
      </c>
      <c r="HE28" s="61">
        <v>1</v>
      </c>
      <c r="HF28" s="62">
        <v>1</v>
      </c>
      <c r="HG28" s="228"/>
      <c r="HH28" s="61">
        <v>0</v>
      </c>
      <c r="HI28" s="61">
        <v>0</v>
      </c>
      <c r="HJ28" s="61">
        <v>0</v>
      </c>
      <c r="HK28" s="61">
        <v>1</v>
      </c>
      <c r="HL28" s="61">
        <v>0</v>
      </c>
      <c r="HM28" s="62">
        <v>1</v>
      </c>
      <c r="HN28" s="63">
        <v>2</v>
      </c>
      <c r="HO28" s="60">
        <v>3</v>
      </c>
      <c r="HP28" s="61">
        <v>1</v>
      </c>
      <c r="HQ28" s="62">
        <v>4</v>
      </c>
      <c r="HR28" s="228"/>
      <c r="HS28" s="61">
        <v>4</v>
      </c>
      <c r="HT28" s="61">
        <v>2</v>
      </c>
      <c r="HU28" s="61">
        <v>0</v>
      </c>
      <c r="HV28" s="61">
        <v>1</v>
      </c>
      <c r="HW28" s="61">
        <v>1</v>
      </c>
      <c r="HX28" s="62">
        <v>8</v>
      </c>
      <c r="HY28" s="63">
        <v>12</v>
      </c>
      <c r="HZ28" s="60">
        <v>0</v>
      </c>
      <c r="IA28" s="61">
        <v>2</v>
      </c>
      <c r="IB28" s="62">
        <v>2</v>
      </c>
      <c r="IC28" s="228"/>
      <c r="ID28" s="61">
        <v>0</v>
      </c>
      <c r="IE28" s="61">
        <v>0</v>
      </c>
      <c r="IF28" s="61">
        <v>1</v>
      </c>
      <c r="IG28" s="61">
        <v>0</v>
      </c>
      <c r="IH28" s="61">
        <v>1</v>
      </c>
      <c r="II28" s="62">
        <v>2</v>
      </c>
      <c r="IJ28" s="63">
        <v>4</v>
      </c>
      <c r="IK28" s="60">
        <v>3</v>
      </c>
      <c r="IL28" s="61">
        <v>9</v>
      </c>
      <c r="IM28" s="62">
        <v>12</v>
      </c>
      <c r="IN28" s="228"/>
      <c r="IO28" s="61">
        <v>5</v>
      </c>
      <c r="IP28" s="61">
        <v>4</v>
      </c>
      <c r="IQ28" s="61">
        <v>2</v>
      </c>
      <c r="IR28" s="61">
        <v>1</v>
      </c>
      <c r="IS28" s="61">
        <v>3</v>
      </c>
      <c r="IT28" s="62">
        <v>15</v>
      </c>
      <c r="IU28" s="63">
        <v>27</v>
      </c>
      <c r="IV28" s="60">
        <v>7</v>
      </c>
      <c r="IW28" s="61">
        <v>5</v>
      </c>
      <c r="IX28" s="62">
        <v>12</v>
      </c>
      <c r="IY28" s="228"/>
      <c r="IZ28" s="61">
        <v>2</v>
      </c>
      <c r="JA28" s="61">
        <v>5</v>
      </c>
      <c r="JB28" s="61">
        <v>3</v>
      </c>
      <c r="JC28" s="61">
        <v>3</v>
      </c>
      <c r="JD28" s="61">
        <v>3</v>
      </c>
      <c r="JE28" s="62">
        <v>16</v>
      </c>
      <c r="JF28" s="63">
        <v>28</v>
      </c>
      <c r="JG28" s="60">
        <v>2</v>
      </c>
      <c r="JH28" s="61">
        <v>6</v>
      </c>
      <c r="JI28" s="62">
        <v>8</v>
      </c>
      <c r="JJ28" s="228"/>
      <c r="JK28" s="61">
        <v>9</v>
      </c>
      <c r="JL28" s="61">
        <v>8</v>
      </c>
      <c r="JM28" s="61">
        <v>5</v>
      </c>
      <c r="JN28" s="61">
        <v>2</v>
      </c>
      <c r="JO28" s="61">
        <v>2</v>
      </c>
      <c r="JP28" s="62">
        <v>26</v>
      </c>
      <c r="JQ28" s="63">
        <v>34</v>
      </c>
      <c r="JR28" s="60">
        <v>0</v>
      </c>
      <c r="JS28" s="61">
        <v>0</v>
      </c>
      <c r="JT28" s="62">
        <v>0</v>
      </c>
      <c r="JU28" s="228"/>
      <c r="JV28" s="61">
        <v>0</v>
      </c>
      <c r="JW28" s="61">
        <v>0</v>
      </c>
      <c r="JX28" s="61">
        <v>0</v>
      </c>
      <c r="JY28" s="61">
        <v>0</v>
      </c>
      <c r="JZ28" s="61">
        <v>0</v>
      </c>
      <c r="KA28" s="62">
        <v>0</v>
      </c>
      <c r="KB28" s="63">
        <v>0</v>
      </c>
      <c r="KC28" s="60">
        <v>15</v>
      </c>
      <c r="KD28" s="61">
        <v>24</v>
      </c>
      <c r="KE28" s="62">
        <v>39</v>
      </c>
      <c r="KF28" s="228"/>
      <c r="KG28" s="61">
        <v>20</v>
      </c>
      <c r="KH28" s="61">
        <v>19</v>
      </c>
      <c r="KI28" s="61">
        <v>11</v>
      </c>
      <c r="KJ28" s="61">
        <v>8</v>
      </c>
      <c r="KK28" s="61">
        <v>10</v>
      </c>
      <c r="KL28" s="62">
        <v>68</v>
      </c>
      <c r="KM28" s="63">
        <v>107</v>
      </c>
    </row>
    <row r="29" spans="2:299" ht="21" customHeight="1" x14ac:dyDescent="0.2">
      <c r="B29" s="472" t="s">
        <v>26</v>
      </c>
      <c r="C29" s="293">
        <v>8</v>
      </c>
      <c r="D29" s="72">
        <v>10</v>
      </c>
      <c r="E29" s="73">
        <v>18</v>
      </c>
      <c r="F29" s="228"/>
      <c r="G29" s="72">
        <v>23</v>
      </c>
      <c r="H29" s="72">
        <v>16</v>
      </c>
      <c r="I29" s="72">
        <v>8</v>
      </c>
      <c r="J29" s="72">
        <v>8</v>
      </c>
      <c r="K29" s="72">
        <v>8</v>
      </c>
      <c r="L29" s="74">
        <v>63</v>
      </c>
      <c r="M29" s="75">
        <v>81</v>
      </c>
      <c r="N29" s="60">
        <v>0</v>
      </c>
      <c r="O29" s="61">
        <v>0</v>
      </c>
      <c r="P29" s="62">
        <v>0</v>
      </c>
      <c r="Q29" s="228"/>
      <c r="R29" s="61">
        <v>1</v>
      </c>
      <c r="S29" s="61">
        <v>0</v>
      </c>
      <c r="T29" s="61">
        <v>1</v>
      </c>
      <c r="U29" s="61">
        <v>0</v>
      </c>
      <c r="V29" s="61">
        <v>0</v>
      </c>
      <c r="W29" s="62">
        <v>2</v>
      </c>
      <c r="X29" s="63">
        <v>2</v>
      </c>
      <c r="Y29" s="60">
        <v>0</v>
      </c>
      <c r="Z29" s="61">
        <v>2</v>
      </c>
      <c r="AA29" s="62">
        <v>2</v>
      </c>
      <c r="AB29" s="228"/>
      <c r="AC29" s="61">
        <v>1</v>
      </c>
      <c r="AD29" s="61">
        <v>2</v>
      </c>
      <c r="AE29" s="61">
        <v>0</v>
      </c>
      <c r="AF29" s="61">
        <v>0</v>
      </c>
      <c r="AG29" s="61">
        <v>1</v>
      </c>
      <c r="AH29" s="62">
        <v>4</v>
      </c>
      <c r="AI29" s="63">
        <v>6</v>
      </c>
      <c r="AJ29" s="60">
        <v>1</v>
      </c>
      <c r="AK29" s="61">
        <v>0</v>
      </c>
      <c r="AL29" s="62">
        <v>1</v>
      </c>
      <c r="AM29" s="228"/>
      <c r="AN29" s="61">
        <v>4</v>
      </c>
      <c r="AO29" s="61">
        <v>3</v>
      </c>
      <c r="AP29" s="61">
        <v>1</v>
      </c>
      <c r="AQ29" s="61">
        <v>2</v>
      </c>
      <c r="AR29" s="61">
        <v>0</v>
      </c>
      <c r="AS29" s="62">
        <v>10</v>
      </c>
      <c r="AT29" s="63">
        <v>11</v>
      </c>
      <c r="AU29" s="60">
        <v>2</v>
      </c>
      <c r="AV29" s="61">
        <v>2</v>
      </c>
      <c r="AW29" s="62">
        <v>4</v>
      </c>
      <c r="AX29" s="228"/>
      <c r="AY29" s="61">
        <v>5</v>
      </c>
      <c r="AZ29" s="61">
        <v>3</v>
      </c>
      <c r="BA29" s="61">
        <v>1</v>
      </c>
      <c r="BB29" s="61">
        <v>3</v>
      </c>
      <c r="BC29" s="61">
        <v>1</v>
      </c>
      <c r="BD29" s="62">
        <v>13</v>
      </c>
      <c r="BE29" s="63">
        <v>17</v>
      </c>
      <c r="BF29" s="60">
        <v>2</v>
      </c>
      <c r="BG29" s="61">
        <v>2</v>
      </c>
      <c r="BH29" s="62">
        <v>4</v>
      </c>
      <c r="BI29" s="228"/>
      <c r="BJ29" s="61">
        <v>4</v>
      </c>
      <c r="BK29" s="61">
        <v>3</v>
      </c>
      <c r="BL29" s="61">
        <v>2</v>
      </c>
      <c r="BM29" s="61">
        <v>2</v>
      </c>
      <c r="BN29" s="61">
        <v>2</v>
      </c>
      <c r="BO29" s="62">
        <v>13</v>
      </c>
      <c r="BP29" s="63">
        <v>17</v>
      </c>
      <c r="BQ29" s="60">
        <v>3</v>
      </c>
      <c r="BR29" s="61">
        <v>4</v>
      </c>
      <c r="BS29" s="62">
        <v>7</v>
      </c>
      <c r="BT29" s="228"/>
      <c r="BU29" s="61">
        <v>8</v>
      </c>
      <c r="BV29" s="61">
        <v>5</v>
      </c>
      <c r="BW29" s="61">
        <v>3</v>
      </c>
      <c r="BX29" s="61">
        <v>1</v>
      </c>
      <c r="BY29" s="61">
        <v>4</v>
      </c>
      <c r="BZ29" s="62">
        <v>21</v>
      </c>
      <c r="CA29" s="63">
        <v>28</v>
      </c>
      <c r="CB29" s="60">
        <v>0</v>
      </c>
      <c r="CC29" s="61">
        <v>0</v>
      </c>
      <c r="CD29" s="62">
        <v>0</v>
      </c>
      <c r="CE29" s="228"/>
      <c r="CF29" s="61">
        <v>0</v>
      </c>
      <c r="CG29" s="61">
        <v>0</v>
      </c>
      <c r="CH29" s="61">
        <v>0</v>
      </c>
      <c r="CI29" s="61">
        <v>0</v>
      </c>
      <c r="CJ29" s="61">
        <v>0</v>
      </c>
      <c r="CK29" s="62">
        <v>0</v>
      </c>
      <c r="CL29" s="63">
        <v>0</v>
      </c>
      <c r="CM29" s="60">
        <v>8</v>
      </c>
      <c r="CN29" s="61">
        <v>10</v>
      </c>
      <c r="CO29" s="62">
        <v>18</v>
      </c>
      <c r="CP29" s="228"/>
      <c r="CQ29" s="61">
        <v>23</v>
      </c>
      <c r="CR29" s="61">
        <v>16</v>
      </c>
      <c r="CS29" s="61">
        <v>8</v>
      </c>
      <c r="CT29" s="61">
        <v>8</v>
      </c>
      <c r="CU29" s="61">
        <v>8</v>
      </c>
      <c r="CV29" s="62">
        <v>63</v>
      </c>
      <c r="CW29" s="63">
        <v>81</v>
      </c>
      <c r="CX29" s="113">
        <v>2</v>
      </c>
      <c r="CY29" s="72">
        <v>4</v>
      </c>
      <c r="CZ29" s="73">
        <v>6</v>
      </c>
      <c r="DA29" s="228"/>
      <c r="DB29" s="72">
        <v>8</v>
      </c>
      <c r="DC29" s="72">
        <v>6</v>
      </c>
      <c r="DD29" s="72">
        <v>5</v>
      </c>
      <c r="DE29" s="72">
        <v>3</v>
      </c>
      <c r="DF29" s="72">
        <v>3</v>
      </c>
      <c r="DG29" s="74">
        <v>25</v>
      </c>
      <c r="DH29" s="75">
        <v>31</v>
      </c>
      <c r="DI29" s="60">
        <v>0</v>
      </c>
      <c r="DJ29" s="61">
        <v>0</v>
      </c>
      <c r="DK29" s="62">
        <v>0</v>
      </c>
      <c r="DL29" s="228"/>
      <c r="DM29" s="61">
        <v>0</v>
      </c>
      <c r="DN29" s="61">
        <v>0</v>
      </c>
      <c r="DO29" s="61">
        <v>0</v>
      </c>
      <c r="DP29" s="61">
        <v>0</v>
      </c>
      <c r="DQ29" s="61">
        <v>0</v>
      </c>
      <c r="DR29" s="62">
        <v>0</v>
      </c>
      <c r="DS29" s="63">
        <v>0</v>
      </c>
      <c r="DT29" s="60">
        <v>0</v>
      </c>
      <c r="DU29" s="61">
        <v>0</v>
      </c>
      <c r="DV29" s="62">
        <v>0</v>
      </c>
      <c r="DW29" s="228"/>
      <c r="DX29" s="61">
        <v>0</v>
      </c>
      <c r="DY29" s="61">
        <v>1</v>
      </c>
      <c r="DZ29" s="61">
        <v>0</v>
      </c>
      <c r="EA29" s="61">
        <v>1</v>
      </c>
      <c r="EB29" s="61">
        <v>0</v>
      </c>
      <c r="EC29" s="62">
        <v>2</v>
      </c>
      <c r="ED29" s="63">
        <v>2</v>
      </c>
      <c r="EE29" s="60">
        <v>0</v>
      </c>
      <c r="EF29" s="61">
        <v>2</v>
      </c>
      <c r="EG29" s="62">
        <v>2</v>
      </c>
      <c r="EH29" s="228"/>
      <c r="EI29" s="61">
        <v>1</v>
      </c>
      <c r="EJ29" s="61">
        <v>0</v>
      </c>
      <c r="EK29" s="61">
        <v>1</v>
      </c>
      <c r="EL29" s="61">
        <v>0</v>
      </c>
      <c r="EM29" s="61">
        <v>0</v>
      </c>
      <c r="EN29" s="62">
        <v>2</v>
      </c>
      <c r="EO29" s="63">
        <v>4</v>
      </c>
      <c r="EP29" s="60">
        <v>0</v>
      </c>
      <c r="EQ29" s="61">
        <v>0</v>
      </c>
      <c r="ER29" s="62">
        <v>0</v>
      </c>
      <c r="ES29" s="228"/>
      <c r="ET29" s="61">
        <v>0</v>
      </c>
      <c r="EU29" s="61">
        <v>0</v>
      </c>
      <c r="EV29" s="61">
        <v>1</v>
      </c>
      <c r="EW29" s="61">
        <v>0</v>
      </c>
      <c r="EX29" s="61">
        <v>0</v>
      </c>
      <c r="EY29" s="62">
        <v>1</v>
      </c>
      <c r="EZ29" s="63">
        <v>1</v>
      </c>
      <c r="FA29" s="60">
        <v>2</v>
      </c>
      <c r="FB29" s="61">
        <v>1</v>
      </c>
      <c r="FC29" s="62">
        <v>3</v>
      </c>
      <c r="FD29" s="228"/>
      <c r="FE29" s="61">
        <v>4</v>
      </c>
      <c r="FF29" s="61">
        <v>1</v>
      </c>
      <c r="FG29" s="61">
        <v>1</v>
      </c>
      <c r="FH29" s="61">
        <v>0</v>
      </c>
      <c r="FI29" s="61">
        <v>1</v>
      </c>
      <c r="FJ29" s="62">
        <v>7</v>
      </c>
      <c r="FK29" s="63">
        <v>10</v>
      </c>
      <c r="FL29" s="60">
        <v>0</v>
      </c>
      <c r="FM29" s="61">
        <v>1</v>
      </c>
      <c r="FN29" s="62">
        <v>1</v>
      </c>
      <c r="FO29" s="228"/>
      <c r="FP29" s="61">
        <v>3</v>
      </c>
      <c r="FQ29" s="61">
        <v>4</v>
      </c>
      <c r="FR29" s="61">
        <v>2</v>
      </c>
      <c r="FS29" s="61">
        <v>2</v>
      </c>
      <c r="FT29" s="61">
        <v>2</v>
      </c>
      <c r="FU29" s="62">
        <v>13</v>
      </c>
      <c r="FV29" s="63">
        <v>14</v>
      </c>
      <c r="FW29" s="60">
        <v>0</v>
      </c>
      <c r="FX29" s="61">
        <v>0</v>
      </c>
      <c r="FY29" s="62">
        <v>0</v>
      </c>
      <c r="FZ29" s="228"/>
      <c r="GA29" s="61">
        <v>0</v>
      </c>
      <c r="GB29" s="61">
        <v>0</v>
      </c>
      <c r="GC29" s="61">
        <v>0</v>
      </c>
      <c r="GD29" s="61">
        <v>0</v>
      </c>
      <c r="GE29" s="61">
        <v>0</v>
      </c>
      <c r="GF29" s="62">
        <v>0</v>
      </c>
      <c r="GG29" s="63">
        <v>0</v>
      </c>
      <c r="GH29" s="60">
        <v>2</v>
      </c>
      <c r="GI29" s="61">
        <v>4</v>
      </c>
      <c r="GJ29" s="62">
        <v>6</v>
      </c>
      <c r="GK29" s="228"/>
      <c r="GL29" s="61">
        <v>8</v>
      </c>
      <c r="GM29" s="61">
        <v>6</v>
      </c>
      <c r="GN29" s="61">
        <v>5</v>
      </c>
      <c r="GO29" s="61">
        <v>3</v>
      </c>
      <c r="GP29" s="61">
        <v>3</v>
      </c>
      <c r="GQ29" s="62">
        <v>25</v>
      </c>
      <c r="GR29" s="63">
        <v>31</v>
      </c>
      <c r="GS29" s="113">
        <v>10</v>
      </c>
      <c r="GT29" s="72">
        <v>14</v>
      </c>
      <c r="GU29" s="73">
        <v>24</v>
      </c>
      <c r="GV29" s="228"/>
      <c r="GW29" s="72">
        <v>31</v>
      </c>
      <c r="GX29" s="72">
        <v>22</v>
      </c>
      <c r="GY29" s="72">
        <v>13</v>
      </c>
      <c r="GZ29" s="72">
        <v>11</v>
      </c>
      <c r="HA29" s="72">
        <v>11</v>
      </c>
      <c r="HB29" s="74">
        <v>88</v>
      </c>
      <c r="HC29" s="75">
        <v>112</v>
      </c>
      <c r="HD29" s="60">
        <v>0</v>
      </c>
      <c r="HE29" s="61">
        <v>0</v>
      </c>
      <c r="HF29" s="62">
        <v>0</v>
      </c>
      <c r="HG29" s="228"/>
      <c r="HH29" s="61">
        <v>1</v>
      </c>
      <c r="HI29" s="61">
        <v>0</v>
      </c>
      <c r="HJ29" s="61">
        <v>1</v>
      </c>
      <c r="HK29" s="61">
        <v>0</v>
      </c>
      <c r="HL29" s="61">
        <v>0</v>
      </c>
      <c r="HM29" s="62">
        <v>2</v>
      </c>
      <c r="HN29" s="63">
        <v>2</v>
      </c>
      <c r="HO29" s="60">
        <v>0</v>
      </c>
      <c r="HP29" s="61">
        <v>2</v>
      </c>
      <c r="HQ29" s="62">
        <v>2</v>
      </c>
      <c r="HR29" s="228"/>
      <c r="HS29" s="61">
        <v>1</v>
      </c>
      <c r="HT29" s="61">
        <v>3</v>
      </c>
      <c r="HU29" s="61">
        <v>0</v>
      </c>
      <c r="HV29" s="61">
        <v>1</v>
      </c>
      <c r="HW29" s="61">
        <v>1</v>
      </c>
      <c r="HX29" s="62">
        <v>6</v>
      </c>
      <c r="HY29" s="63">
        <v>8</v>
      </c>
      <c r="HZ29" s="60">
        <v>1</v>
      </c>
      <c r="IA29" s="61">
        <v>2</v>
      </c>
      <c r="IB29" s="62">
        <v>3</v>
      </c>
      <c r="IC29" s="228"/>
      <c r="ID29" s="61">
        <v>5</v>
      </c>
      <c r="IE29" s="61">
        <v>3</v>
      </c>
      <c r="IF29" s="61">
        <v>2</v>
      </c>
      <c r="IG29" s="61">
        <v>2</v>
      </c>
      <c r="IH29" s="61">
        <v>0</v>
      </c>
      <c r="II29" s="62">
        <v>12</v>
      </c>
      <c r="IJ29" s="63">
        <v>15</v>
      </c>
      <c r="IK29" s="60">
        <v>2</v>
      </c>
      <c r="IL29" s="61">
        <v>2</v>
      </c>
      <c r="IM29" s="62">
        <v>4</v>
      </c>
      <c r="IN29" s="228"/>
      <c r="IO29" s="61">
        <v>5</v>
      </c>
      <c r="IP29" s="61">
        <v>3</v>
      </c>
      <c r="IQ29" s="61">
        <v>2</v>
      </c>
      <c r="IR29" s="61">
        <v>3</v>
      </c>
      <c r="IS29" s="61">
        <v>1</v>
      </c>
      <c r="IT29" s="62">
        <v>14</v>
      </c>
      <c r="IU29" s="63">
        <v>18</v>
      </c>
      <c r="IV29" s="60">
        <v>4</v>
      </c>
      <c r="IW29" s="61">
        <v>3</v>
      </c>
      <c r="IX29" s="62">
        <v>7</v>
      </c>
      <c r="IY29" s="228"/>
      <c r="IZ29" s="61">
        <v>8</v>
      </c>
      <c r="JA29" s="61">
        <v>4</v>
      </c>
      <c r="JB29" s="61">
        <v>3</v>
      </c>
      <c r="JC29" s="61">
        <v>2</v>
      </c>
      <c r="JD29" s="61">
        <v>3</v>
      </c>
      <c r="JE29" s="62">
        <v>20</v>
      </c>
      <c r="JF29" s="63">
        <v>27</v>
      </c>
      <c r="JG29" s="60">
        <v>3</v>
      </c>
      <c r="JH29" s="61">
        <v>5</v>
      </c>
      <c r="JI29" s="62">
        <v>8</v>
      </c>
      <c r="JJ29" s="228"/>
      <c r="JK29" s="61">
        <v>11</v>
      </c>
      <c r="JL29" s="61">
        <v>9</v>
      </c>
      <c r="JM29" s="61">
        <v>5</v>
      </c>
      <c r="JN29" s="61">
        <v>3</v>
      </c>
      <c r="JO29" s="61">
        <v>6</v>
      </c>
      <c r="JP29" s="62">
        <v>34</v>
      </c>
      <c r="JQ29" s="63">
        <v>42</v>
      </c>
      <c r="JR29" s="60">
        <v>0</v>
      </c>
      <c r="JS29" s="61">
        <v>0</v>
      </c>
      <c r="JT29" s="62">
        <v>0</v>
      </c>
      <c r="JU29" s="228"/>
      <c r="JV29" s="61">
        <v>0</v>
      </c>
      <c r="JW29" s="61">
        <v>0</v>
      </c>
      <c r="JX29" s="61">
        <v>0</v>
      </c>
      <c r="JY29" s="61">
        <v>0</v>
      </c>
      <c r="JZ29" s="61">
        <v>0</v>
      </c>
      <c r="KA29" s="62">
        <v>0</v>
      </c>
      <c r="KB29" s="63">
        <v>0</v>
      </c>
      <c r="KC29" s="60">
        <v>10</v>
      </c>
      <c r="KD29" s="61">
        <v>14</v>
      </c>
      <c r="KE29" s="62">
        <v>24</v>
      </c>
      <c r="KF29" s="228"/>
      <c r="KG29" s="61">
        <v>31</v>
      </c>
      <c r="KH29" s="61">
        <v>22</v>
      </c>
      <c r="KI29" s="61">
        <v>13</v>
      </c>
      <c r="KJ29" s="61">
        <v>11</v>
      </c>
      <c r="KK29" s="61">
        <v>11</v>
      </c>
      <c r="KL29" s="62">
        <v>88</v>
      </c>
      <c r="KM29" s="63">
        <v>112</v>
      </c>
    </row>
    <row r="30" spans="2:299" ht="21" customHeight="1" x14ac:dyDescent="0.2">
      <c r="B30" s="472" t="s">
        <v>27</v>
      </c>
      <c r="C30" s="293">
        <v>13</v>
      </c>
      <c r="D30" s="72">
        <v>17</v>
      </c>
      <c r="E30" s="73">
        <v>30</v>
      </c>
      <c r="F30" s="228"/>
      <c r="G30" s="72">
        <v>11</v>
      </c>
      <c r="H30" s="72">
        <v>14</v>
      </c>
      <c r="I30" s="72">
        <v>13</v>
      </c>
      <c r="J30" s="72">
        <v>5</v>
      </c>
      <c r="K30" s="72">
        <v>3</v>
      </c>
      <c r="L30" s="74">
        <v>46</v>
      </c>
      <c r="M30" s="75">
        <v>76</v>
      </c>
      <c r="N30" s="60">
        <v>0</v>
      </c>
      <c r="O30" s="61">
        <v>1</v>
      </c>
      <c r="P30" s="62">
        <v>1</v>
      </c>
      <c r="Q30" s="228"/>
      <c r="R30" s="61">
        <v>0</v>
      </c>
      <c r="S30" s="61">
        <v>1</v>
      </c>
      <c r="T30" s="61">
        <v>0</v>
      </c>
      <c r="U30" s="61">
        <v>0</v>
      </c>
      <c r="V30" s="61">
        <v>0</v>
      </c>
      <c r="W30" s="62">
        <v>1</v>
      </c>
      <c r="X30" s="63">
        <v>2</v>
      </c>
      <c r="Y30" s="60">
        <v>1</v>
      </c>
      <c r="Z30" s="61">
        <v>1</v>
      </c>
      <c r="AA30" s="62">
        <v>2</v>
      </c>
      <c r="AB30" s="228"/>
      <c r="AC30" s="61">
        <v>0</v>
      </c>
      <c r="AD30" s="61">
        <v>2</v>
      </c>
      <c r="AE30" s="61">
        <v>1</v>
      </c>
      <c r="AF30" s="61">
        <v>0</v>
      </c>
      <c r="AG30" s="61">
        <v>1</v>
      </c>
      <c r="AH30" s="62">
        <v>4</v>
      </c>
      <c r="AI30" s="63">
        <v>6</v>
      </c>
      <c r="AJ30" s="60">
        <v>2</v>
      </c>
      <c r="AK30" s="61">
        <v>1</v>
      </c>
      <c r="AL30" s="62">
        <v>3</v>
      </c>
      <c r="AM30" s="228"/>
      <c r="AN30" s="61">
        <v>0</v>
      </c>
      <c r="AO30" s="61">
        <v>1</v>
      </c>
      <c r="AP30" s="61">
        <v>1</v>
      </c>
      <c r="AQ30" s="61">
        <v>0</v>
      </c>
      <c r="AR30" s="61">
        <v>0</v>
      </c>
      <c r="AS30" s="62">
        <v>2</v>
      </c>
      <c r="AT30" s="63">
        <v>5</v>
      </c>
      <c r="AU30" s="60">
        <v>3</v>
      </c>
      <c r="AV30" s="61">
        <v>7</v>
      </c>
      <c r="AW30" s="62">
        <v>10</v>
      </c>
      <c r="AX30" s="228"/>
      <c r="AY30" s="61">
        <v>3</v>
      </c>
      <c r="AZ30" s="61">
        <v>5</v>
      </c>
      <c r="BA30" s="61">
        <v>3</v>
      </c>
      <c r="BB30" s="61">
        <v>1</v>
      </c>
      <c r="BC30" s="61">
        <v>0</v>
      </c>
      <c r="BD30" s="62">
        <v>12</v>
      </c>
      <c r="BE30" s="63">
        <v>22</v>
      </c>
      <c r="BF30" s="60">
        <v>6</v>
      </c>
      <c r="BG30" s="61">
        <v>6</v>
      </c>
      <c r="BH30" s="62">
        <v>12</v>
      </c>
      <c r="BI30" s="228"/>
      <c r="BJ30" s="61">
        <v>1</v>
      </c>
      <c r="BK30" s="61">
        <v>2</v>
      </c>
      <c r="BL30" s="61">
        <v>4</v>
      </c>
      <c r="BM30" s="61">
        <v>3</v>
      </c>
      <c r="BN30" s="61">
        <v>2</v>
      </c>
      <c r="BO30" s="62">
        <v>12</v>
      </c>
      <c r="BP30" s="63">
        <v>24</v>
      </c>
      <c r="BQ30" s="60">
        <v>1</v>
      </c>
      <c r="BR30" s="61">
        <v>1</v>
      </c>
      <c r="BS30" s="62">
        <v>2</v>
      </c>
      <c r="BT30" s="228"/>
      <c r="BU30" s="61">
        <v>7</v>
      </c>
      <c r="BV30" s="61">
        <v>3</v>
      </c>
      <c r="BW30" s="61">
        <v>4</v>
      </c>
      <c r="BX30" s="61">
        <v>1</v>
      </c>
      <c r="BY30" s="61">
        <v>0</v>
      </c>
      <c r="BZ30" s="62">
        <v>15</v>
      </c>
      <c r="CA30" s="63">
        <v>17</v>
      </c>
      <c r="CB30" s="60">
        <v>0</v>
      </c>
      <c r="CC30" s="61">
        <v>0</v>
      </c>
      <c r="CD30" s="62">
        <v>0</v>
      </c>
      <c r="CE30" s="228"/>
      <c r="CF30" s="61">
        <v>0</v>
      </c>
      <c r="CG30" s="61">
        <v>0</v>
      </c>
      <c r="CH30" s="61">
        <v>0</v>
      </c>
      <c r="CI30" s="61">
        <v>0</v>
      </c>
      <c r="CJ30" s="61">
        <v>0</v>
      </c>
      <c r="CK30" s="62">
        <v>0</v>
      </c>
      <c r="CL30" s="63">
        <v>0</v>
      </c>
      <c r="CM30" s="60">
        <v>13</v>
      </c>
      <c r="CN30" s="61">
        <v>17</v>
      </c>
      <c r="CO30" s="62">
        <v>30</v>
      </c>
      <c r="CP30" s="228"/>
      <c r="CQ30" s="61">
        <v>11</v>
      </c>
      <c r="CR30" s="61">
        <v>14</v>
      </c>
      <c r="CS30" s="61">
        <v>13</v>
      </c>
      <c r="CT30" s="61">
        <v>5</v>
      </c>
      <c r="CU30" s="61">
        <v>3</v>
      </c>
      <c r="CV30" s="62">
        <v>46</v>
      </c>
      <c r="CW30" s="63">
        <v>76</v>
      </c>
      <c r="CX30" s="113">
        <v>6</v>
      </c>
      <c r="CY30" s="72">
        <v>4</v>
      </c>
      <c r="CZ30" s="73">
        <v>10</v>
      </c>
      <c r="DA30" s="228"/>
      <c r="DB30" s="72">
        <v>10</v>
      </c>
      <c r="DC30" s="72">
        <v>1</v>
      </c>
      <c r="DD30" s="72">
        <v>5</v>
      </c>
      <c r="DE30" s="72">
        <v>2</v>
      </c>
      <c r="DF30" s="72">
        <v>1</v>
      </c>
      <c r="DG30" s="74">
        <v>19</v>
      </c>
      <c r="DH30" s="75">
        <v>29</v>
      </c>
      <c r="DI30" s="60">
        <v>0</v>
      </c>
      <c r="DJ30" s="61">
        <v>1</v>
      </c>
      <c r="DK30" s="62">
        <v>1</v>
      </c>
      <c r="DL30" s="228"/>
      <c r="DM30" s="61">
        <v>0</v>
      </c>
      <c r="DN30" s="61">
        <v>0</v>
      </c>
      <c r="DO30" s="61">
        <v>0</v>
      </c>
      <c r="DP30" s="61">
        <v>0</v>
      </c>
      <c r="DQ30" s="61">
        <v>0</v>
      </c>
      <c r="DR30" s="62">
        <v>0</v>
      </c>
      <c r="DS30" s="63">
        <v>1</v>
      </c>
      <c r="DT30" s="60">
        <v>0</v>
      </c>
      <c r="DU30" s="61">
        <v>0</v>
      </c>
      <c r="DV30" s="62">
        <v>0</v>
      </c>
      <c r="DW30" s="228"/>
      <c r="DX30" s="61">
        <v>0</v>
      </c>
      <c r="DY30" s="61">
        <v>0</v>
      </c>
      <c r="DZ30" s="61">
        <v>0</v>
      </c>
      <c r="EA30" s="61">
        <v>0</v>
      </c>
      <c r="EB30" s="61">
        <v>0</v>
      </c>
      <c r="EC30" s="62">
        <v>0</v>
      </c>
      <c r="ED30" s="63">
        <v>0</v>
      </c>
      <c r="EE30" s="60">
        <v>1</v>
      </c>
      <c r="EF30" s="61">
        <v>0</v>
      </c>
      <c r="EG30" s="62">
        <v>1</v>
      </c>
      <c r="EH30" s="228"/>
      <c r="EI30" s="61">
        <v>0</v>
      </c>
      <c r="EJ30" s="61">
        <v>1</v>
      </c>
      <c r="EK30" s="61">
        <v>0</v>
      </c>
      <c r="EL30" s="61">
        <v>0</v>
      </c>
      <c r="EM30" s="61">
        <v>0</v>
      </c>
      <c r="EN30" s="62">
        <v>1</v>
      </c>
      <c r="EO30" s="63">
        <v>2</v>
      </c>
      <c r="EP30" s="60">
        <v>4</v>
      </c>
      <c r="EQ30" s="61">
        <v>0</v>
      </c>
      <c r="ER30" s="62">
        <v>4</v>
      </c>
      <c r="ES30" s="228"/>
      <c r="ET30" s="61">
        <v>3</v>
      </c>
      <c r="EU30" s="61">
        <v>0</v>
      </c>
      <c r="EV30" s="61">
        <v>0</v>
      </c>
      <c r="EW30" s="61">
        <v>0</v>
      </c>
      <c r="EX30" s="61">
        <v>0</v>
      </c>
      <c r="EY30" s="62">
        <v>3</v>
      </c>
      <c r="EZ30" s="63">
        <v>7</v>
      </c>
      <c r="FA30" s="60">
        <v>0</v>
      </c>
      <c r="FB30" s="61">
        <v>1</v>
      </c>
      <c r="FC30" s="62">
        <v>1</v>
      </c>
      <c r="FD30" s="228"/>
      <c r="FE30" s="61">
        <v>3</v>
      </c>
      <c r="FF30" s="61">
        <v>0</v>
      </c>
      <c r="FG30" s="61">
        <v>1</v>
      </c>
      <c r="FH30" s="61">
        <v>1</v>
      </c>
      <c r="FI30" s="61">
        <v>0</v>
      </c>
      <c r="FJ30" s="62">
        <v>5</v>
      </c>
      <c r="FK30" s="63">
        <v>6</v>
      </c>
      <c r="FL30" s="60">
        <v>1</v>
      </c>
      <c r="FM30" s="61">
        <v>2</v>
      </c>
      <c r="FN30" s="62">
        <v>3</v>
      </c>
      <c r="FO30" s="228"/>
      <c r="FP30" s="61">
        <v>4</v>
      </c>
      <c r="FQ30" s="61">
        <v>0</v>
      </c>
      <c r="FR30" s="61">
        <v>4</v>
      </c>
      <c r="FS30" s="61">
        <v>1</v>
      </c>
      <c r="FT30" s="61">
        <v>1</v>
      </c>
      <c r="FU30" s="62">
        <v>10</v>
      </c>
      <c r="FV30" s="63">
        <v>13</v>
      </c>
      <c r="FW30" s="60">
        <v>0</v>
      </c>
      <c r="FX30" s="61">
        <v>0</v>
      </c>
      <c r="FY30" s="62">
        <v>0</v>
      </c>
      <c r="FZ30" s="228"/>
      <c r="GA30" s="61">
        <v>0</v>
      </c>
      <c r="GB30" s="61">
        <v>0</v>
      </c>
      <c r="GC30" s="61">
        <v>0</v>
      </c>
      <c r="GD30" s="61">
        <v>0</v>
      </c>
      <c r="GE30" s="61">
        <v>0</v>
      </c>
      <c r="GF30" s="62">
        <v>0</v>
      </c>
      <c r="GG30" s="63">
        <v>0</v>
      </c>
      <c r="GH30" s="60">
        <v>6</v>
      </c>
      <c r="GI30" s="61">
        <v>4</v>
      </c>
      <c r="GJ30" s="62">
        <v>10</v>
      </c>
      <c r="GK30" s="228"/>
      <c r="GL30" s="61">
        <v>10</v>
      </c>
      <c r="GM30" s="61">
        <v>1</v>
      </c>
      <c r="GN30" s="61">
        <v>5</v>
      </c>
      <c r="GO30" s="61">
        <v>2</v>
      </c>
      <c r="GP30" s="61">
        <v>1</v>
      </c>
      <c r="GQ30" s="62">
        <v>19</v>
      </c>
      <c r="GR30" s="63">
        <v>29</v>
      </c>
      <c r="GS30" s="113">
        <v>19</v>
      </c>
      <c r="GT30" s="72">
        <v>21</v>
      </c>
      <c r="GU30" s="73">
        <v>40</v>
      </c>
      <c r="GV30" s="228"/>
      <c r="GW30" s="72">
        <v>21</v>
      </c>
      <c r="GX30" s="72">
        <v>15</v>
      </c>
      <c r="GY30" s="72">
        <v>18</v>
      </c>
      <c r="GZ30" s="72">
        <v>7</v>
      </c>
      <c r="HA30" s="72">
        <v>4</v>
      </c>
      <c r="HB30" s="74">
        <v>65</v>
      </c>
      <c r="HC30" s="75">
        <v>105</v>
      </c>
      <c r="HD30" s="60">
        <v>0</v>
      </c>
      <c r="HE30" s="61">
        <v>2</v>
      </c>
      <c r="HF30" s="62">
        <v>2</v>
      </c>
      <c r="HG30" s="228"/>
      <c r="HH30" s="61">
        <v>0</v>
      </c>
      <c r="HI30" s="61">
        <v>1</v>
      </c>
      <c r="HJ30" s="61">
        <v>0</v>
      </c>
      <c r="HK30" s="61">
        <v>0</v>
      </c>
      <c r="HL30" s="61">
        <v>0</v>
      </c>
      <c r="HM30" s="62">
        <v>1</v>
      </c>
      <c r="HN30" s="63">
        <v>3</v>
      </c>
      <c r="HO30" s="60">
        <v>1</v>
      </c>
      <c r="HP30" s="61">
        <v>1</v>
      </c>
      <c r="HQ30" s="62">
        <v>2</v>
      </c>
      <c r="HR30" s="228"/>
      <c r="HS30" s="61">
        <v>0</v>
      </c>
      <c r="HT30" s="61">
        <v>2</v>
      </c>
      <c r="HU30" s="61">
        <v>1</v>
      </c>
      <c r="HV30" s="61">
        <v>0</v>
      </c>
      <c r="HW30" s="61">
        <v>1</v>
      </c>
      <c r="HX30" s="62">
        <v>4</v>
      </c>
      <c r="HY30" s="63">
        <v>6</v>
      </c>
      <c r="HZ30" s="60">
        <v>3</v>
      </c>
      <c r="IA30" s="61">
        <v>1</v>
      </c>
      <c r="IB30" s="62">
        <v>4</v>
      </c>
      <c r="IC30" s="228"/>
      <c r="ID30" s="61">
        <v>0</v>
      </c>
      <c r="IE30" s="61">
        <v>2</v>
      </c>
      <c r="IF30" s="61">
        <v>1</v>
      </c>
      <c r="IG30" s="61">
        <v>0</v>
      </c>
      <c r="IH30" s="61">
        <v>0</v>
      </c>
      <c r="II30" s="62">
        <v>3</v>
      </c>
      <c r="IJ30" s="63">
        <v>7</v>
      </c>
      <c r="IK30" s="60">
        <v>7</v>
      </c>
      <c r="IL30" s="61">
        <v>7</v>
      </c>
      <c r="IM30" s="62">
        <v>14</v>
      </c>
      <c r="IN30" s="228"/>
      <c r="IO30" s="61">
        <v>6</v>
      </c>
      <c r="IP30" s="61">
        <v>5</v>
      </c>
      <c r="IQ30" s="61">
        <v>3</v>
      </c>
      <c r="IR30" s="61">
        <v>1</v>
      </c>
      <c r="IS30" s="61">
        <v>0</v>
      </c>
      <c r="IT30" s="62">
        <v>15</v>
      </c>
      <c r="IU30" s="63">
        <v>29</v>
      </c>
      <c r="IV30" s="60">
        <v>6</v>
      </c>
      <c r="IW30" s="61">
        <v>7</v>
      </c>
      <c r="IX30" s="62">
        <v>13</v>
      </c>
      <c r="IY30" s="228"/>
      <c r="IZ30" s="61">
        <v>4</v>
      </c>
      <c r="JA30" s="61">
        <v>2</v>
      </c>
      <c r="JB30" s="61">
        <v>5</v>
      </c>
      <c r="JC30" s="61">
        <v>4</v>
      </c>
      <c r="JD30" s="61">
        <v>2</v>
      </c>
      <c r="JE30" s="62">
        <v>17</v>
      </c>
      <c r="JF30" s="63">
        <v>30</v>
      </c>
      <c r="JG30" s="60">
        <v>2</v>
      </c>
      <c r="JH30" s="61">
        <v>3</v>
      </c>
      <c r="JI30" s="62">
        <v>5</v>
      </c>
      <c r="JJ30" s="228"/>
      <c r="JK30" s="61">
        <v>11</v>
      </c>
      <c r="JL30" s="61">
        <v>3</v>
      </c>
      <c r="JM30" s="61">
        <v>8</v>
      </c>
      <c r="JN30" s="61">
        <v>2</v>
      </c>
      <c r="JO30" s="61">
        <v>1</v>
      </c>
      <c r="JP30" s="62">
        <v>25</v>
      </c>
      <c r="JQ30" s="63">
        <v>30</v>
      </c>
      <c r="JR30" s="60">
        <v>0</v>
      </c>
      <c r="JS30" s="61">
        <v>0</v>
      </c>
      <c r="JT30" s="62">
        <v>0</v>
      </c>
      <c r="JU30" s="228"/>
      <c r="JV30" s="61">
        <v>0</v>
      </c>
      <c r="JW30" s="61">
        <v>0</v>
      </c>
      <c r="JX30" s="61">
        <v>0</v>
      </c>
      <c r="JY30" s="61">
        <v>0</v>
      </c>
      <c r="JZ30" s="61">
        <v>0</v>
      </c>
      <c r="KA30" s="62">
        <v>0</v>
      </c>
      <c r="KB30" s="63">
        <v>0</v>
      </c>
      <c r="KC30" s="60">
        <v>19</v>
      </c>
      <c r="KD30" s="61">
        <v>21</v>
      </c>
      <c r="KE30" s="62">
        <v>40</v>
      </c>
      <c r="KF30" s="228"/>
      <c r="KG30" s="61">
        <v>21</v>
      </c>
      <c r="KH30" s="61">
        <v>15</v>
      </c>
      <c r="KI30" s="61">
        <v>18</v>
      </c>
      <c r="KJ30" s="61">
        <v>7</v>
      </c>
      <c r="KK30" s="61">
        <v>4</v>
      </c>
      <c r="KL30" s="62">
        <v>65</v>
      </c>
      <c r="KM30" s="63">
        <v>105</v>
      </c>
    </row>
    <row r="31" spans="2:299" ht="21" customHeight="1" x14ac:dyDescent="0.2">
      <c r="B31" s="472" t="s">
        <v>28</v>
      </c>
      <c r="C31" s="293">
        <v>0</v>
      </c>
      <c r="D31" s="72">
        <v>2</v>
      </c>
      <c r="E31" s="73">
        <v>2</v>
      </c>
      <c r="F31" s="228"/>
      <c r="G31" s="72">
        <v>6</v>
      </c>
      <c r="H31" s="72">
        <v>3</v>
      </c>
      <c r="I31" s="72">
        <v>4</v>
      </c>
      <c r="J31" s="72">
        <v>2</v>
      </c>
      <c r="K31" s="72">
        <v>1</v>
      </c>
      <c r="L31" s="74">
        <v>16</v>
      </c>
      <c r="M31" s="75">
        <v>18</v>
      </c>
      <c r="N31" s="60">
        <v>0</v>
      </c>
      <c r="O31" s="61">
        <v>1</v>
      </c>
      <c r="P31" s="62">
        <v>1</v>
      </c>
      <c r="Q31" s="228"/>
      <c r="R31" s="61">
        <v>0</v>
      </c>
      <c r="S31" s="61">
        <v>0</v>
      </c>
      <c r="T31" s="61">
        <v>1</v>
      </c>
      <c r="U31" s="61">
        <v>0</v>
      </c>
      <c r="V31" s="61">
        <v>0</v>
      </c>
      <c r="W31" s="62">
        <v>1</v>
      </c>
      <c r="X31" s="63">
        <v>2</v>
      </c>
      <c r="Y31" s="60">
        <v>0</v>
      </c>
      <c r="Z31" s="61">
        <v>1</v>
      </c>
      <c r="AA31" s="62">
        <v>1</v>
      </c>
      <c r="AB31" s="228"/>
      <c r="AC31" s="61">
        <v>2</v>
      </c>
      <c r="AD31" s="61">
        <v>0</v>
      </c>
      <c r="AE31" s="61">
        <v>0</v>
      </c>
      <c r="AF31" s="61">
        <v>0</v>
      </c>
      <c r="AG31" s="61">
        <v>0</v>
      </c>
      <c r="AH31" s="62">
        <v>2</v>
      </c>
      <c r="AI31" s="63">
        <v>3</v>
      </c>
      <c r="AJ31" s="60">
        <v>0</v>
      </c>
      <c r="AK31" s="61">
        <v>0</v>
      </c>
      <c r="AL31" s="62">
        <v>0</v>
      </c>
      <c r="AM31" s="228"/>
      <c r="AN31" s="61">
        <v>1</v>
      </c>
      <c r="AO31" s="61">
        <v>1</v>
      </c>
      <c r="AP31" s="61">
        <v>0</v>
      </c>
      <c r="AQ31" s="61">
        <v>0</v>
      </c>
      <c r="AR31" s="61">
        <v>1</v>
      </c>
      <c r="AS31" s="62">
        <v>3</v>
      </c>
      <c r="AT31" s="63">
        <v>3</v>
      </c>
      <c r="AU31" s="60">
        <v>0</v>
      </c>
      <c r="AV31" s="61">
        <v>0</v>
      </c>
      <c r="AW31" s="62">
        <v>0</v>
      </c>
      <c r="AX31" s="228"/>
      <c r="AY31" s="61">
        <v>3</v>
      </c>
      <c r="AZ31" s="61">
        <v>1</v>
      </c>
      <c r="BA31" s="61">
        <v>0</v>
      </c>
      <c r="BB31" s="61">
        <v>1</v>
      </c>
      <c r="BC31" s="61">
        <v>0</v>
      </c>
      <c r="BD31" s="62">
        <v>5</v>
      </c>
      <c r="BE31" s="63">
        <v>5</v>
      </c>
      <c r="BF31" s="60">
        <v>0</v>
      </c>
      <c r="BG31" s="61">
        <v>0</v>
      </c>
      <c r="BH31" s="62">
        <v>0</v>
      </c>
      <c r="BI31" s="228"/>
      <c r="BJ31" s="61">
        <v>0</v>
      </c>
      <c r="BK31" s="61">
        <v>1</v>
      </c>
      <c r="BL31" s="61">
        <v>1</v>
      </c>
      <c r="BM31" s="61">
        <v>0</v>
      </c>
      <c r="BN31" s="61">
        <v>0</v>
      </c>
      <c r="BO31" s="62">
        <v>2</v>
      </c>
      <c r="BP31" s="63">
        <v>2</v>
      </c>
      <c r="BQ31" s="60">
        <v>0</v>
      </c>
      <c r="BR31" s="61">
        <v>0</v>
      </c>
      <c r="BS31" s="62">
        <v>0</v>
      </c>
      <c r="BT31" s="228"/>
      <c r="BU31" s="61">
        <v>0</v>
      </c>
      <c r="BV31" s="61">
        <v>0</v>
      </c>
      <c r="BW31" s="61">
        <v>2</v>
      </c>
      <c r="BX31" s="61">
        <v>1</v>
      </c>
      <c r="BY31" s="61">
        <v>0</v>
      </c>
      <c r="BZ31" s="62">
        <v>3</v>
      </c>
      <c r="CA31" s="63">
        <v>3</v>
      </c>
      <c r="CB31" s="60">
        <v>0</v>
      </c>
      <c r="CC31" s="61">
        <v>0</v>
      </c>
      <c r="CD31" s="62">
        <v>0</v>
      </c>
      <c r="CE31" s="228"/>
      <c r="CF31" s="61">
        <v>0</v>
      </c>
      <c r="CG31" s="61">
        <v>0</v>
      </c>
      <c r="CH31" s="61">
        <v>0</v>
      </c>
      <c r="CI31" s="61">
        <v>0</v>
      </c>
      <c r="CJ31" s="61">
        <v>0</v>
      </c>
      <c r="CK31" s="62">
        <v>0</v>
      </c>
      <c r="CL31" s="63">
        <v>0</v>
      </c>
      <c r="CM31" s="60">
        <v>0</v>
      </c>
      <c r="CN31" s="61">
        <v>2</v>
      </c>
      <c r="CO31" s="62">
        <v>2</v>
      </c>
      <c r="CP31" s="228"/>
      <c r="CQ31" s="61">
        <v>6</v>
      </c>
      <c r="CR31" s="61">
        <v>3</v>
      </c>
      <c r="CS31" s="61">
        <v>4</v>
      </c>
      <c r="CT31" s="61">
        <v>2</v>
      </c>
      <c r="CU31" s="61">
        <v>1</v>
      </c>
      <c r="CV31" s="62">
        <v>16</v>
      </c>
      <c r="CW31" s="63">
        <v>18</v>
      </c>
      <c r="CX31" s="113">
        <v>0</v>
      </c>
      <c r="CY31" s="72">
        <v>1</v>
      </c>
      <c r="CZ31" s="73">
        <v>1</v>
      </c>
      <c r="DA31" s="228"/>
      <c r="DB31" s="72">
        <v>1</v>
      </c>
      <c r="DC31" s="72">
        <v>2</v>
      </c>
      <c r="DD31" s="72">
        <v>1</v>
      </c>
      <c r="DE31" s="72">
        <v>2</v>
      </c>
      <c r="DF31" s="72">
        <v>0</v>
      </c>
      <c r="DG31" s="74">
        <v>6</v>
      </c>
      <c r="DH31" s="75">
        <v>7</v>
      </c>
      <c r="DI31" s="60">
        <v>0</v>
      </c>
      <c r="DJ31" s="61">
        <v>0</v>
      </c>
      <c r="DK31" s="62">
        <v>0</v>
      </c>
      <c r="DL31" s="228"/>
      <c r="DM31" s="61">
        <v>0</v>
      </c>
      <c r="DN31" s="61">
        <v>0</v>
      </c>
      <c r="DO31" s="61">
        <v>0</v>
      </c>
      <c r="DP31" s="61">
        <v>0</v>
      </c>
      <c r="DQ31" s="61">
        <v>0</v>
      </c>
      <c r="DR31" s="62">
        <v>0</v>
      </c>
      <c r="DS31" s="63">
        <v>0</v>
      </c>
      <c r="DT31" s="60">
        <v>0</v>
      </c>
      <c r="DU31" s="61">
        <v>1</v>
      </c>
      <c r="DV31" s="62">
        <v>1</v>
      </c>
      <c r="DW31" s="228"/>
      <c r="DX31" s="61">
        <v>0</v>
      </c>
      <c r="DY31" s="61">
        <v>0</v>
      </c>
      <c r="DZ31" s="61">
        <v>1</v>
      </c>
      <c r="EA31" s="61">
        <v>0</v>
      </c>
      <c r="EB31" s="61">
        <v>0</v>
      </c>
      <c r="EC31" s="62">
        <v>1</v>
      </c>
      <c r="ED31" s="63">
        <v>2</v>
      </c>
      <c r="EE31" s="60">
        <v>0</v>
      </c>
      <c r="EF31" s="61">
        <v>0</v>
      </c>
      <c r="EG31" s="62">
        <v>0</v>
      </c>
      <c r="EH31" s="228"/>
      <c r="EI31" s="61">
        <v>0</v>
      </c>
      <c r="EJ31" s="61">
        <v>0</v>
      </c>
      <c r="EK31" s="61">
        <v>0</v>
      </c>
      <c r="EL31" s="61">
        <v>0</v>
      </c>
      <c r="EM31" s="61">
        <v>0</v>
      </c>
      <c r="EN31" s="62">
        <v>0</v>
      </c>
      <c r="EO31" s="63">
        <v>0</v>
      </c>
      <c r="EP31" s="60">
        <v>0</v>
      </c>
      <c r="EQ31" s="61">
        <v>0</v>
      </c>
      <c r="ER31" s="62">
        <v>0</v>
      </c>
      <c r="ES31" s="228"/>
      <c r="ET31" s="61">
        <v>0</v>
      </c>
      <c r="EU31" s="61">
        <v>1</v>
      </c>
      <c r="EV31" s="61">
        <v>0</v>
      </c>
      <c r="EW31" s="61">
        <v>0</v>
      </c>
      <c r="EX31" s="61">
        <v>0</v>
      </c>
      <c r="EY31" s="62">
        <v>1</v>
      </c>
      <c r="EZ31" s="63">
        <v>1</v>
      </c>
      <c r="FA31" s="60">
        <v>0</v>
      </c>
      <c r="FB31" s="61">
        <v>0</v>
      </c>
      <c r="FC31" s="62">
        <v>0</v>
      </c>
      <c r="FD31" s="228"/>
      <c r="FE31" s="61">
        <v>1</v>
      </c>
      <c r="FF31" s="61">
        <v>0</v>
      </c>
      <c r="FG31" s="61">
        <v>0</v>
      </c>
      <c r="FH31" s="61">
        <v>2</v>
      </c>
      <c r="FI31" s="61">
        <v>0</v>
      </c>
      <c r="FJ31" s="62">
        <v>3</v>
      </c>
      <c r="FK31" s="63">
        <v>3</v>
      </c>
      <c r="FL31" s="60">
        <v>0</v>
      </c>
      <c r="FM31" s="61">
        <v>0</v>
      </c>
      <c r="FN31" s="62">
        <v>0</v>
      </c>
      <c r="FO31" s="228"/>
      <c r="FP31" s="61">
        <v>0</v>
      </c>
      <c r="FQ31" s="61">
        <v>1</v>
      </c>
      <c r="FR31" s="61">
        <v>0</v>
      </c>
      <c r="FS31" s="61">
        <v>0</v>
      </c>
      <c r="FT31" s="61">
        <v>0</v>
      </c>
      <c r="FU31" s="62">
        <v>1</v>
      </c>
      <c r="FV31" s="63">
        <v>1</v>
      </c>
      <c r="FW31" s="60">
        <v>0</v>
      </c>
      <c r="FX31" s="61">
        <v>0</v>
      </c>
      <c r="FY31" s="62">
        <v>0</v>
      </c>
      <c r="FZ31" s="228"/>
      <c r="GA31" s="61">
        <v>0</v>
      </c>
      <c r="GB31" s="61">
        <v>0</v>
      </c>
      <c r="GC31" s="61">
        <v>0</v>
      </c>
      <c r="GD31" s="61">
        <v>0</v>
      </c>
      <c r="GE31" s="61">
        <v>0</v>
      </c>
      <c r="GF31" s="62">
        <v>0</v>
      </c>
      <c r="GG31" s="63">
        <v>0</v>
      </c>
      <c r="GH31" s="60">
        <v>0</v>
      </c>
      <c r="GI31" s="61">
        <v>1</v>
      </c>
      <c r="GJ31" s="62">
        <v>1</v>
      </c>
      <c r="GK31" s="228"/>
      <c r="GL31" s="61">
        <v>1</v>
      </c>
      <c r="GM31" s="61">
        <v>2</v>
      </c>
      <c r="GN31" s="61">
        <v>1</v>
      </c>
      <c r="GO31" s="61">
        <v>2</v>
      </c>
      <c r="GP31" s="61">
        <v>0</v>
      </c>
      <c r="GQ31" s="62">
        <v>6</v>
      </c>
      <c r="GR31" s="63">
        <v>7</v>
      </c>
      <c r="GS31" s="113">
        <v>0</v>
      </c>
      <c r="GT31" s="72">
        <v>3</v>
      </c>
      <c r="GU31" s="73">
        <v>3</v>
      </c>
      <c r="GV31" s="228"/>
      <c r="GW31" s="72">
        <v>7</v>
      </c>
      <c r="GX31" s="72">
        <v>5</v>
      </c>
      <c r="GY31" s="72">
        <v>5</v>
      </c>
      <c r="GZ31" s="72">
        <v>4</v>
      </c>
      <c r="HA31" s="72">
        <v>1</v>
      </c>
      <c r="HB31" s="74">
        <v>22</v>
      </c>
      <c r="HC31" s="75">
        <v>25</v>
      </c>
      <c r="HD31" s="60">
        <v>0</v>
      </c>
      <c r="HE31" s="61">
        <v>1</v>
      </c>
      <c r="HF31" s="62">
        <v>1</v>
      </c>
      <c r="HG31" s="228"/>
      <c r="HH31" s="61">
        <v>0</v>
      </c>
      <c r="HI31" s="61">
        <v>0</v>
      </c>
      <c r="HJ31" s="61">
        <v>1</v>
      </c>
      <c r="HK31" s="61">
        <v>0</v>
      </c>
      <c r="HL31" s="61">
        <v>0</v>
      </c>
      <c r="HM31" s="62">
        <v>1</v>
      </c>
      <c r="HN31" s="63">
        <v>2</v>
      </c>
      <c r="HO31" s="60">
        <v>0</v>
      </c>
      <c r="HP31" s="61">
        <v>2</v>
      </c>
      <c r="HQ31" s="62">
        <v>2</v>
      </c>
      <c r="HR31" s="228"/>
      <c r="HS31" s="61">
        <v>2</v>
      </c>
      <c r="HT31" s="61">
        <v>0</v>
      </c>
      <c r="HU31" s="61">
        <v>1</v>
      </c>
      <c r="HV31" s="61">
        <v>0</v>
      </c>
      <c r="HW31" s="61">
        <v>0</v>
      </c>
      <c r="HX31" s="62">
        <v>3</v>
      </c>
      <c r="HY31" s="63">
        <v>5</v>
      </c>
      <c r="HZ31" s="60">
        <v>0</v>
      </c>
      <c r="IA31" s="61">
        <v>0</v>
      </c>
      <c r="IB31" s="62">
        <v>0</v>
      </c>
      <c r="IC31" s="228"/>
      <c r="ID31" s="61">
        <v>1</v>
      </c>
      <c r="IE31" s="61">
        <v>1</v>
      </c>
      <c r="IF31" s="61">
        <v>0</v>
      </c>
      <c r="IG31" s="61">
        <v>0</v>
      </c>
      <c r="IH31" s="61">
        <v>1</v>
      </c>
      <c r="II31" s="62">
        <v>3</v>
      </c>
      <c r="IJ31" s="63">
        <v>3</v>
      </c>
      <c r="IK31" s="60">
        <v>0</v>
      </c>
      <c r="IL31" s="61">
        <v>0</v>
      </c>
      <c r="IM31" s="62">
        <v>0</v>
      </c>
      <c r="IN31" s="228"/>
      <c r="IO31" s="61">
        <v>3</v>
      </c>
      <c r="IP31" s="61">
        <v>2</v>
      </c>
      <c r="IQ31" s="61">
        <v>0</v>
      </c>
      <c r="IR31" s="61">
        <v>1</v>
      </c>
      <c r="IS31" s="61">
        <v>0</v>
      </c>
      <c r="IT31" s="62">
        <v>6</v>
      </c>
      <c r="IU31" s="63">
        <v>6</v>
      </c>
      <c r="IV31" s="60">
        <v>0</v>
      </c>
      <c r="IW31" s="61">
        <v>0</v>
      </c>
      <c r="IX31" s="62">
        <v>0</v>
      </c>
      <c r="IY31" s="228"/>
      <c r="IZ31" s="61">
        <v>1</v>
      </c>
      <c r="JA31" s="61">
        <v>1</v>
      </c>
      <c r="JB31" s="61">
        <v>1</v>
      </c>
      <c r="JC31" s="61">
        <v>2</v>
      </c>
      <c r="JD31" s="61">
        <v>0</v>
      </c>
      <c r="JE31" s="62">
        <v>5</v>
      </c>
      <c r="JF31" s="63">
        <v>5</v>
      </c>
      <c r="JG31" s="60">
        <v>0</v>
      </c>
      <c r="JH31" s="61">
        <v>0</v>
      </c>
      <c r="JI31" s="62">
        <v>0</v>
      </c>
      <c r="JJ31" s="228"/>
      <c r="JK31" s="61">
        <v>0</v>
      </c>
      <c r="JL31" s="61">
        <v>1</v>
      </c>
      <c r="JM31" s="61">
        <v>2</v>
      </c>
      <c r="JN31" s="61">
        <v>1</v>
      </c>
      <c r="JO31" s="61">
        <v>0</v>
      </c>
      <c r="JP31" s="62">
        <v>4</v>
      </c>
      <c r="JQ31" s="63">
        <v>4</v>
      </c>
      <c r="JR31" s="60">
        <v>0</v>
      </c>
      <c r="JS31" s="61">
        <v>0</v>
      </c>
      <c r="JT31" s="62">
        <v>0</v>
      </c>
      <c r="JU31" s="228"/>
      <c r="JV31" s="61">
        <v>0</v>
      </c>
      <c r="JW31" s="61">
        <v>0</v>
      </c>
      <c r="JX31" s="61">
        <v>0</v>
      </c>
      <c r="JY31" s="61">
        <v>0</v>
      </c>
      <c r="JZ31" s="61">
        <v>0</v>
      </c>
      <c r="KA31" s="62">
        <v>0</v>
      </c>
      <c r="KB31" s="63">
        <v>0</v>
      </c>
      <c r="KC31" s="60">
        <v>0</v>
      </c>
      <c r="KD31" s="61">
        <v>3</v>
      </c>
      <c r="KE31" s="62">
        <v>3</v>
      </c>
      <c r="KF31" s="228"/>
      <c r="KG31" s="61">
        <v>7</v>
      </c>
      <c r="KH31" s="61">
        <v>5</v>
      </c>
      <c r="KI31" s="61">
        <v>5</v>
      </c>
      <c r="KJ31" s="61">
        <v>4</v>
      </c>
      <c r="KK31" s="61">
        <v>1</v>
      </c>
      <c r="KL31" s="62">
        <v>22</v>
      </c>
      <c r="KM31" s="63">
        <v>25</v>
      </c>
    </row>
    <row r="32" spans="2:299" ht="21" customHeight="1" x14ac:dyDescent="0.2">
      <c r="B32" s="472" t="s">
        <v>29</v>
      </c>
      <c r="C32" s="293">
        <v>1</v>
      </c>
      <c r="D32" s="72">
        <v>5</v>
      </c>
      <c r="E32" s="73">
        <v>6</v>
      </c>
      <c r="F32" s="228"/>
      <c r="G32" s="72">
        <v>6</v>
      </c>
      <c r="H32" s="72">
        <v>4</v>
      </c>
      <c r="I32" s="72">
        <v>3</v>
      </c>
      <c r="J32" s="72">
        <v>4</v>
      </c>
      <c r="K32" s="72">
        <v>1</v>
      </c>
      <c r="L32" s="74">
        <v>18</v>
      </c>
      <c r="M32" s="75">
        <v>24</v>
      </c>
      <c r="N32" s="60">
        <v>0</v>
      </c>
      <c r="O32" s="61">
        <v>0</v>
      </c>
      <c r="P32" s="62">
        <v>0</v>
      </c>
      <c r="Q32" s="228"/>
      <c r="R32" s="61">
        <v>0</v>
      </c>
      <c r="S32" s="61">
        <v>0</v>
      </c>
      <c r="T32" s="61">
        <v>1</v>
      </c>
      <c r="U32" s="61">
        <v>0</v>
      </c>
      <c r="V32" s="61">
        <v>0</v>
      </c>
      <c r="W32" s="62">
        <v>1</v>
      </c>
      <c r="X32" s="63">
        <v>1</v>
      </c>
      <c r="Y32" s="60">
        <v>0</v>
      </c>
      <c r="Z32" s="61">
        <v>0</v>
      </c>
      <c r="AA32" s="62">
        <v>0</v>
      </c>
      <c r="AB32" s="228"/>
      <c r="AC32" s="61">
        <v>0</v>
      </c>
      <c r="AD32" s="61">
        <v>0</v>
      </c>
      <c r="AE32" s="61">
        <v>0</v>
      </c>
      <c r="AF32" s="61">
        <v>0</v>
      </c>
      <c r="AG32" s="61">
        <v>0</v>
      </c>
      <c r="AH32" s="62">
        <v>0</v>
      </c>
      <c r="AI32" s="63">
        <v>0</v>
      </c>
      <c r="AJ32" s="60">
        <v>0</v>
      </c>
      <c r="AK32" s="61">
        <v>1</v>
      </c>
      <c r="AL32" s="62">
        <v>1</v>
      </c>
      <c r="AM32" s="228"/>
      <c r="AN32" s="61">
        <v>1</v>
      </c>
      <c r="AO32" s="61">
        <v>0</v>
      </c>
      <c r="AP32" s="61">
        <v>0</v>
      </c>
      <c r="AQ32" s="61">
        <v>1</v>
      </c>
      <c r="AR32" s="61">
        <v>0</v>
      </c>
      <c r="AS32" s="62">
        <v>2</v>
      </c>
      <c r="AT32" s="63">
        <v>3</v>
      </c>
      <c r="AU32" s="60">
        <v>0</v>
      </c>
      <c r="AV32" s="61">
        <v>1</v>
      </c>
      <c r="AW32" s="62">
        <v>1</v>
      </c>
      <c r="AX32" s="228"/>
      <c r="AY32" s="61">
        <v>2</v>
      </c>
      <c r="AZ32" s="61">
        <v>0</v>
      </c>
      <c r="BA32" s="61">
        <v>1</v>
      </c>
      <c r="BB32" s="61">
        <v>2</v>
      </c>
      <c r="BC32" s="61">
        <v>0</v>
      </c>
      <c r="BD32" s="62">
        <v>5</v>
      </c>
      <c r="BE32" s="63">
        <v>6</v>
      </c>
      <c r="BF32" s="60">
        <v>0</v>
      </c>
      <c r="BG32" s="61">
        <v>2</v>
      </c>
      <c r="BH32" s="62">
        <v>2</v>
      </c>
      <c r="BI32" s="228"/>
      <c r="BJ32" s="61">
        <v>1</v>
      </c>
      <c r="BK32" s="61">
        <v>1</v>
      </c>
      <c r="BL32" s="61">
        <v>0</v>
      </c>
      <c r="BM32" s="61">
        <v>0</v>
      </c>
      <c r="BN32" s="61">
        <v>0</v>
      </c>
      <c r="BO32" s="62">
        <v>2</v>
      </c>
      <c r="BP32" s="63">
        <v>4</v>
      </c>
      <c r="BQ32" s="60">
        <v>1</v>
      </c>
      <c r="BR32" s="61">
        <v>1</v>
      </c>
      <c r="BS32" s="62">
        <v>2</v>
      </c>
      <c r="BT32" s="228"/>
      <c r="BU32" s="61">
        <v>2</v>
      </c>
      <c r="BV32" s="61">
        <v>3</v>
      </c>
      <c r="BW32" s="61">
        <v>1</v>
      </c>
      <c r="BX32" s="61">
        <v>1</v>
      </c>
      <c r="BY32" s="61">
        <v>1</v>
      </c>
      <c r="BZ32" s="62">
        <v>8</v>
      </c>
      <c r="CA32" s="63">
        <v>10</v>
      </c>
      <c r="CB32" s="60">
        <v>0</v>
      </c>
      <c r="CC32" s="61">
        <v>0</v>
      </c>
      <c r="CD32" s="62">
        <v>0</v>
      </c>
      <c r="CE32" s="228"/>
      <c r="CF32" s="61">
        <v>0</v>
      </c>
      <c r="CG32" s="61">
        <v>0</v>
      </c>
      <c r="CH32" s="61">
        <v>0</v>
      </c>
      <c r="CI32" s="61">
        <v>0</v>
      </c>
      <c r="CJ32" s="61">
        <v>0</v>
      </c>
      <c r="CK32" s="62">
        <v>0</v>
      </c>
      <c r="CL32" s="63">
        <v>0</v>
      </c>
      <c r="CM32" s="60">
        <v>1</v>
      </c>
      <c r="CN32" s="61">
        <v>5</v>
      </c>
      <c r="CO32" s="62">
        <v>6</v>
      </c>
      <c r="CP32" s="228"/>
      <c r="CQ32" s="61">
        <v>6</v>
      </c>
      <c r="CR32" s="61">
        <v>4</v>
      </c>
      <c r="CS32" s="61">
        <v>3</v>
      </c>
      <c r="CT32" s="61">
        <v>4</v>
      </c>
      <c r="CU32" s="61">
        <v>1</v>
      </c>
      <c r="CV32" s="62">
        <v>18</v>
      </c>
      <c r="CW32" s="63">
        <v>24</v>
      </c>
      <c r="CX32" s="113">
        <v>1</v>
      </c>
      <c r="CY32" s="72">
        <v>2</v>
      </c>
      <c r="CZ32" s="73">
        <v>3</v>
      </c>
      <c r="DA32" s="228"/>
      <c r="DB32" s="72">
        <v>6</v>
      </c>
      <c r="DC32" s="72">
        <v>2</v>
      </c>
      <c r="DD32" s="72">
        <v>0</v>
      </c>
      <c r="DE32" s="72">
        <v>2</v>
      </c>
      <c r="DF32" s="72">
        <v>0</v>
      </c>
      <c r="DG32" s="74">
        <v>10</v>
      </c>
      <c r="DH32" s="75">
        <v>13</v>
      </c>
      <c r="DI32" s="60">
        <v>0</v>
      </c>
      <c r="DJ32" s="61">
        <v>0</v>
      </c>
      <c r="DK32" s="62">
        <v>0</v>
      </c>
      <c r="DL32" s="228"/>
      <c r="DM32" s="61">
        <v>0</v>
      </c>
      <c r="DN32" s="61">
        <v>0</v>
      </c>
      <c r="DO32" s="61">
        <v>0</v>
      </c>
      <c r="DP32" s="61">
        <v>0</v>
      </c>
      <c r="DQ32" s="61">
        <v>0</v>
      </c>
      <c r="DR32" s="62">
        <v>0</v>
      </c>
      <c r="DS32" s="63">
        <v>0</v>
      </c>
      <c r="DT32" s="60">
        <v>0</v>
      </c>
      <c r="DU32" s="61">
        <v>1</v>
      </c>
      <c r="DV32" s="62">
        <v>1</v>
      </c>
      <c r="DW32" s="228"/>
      <c r="DX32" s="61">
        <v>0</v>
      </c>
      <c r="DY32" s="61">
        <v>1</v>
      </c>
      <c r="DZ32" s="61">
        <v>0</v>
      </c>
      <c r="EA32" s="61">
        <v>0</v>
      </c>
      <c r="EB32" s="61">
        <v>0</v>
      </c>
      <c r="EC32" s="62">
        <v>1</v>
      </c>
      <c r="ED32" s="63">
        <v>2</v>
      </c>
      <c r="EE32" s="60">
        <v>1</v>
      </c>
      <c r="EF32" s="61">
        <v>0</v>
      </c>
      <c r="EG32" s="62">
        <v>1</v>
      </c>
      <c r="EH32" s="228"/>
      <c r="EI32" s="61">
        <v>0</v>
      </c>
      <c r="EJ32" s="61">
        <v>0</v>
      </c>
      <c r="EK32" s="61">
        <v>0</v>
      </c>
      <c r="EL32" s="61">
        <v>0</v>
      </c>
      <c r="EM32" s="61">
        <v>0</v>
      </c>
      <c r="EN32" s="62">
        <v>0</v>
      </c>
      <c r="EO32" s="63">
        <v>1</v>
      </c>
      <c r="EP32" s="60">
        <v>0</v>
      </c>
      <c r="EQ32" s="61">
        <v>1</v>
      </c>
      <c r="ER32" s="62">
        <v>1</v>
      </c>
      <c r="ES32" s="228"/>
      <c r="ET32" s="61">
        <v>3</v>
      </c>
      <c r="EU32" s="61">
        <v>0</v>
      </c>
      <c r="EV32" s="61">
        <v>0</v>
      </c>
      <c r="EW32" s="61">
        <v>1</v>
      </c>
      <c r="EX32" s="61">
        <v>0</v>
      </c>
      <c r="EY32" s="62">
        <v>4</v>
      </c>
      <c r="EZ32" s="63">
        <v>5</v>
      </c>
      <c r="FA32" s="60">
        <v>0</v>
      </c>
      <c r="FB32" s="61">
        <v>0</v>
      </c>
      <c r="FC32" s="62">
        <v>0</v>
      </c>
      <c r="FD32" s="228"/>
      <c r="FE32" s="61">
        <v>1</v>
      </c>
      <c r="FF32" s="61">
        <v>0</v>
      </c>
      <c r="FG32" s="61">
        <v>0</v>
      </c>
      <c r="FH32" s="61">
        <v>0</v>
      </c>
      <c r="FI32" s="61">
        <v>0</v>
      </c>
      <c r="FJ32" s="62">
        <v>1</v>
      </c>
      <c r="FK32" s="63">
        <v>1</v>
      </c>
      <c r="FL32" s="60">
        <v>0</v>
      </c>
      <c r="FM32" s="61">
        <v>0</v>
      </c>
      <c r="FN32" s="62">
        <v>0</v>
      </c>
      <c r="FO32" s="228"/>
      <c r="FP32" s="61">
        <v>2</v>
      </c>
      <c r="FQ32" s="61">
        <v>1</v>
      </c>
      <c r="FR32" s="61">
        <v>0</v>
      </c>
      <c r="FS32" s="61">
        <v>1</v>
      </c>
      <c r="FT32" s="61">
        <v>0</v>
      </c>
      <c r="FU32" s="62">
        <v>4</v>
      </c>
      <c r="FV32" s="63">
        <v>4</v>
      </c>
      <c r="FW32" s="60">
        <v>0</v>
      </c>
      <c r="FX32" s="61">
        <v>0</v>
      </c>
      <c r="FY32" s="62">
        <v>0</v>
      </c>
      <c r="FZ32" s="228"/>
      <c r="GA32" s="61">
        <v>0</v>
      </c>
      <c r="GB32" s="61">
        <v>0</v>
      </c>
      <c r="GC32" s="61">
        <v>0</v>
      </c>
      <c r="GD32" s="61">
        <v>0</v>
      </c>
      <c r="GE32" s="61">
        <v>0</v>
      </c>
      <c r="GF32" s="62">
        <v>0</v>
      </c>
      <c r="GG32" s="63">
        <v>0</v>
      </c>
      <c r="GH32" s="60">
        <v>1</v>
      </c>
      <c r="GI32" s="61">
        <v>2</v>
      </c>
      <c r="GJ32" s="62">
        <v>3</v>
      </c>
      <c r="GK32" s="228"/>
      <c r="GL32" s="61">
        <v>6</v>
      </c>
      <c r="GM32" s="61">
        <v>2</v>
      </c>
      <c r="GN32" s="61">
        <v>0</v>
      </c>
      <c r="GO32" s="61">
        <v>2</v>
      </c>
      <c r="GP32" s="61">
        <v>0</v>
      </c>
      <c r="GQ32" s="62">
        <v>10</v>
      </c>
      <c r="GR32" s="63">
        <v>13</v>
      </c>
      <c r="GS32" s="113">
        <v>2</v>
      </c>
      <c r="GT32" s="72">
        <v>7</v>
      </c>
      <c r="GU32" s="73">
        <v>9</v>
      </c>
      <c r="GV32" s="228"/>
      <c r="GW32" s="72">
        <v>12</v>
      </c>
      <c r="GX32" s="72">
        <v>6</v>
      </c>
      <c r="GY32" s="72">
        <v>3</v>
      </c>
      <c r="GZ32" s="72">
        <v>6</v>
      </c>
      <c r="HA32" s="72">
        <v>1</v>
      </c>
      <c r="HB32" s="74">
        <v>28</v>
      </c>
      <c r="HC32" s="75">
        <v>37</v>
      </c>
      <c r="HD32" s="60">
        <v>0</v>
      </c>
      <c r="HE32" s="61">
        <v>0</v>
      </c>
      <c r="HF32" s="62">
        <v>0</v>
      </c>
      <c r="HG32" s="228"/>
      <c r="HH32" s="61">
        <v>0</v>
      </c>
      <c r="HI32" s="61">
        <v>0</v>
      </c>
      <c r="HJ32" s="61">
        <v>1</v>
      </c>
      <c r="HK32" s="61">
        <v>0</v>
      </c>
      <c r="HL32" s="61">
        <v>0</v>
      </c>
      <c r="HM32" s="62">
        <v>1</v>
      </c>
      <c r="HN32" s="63">
        <v>1</v>
      </c>
      <c r="HO32" s="60">
        <v>0</v>
      </c>
      <c r="HP32" s="61">
        <v>1</v>
      </c>
      <c r="HQ32" s="62">
        <v>1</v>
      </c>
      <c r="HR32" s="228"/>
      <c r="HS32" s="61">
        <v>0</v>
      </c>
      <c r="HT32" s="61">
        <v>1</v>
      </c>
      <c r="HU32" s="61">
        <v>0</v>
      </c>
      <c r="HV32" s="61">
        <v>0</v>
      </c>
      <c r="HW32" s="61">
        <v>0</v>
      </c>
      <c r="HX32" s="62">
        <v>1</v>
      </c>
      <c r="HY32" s="63">
        <v>2</v>
      </c>
      <c r="HZ32" s="60">
        <v>1</v>
      </c>
      <c r="IA32" s="61">
        <v>1</v>
      </c>
      <c r="IB32" s="62">
        <v>2</v>
      </c>
      <c r="IC32" s="228"/>
      <c r="ID32" s="61">
        <v>1</v>
      </c>
      <c r="IE32" s="61">
        <v>0</v>
      </c>
      <c r="IF32" s="61">
        <v>0</v>
      </c>
      <c r="IG32" s="61">
        <v>1</v>
      </c>
      <c r="IH32" s="61">
        <v>0</v>
      </c>
      <c r="II32" s="62">
        <v>2</v>
      </c>
      <c r="IJ32" s="63">
        <v>4</v>
      </c>
      <c r="IK32" s="60">
        <v>0</v>
      </c>
      <c r="IL32" s="61">
        <v>2</v>
      </c>
      <c r="IM32" s="62">
        <v>2</v>
      </c>
      <c r="IN32" s="228"/>
      <c r="IO32" s="61">
        <v>5</v>
      </c>
      <c r="IP32" s="61">
        <v>0</v>
      </c>
      <c r="IQ32" s="61">
        <v>1</v>
      </c>
      <c r="IR32" s="61">
        <v>3</v>
      </c>
      <c r="IS32" s="61">
        <v>0</v>
      </c>
      <c r="IT32" s="62">
        <v>9</v>
      </c>
      <c r="IU32" s="63">
        <v>11</v>
      </c>
      <c r="IV32" s="60">
        <v>0</v>
      </c>
      <c r="IW32" s="61">
        <v>2</v>
      </c>
      <c r="IX32" s="62">
        <v>2</v>
      </c>
      <c r="IY32" s="228"/>
      <c r="IZ32" s="61">
        <v>2</v>
      </c>
      <c r="JA32" s="61">
        <v>1</v>
      </c>
      <c r="JB32" s="61">
        <v>0</v>
      </c>
      <c r="JC32" s="61">
        <v>0</v>
      </c>
      <c r="JD32" s="61">
        <v>0</v>
      </c>
      <c r="JE32" s="62">
        <v>3</v>
      </c>
      <c r="JF32" s="63">
        <v>5</v>
      </c>
      <c r="JG32" s="60">
        <v>1</v>
      </c>
      <c r="JH32" s="61">
        <v>1</v>
      </c>
      <c r="JI32" s="62">
        <v>2</v>
      </c>
      <c r="JJ32" s="228"/>
      <c r="JK32" s="61">
        <v>4</v>
      </c>
      <c r="JL32" s="61">
        <v>4</v>
      </c>
      <c r="JM32" s="61">
        <v>1</v>
      </c>
      <c r="JN32" s="61">
        <v>2</v>
      </c>
      <c r="JO32" s="61">
        <v>1</v>
      </c>
      <c r="JP32" s="62">
        <v>12</v>
      </c>
      <c r="JQ32" s="63">
        <v>14</v>
      </c>
      <c r="JR32" s="60">
        <v>0</v>
      </c>
      <c r="JS32" s="61">
        <v>0</v>
      </c>
      <c r="JT32" s="62">
        <v>0</v>
      </c>
      <c r="JU32" s="228"/>
      <c r="JV32" s="61">
        <v>0</v>
      </c>
      <c r="JW32" s="61">
        <v>0</v>
      </c>
      <c r="JX32" s="61">
        <v>0</v>
      </c>
      <c r="JY32" s="61">
        <v>0</v>
      </c>
      <c r="JZ32" s="61">
        <v>0</v>
      </c>
      <c r="KA32" s="62">
        <v>0</v>
      </c>
      <c r="KB32" s="63">
        <v>0</v>
      </c>
      <c r="KC32" s="60">
        <v>2</v>
      </c>
      <c r="KD32" s="61">
        <v>7</v>
      </c>
      <c r="KE32" s="62">
        <v>9</v>
      </c>
      <c r="KF32" s="228"/>
      <c r="KG32" s="61">
        <v>12</v>
      </c>
      <c r="KH32" s="61">
        <v>6</v>
      </c>
      <c r="KI32" s="61">
        <v>3</v>
      </c>
      <c r="KJ32" s="61">
        <v>6</v>
      </c>
      <c r="KK32" s="61">
        <v>1</v>
      </c>
      <c r="KL32" s="62">
        <v>28</v>
      </c>
      <c r="KM32" s="63">
        <v>37</v>
      </c>
    </row>
    <row r="33" spans="2:299" ht="21" customHeight="1" x14ac:dyDescent="0.2">
      <c r="B33" s="472" t="s">
        <v>30</v>
      </c>
      <c r="C33" s="293">
        <v>1</v>
      </c>
      <c r="D33" s="72">
        <v>1</v>
      </c>
      <c r="E33" s="73">
        <v>2</v>
      </c>
      <c r="F33" s="228"/>
      <c r="G33" s="72">
        <v>7</v>
      </c>
      <c r="H33" s="72">
        <v>3</v>
      </c>
      <c r="I33" s="72">
        <v>4</v>
      </c>
      <c r="J33" s="72">
        <v>3</v>
      </c>
      <c r="K33" s="72">
        <v>1</v>
      </c>
      <c r="L33" s="74">
        <v>18</v>
      </c>
      <c r="M33" s="75">
        <v>20</v>
      </c>
      <c r="N33" s="60">
        <v>0</v>
      </c>
      <c r="O33" s="61">
        <v>0</v>
      </c>
      <c r="P33" s="62">
        <v>0</v>
      </c>
      <c r="Q33" s="228"/>
      <c r="R33" s="61">
        <v>0</v>
      </c>
      <c r="S33" s="61">
        <v>0</v>
      </c>
      <c r="T33" s="61">
        <v>0</v>
      </c>
      <c r="U33" s="61">
        <v>0</v>
      </c>
      <c r="V33" s="61">
        <v>0</v>
      </c>
      <c r="W33" s="62">
        <v>0</v>
      </c>
      <c r="X33" s="63">
        <v>0</v>
      </c>
      <c r="Y33" s="60">
        <v>0</v>
      </c>
      <c r="Z33" s="61">
        <v>0</v>
      </c>
      <c r="AA33" s="62">
        <v>0</v>
      </c>
      <c r="AB33" s="228"/>
      <c r="AC33" s="61">
        <v>0</v>
      </c>
      <c r="AD33" s="61">
        <v>0</v>
      </c>
      <c r="AE33" s="61">
        <v>1</v>
      </c>
      <c r="AF33" s="61">
        <v>0</v>
      </c>
      <c r="AG33" s="61">
        <v>0</v>
      </c>
      <c r="AH33" s="62">
        <v>1</v>
      </c>
      <c r="AI33" s="63">
        <v>1</v>
      </c>
      <c r="AJ33" s="60">
        <v>0</v>
      </c>
      <c r="AK33" s="61">
        <v>0</v>
      </c>
      <c r="AL33" s="62">
        <v>0</v>
      </c>
      <c r="AM33" s="228"/>
      <c r="AN33" s="61">
        <v>1</v>
      </c>
      <c r="AO33" s="61">
        <v>0</v>
      </c>
      <c r="AP33" s="61">
        <v>0</v>
      </c>
      <c r="AQ33" s="61">
        <v>0</v>
      </c>
      <c r="AR33" s="61">
        <v>0</v>
      </c>
      <c r="AS33" s="62">
        <v>1</v>
      </c>
      <c r="AT33" s="63">
        <v>1</v>
      </c>
      <c r="AU33" s="60">
        <v>0</v>
      </c>
      <c r="AV33" s="61">
        <v>0</v>
      </c>
      <c r="AW33" s="62">
        <v>0</v>
      </c>
      <c r="AX33" s="228"/>
      <c r="AY33" s="61">
        <v>2</v>
      </c>
      <c r="AZ33" s="61">
        <v>1</v>
      </c>
      <c r="BA33" s="61">
        <v>0</v>
      </c>
      <c r="BB33" s="61">
        <v>1</v>
      </c>
      <c r="BC33" s="61">
        <v>0</v>
      </c>
      <c r="BD33" s="62">
        <v>4</v>
      </c>
      <c r="BE33" s="63">
        <v>4</v>
      </c>
      <c r="BF33" s="60">
        <v>0</v>
      </c>
      <c r="BG33" s="61">
        <v>0</v>
      </c>
      <c r="BH33" s="62">
        <v>0</v>
      </c>
      <c r="BI33" s="228"/>
      <c r="BJ33" s="61">
        <v>1</v>
      </c>
      <c r="BK33" s="61">
        <v>0</v>
      </c>
      <c r="BL33" s="61">
        <v>3</v>
      </c>
      <c r="BM33" s="61">
        <v>1</v>
      </c>
      <c r="BN33" s="61">
        <v>1</v>
      </c>
      <c r="BO33" s="62">
        <v>6</v>
      </c>
      <c r="BP33" s="63">
        <v>6</v>
      </c>
      <c r="BQ33" s="60">
        <v>1</v>
      </c>
      <c r="BR33" s="61">
        <v>1</v>
      </c>
      <c r="BS33" s="62">
        <v>2</v>
      </c>
      <c r="BT33" s="228"/>
      <c r="BU33" s="61">
        <v>3</v>
      </c>
      <c r="BV33" s="61">
        <v>2</v>
      </c>
      <c r="BW33" s="61">
        <v>0</v>
      </c>
      <c r="BX33" s="61">
        <v>1</v>
      </c>
      <c r="BY33" s="61">
        <v>0</v>
      </c>
      <c r="BZ33" s="62">
        <v>6</v>
      </c>
      <c r="CA33" s="63">
        <v>8</v>
      </c>
      <c r="CB33" s="60">
        <v>0</v>
      </c>
      <c r="CC33" s="61">
        <v>0</v>
      </c>
      <c r="CD33" s="62">
        <v>0</v>
      </c>
      <c r="CE33" s="228"/>
      <c r="CF33" s="61">
        <v>0</v>
      </c>
      <c r="CG33" s="61">
        <v>0</v>
      </c>
      <c r="CH33" s="61">
        <v>0</v>
      </c>
      <c r="CI33" s="61">
        <v>0</v>
      </c>
      <c r="CJ33" s="61">
        <v>0</v>
      </c>
      <c r="CK33" s="62">
        <v>0</v>
      </c>
      <c r="CL33" s="63">
        <v>0</v>
      </c>
      <c r="CM33" s="60">
        <v>1</v>
      </c>
      <c r="CN33" s="61">
        <v>1</v>
      </c>
      <c r="CO33" s="62">
        <v>2</v>
      </c>
      <c r="CP33" s="228"/>
      <c r="CQ33" s="61">
        <v>7</v>
      </c>
      <c r="CR33" s="61">
        <v>3</v>
      </c>
      <c r="CS33" s="61">
        <v>4</v>
      </c>
      <c r="CT33" s="61">
        <v>3</v>
      </c>
      <c r="CU33" s="61">
        <v>1</v>
      </c>
      <c r="CV33" s="62">
        <v>18</v>
      </c>
      <c r="CW33" s="63">
        <v>20</v>
      </c>
      <c r="CX33" s="113">
        <v>0</v>
      </c>
      <c r="CY33" s="72">
        <v>2</v>
      </c>
      <c r="CZ33" s="73">
        <v>2</v>
      </c>
      <c r="DA33" s="228"/>
      <c r="DB33" s="72">
        <v>3</v>
      </c>
      <c r="DC33" s="72">
        <v>2</v>
      </c>
      <c r="DD33" s="72">
        <v>1</v>
      </c>
      <c r="DE33" s="72">
        <v>0</v>
      </c>
      <c r="DF33" s="72">
        <v>0</v>
      </c>
      <c r="DG33" s="74">
        <v>6</v>
      </c>
      <c r="DH33" s="75">
        <v>8</v>
      </c>
      <c r="DI33" s="60">
        <v>0</v>
      </c>
      <c r="DJ33" s="61">
        <v>0</v>
      </c>
      <c r="DK33" s="62">
        <v>0</v>
      </c>
      <c r="DL33" s="228"/>
      <c r="DM33" s="61">
        <v>0</v>
      </c>
      <c r="DN33" s="61">
        <v>0</v>
      </c>
      <c r="DO33" s="61">
        <v>0</v>
      </c>
      <c r="DP33" s="61">
        <v>0</v>
      </c>
      <c r="DQ33" s="61">
        <v>0</v>
      </c>
      <c r="DR33" s="62">
        <v>0</v>
      </c>
      <c r="DS33" s="63">
        <v>0</v>
      </c>
      <c r="DT33" s="60">
        <v>0</v>
      </c>
      <c r="DU33" s="61">
        <v>0</v>
      </c>
      <c r="DV33" s="62">
        <v>0</v>
      </c>
      <c r="DW33" s="228"/>
      <c r="DX33" s="61">
        <v>0</v>
      </c>
      <c r="DY33" s="61">
        <v>0</v>
      </c>
      <c r="DZ33" s="61">
        <v>1</v>
      </c>
      <c r="EA33" s="61">
        <v>0</v>
      </c>
      <c r="EB33" s="61">
        <v>0</v>
      </c>
      <c r="EC33" s="62">
        <v>1</v>
      </c>
      <c r="ED33" s="63">
        <v>1</v>
      </c>
      <c r="EE33" s="60">
        <v>0</v>
      </c>
      <c r="EF33" s="61">
        <v>0</v>
      </c>
      <c r="EG33" s="62">
        <v>0</v>
      </c>
      <c r="EH33" s="228"/>
      <c r="EI33" s="61">
        <v>0</v>
      </c>
      <c r="EJ33" s="61">
        <v>0</v>
      </c>
      <c r="EK33" s="61">
        <v>0</v>
      </c>
      <c r="EL33" s="61">
        <v>0</v>
      </c>
      <c r="EM33" s="61">
        <v>0</v>
      </c>
      <c r="EN33" s="62">
        <v>0</v>
      </c>
      <c r="EO33" s="63">
        <v>0</v>
      </c>
      <c r="EP33" s="60">
        <v>0</v>
      </c>
      <c r="EQ33" s="61">
        <v>1</v>
      </c>
      <c r="ER33" s="62">
        <v>1</v>
      </c>
      <c r="ES33" s="228"/>
      <c r="ET33" s="61">
        <v>0</v>
      </c>
      <c r="EU33" s="61">
        <v>0</v>
      </c>
      <c r="EV33" s="61">
        <v>0</v>
      </c>
      <c r="EW33" s="61">
        <v>0</v>
      </c>
      <c r="EX33" s="61">
        <v>0</v>
      </c>
      <c r="EY33" s="62">
        <v>0</v>
      </c>
      <c r="EZ33" s="63">
        <v>1</v>
      </c>
      <c r="FA33" s="60">
        <v>0</v>
      </c>
      <c r="FB33" s="61">
        <v>0</v>
      </c>
      <c r="FC33" s="62">
        <v>0</v>
      </c>
      <c r="FD33" s="228"/>
      <c r="FE33" s="61">
        <v>3</v>
      </c>
      <c r="FF33" s="61">
        <v>0</v>
      </c>
      <c r="FG33" s="61">
        <v>0</v>
      </c>
      <c r="FH33" s="61">
        <v>0</v>
      </c>
      <c r="FI33" s="61">
        <v>0</v>
      </c>
      <c r="FJ33" s="62">
        <v>3</v>
      </c>
      <c r="FK33" s="63">
        <v>3</v>
      </c>
      <c r="FL33" s="60">
        <v>0</v>
      </c>
      <c r="FM33" s="61">
        <v>1</v>
      </c>
      <c r="FN33" s="62">
        <v>1</v>
      </c>
      <c r="FO33" s="228"/>
      <c r="FP33" s="61">
        <v>0</v>
      </c>
      <c r="FQ33" s="61">
        <v>2</v>
      </c>
      <c r="FR33" s="61">
        <v>0</v>
      </c>
      <c r="FS33" s="61">
        <v>0</v>
      </c>
      <c r="FT33" s="61">
        <v>0</v>
      </c>
      <c r="FU33" s="62">
        <v>2</v>
      </c>
      <c r="FV33" s="63">
        <v>3</v>
      </c>
      <c r="FW33" s="60">
        <v>0</v>
      </c>
      <c r="FX33" s="61">
        <v>0</v>
      </c>
      <c r="FY33" s="62">
        <v>0</v>
      </c>
      <c r="FZ33" s="228"/>
      <c r="GA33" s="61">
        <v>0</v>
      </c>
      <c r="GB33" s="61">
        <v>0</v>
      </c>
      <c r="GC33" s="61">
        <v>0</v>
      </c>
      <c r="GD33" s="61">
        <v>0</v>
      </c>
      <c r="GE33" s="61">
        <v>0</v>
      </c>
      <c r="GF33" s="62">
        <v>0</v>
      </c>
      <c r="GG33" s="63">
        <v>0</v>
      </c>
      <c r="GH33" s="60">
        <v>0</v>
      </c>
      <c r="GI33" s="61">
        <v>2</v>
      </c>
      <c r="GJ33" s="62">
        <v>2</v>
      </c>
      <c r="GK33" s="228"/>
      <c r="GL33" s="61">
        <v>3</v>
      </c>
      <c r="GM33" s="61">
        <v>2</v>
      </c>
      <c r="GN33" s="61">
        <v>1</v>
      </c>
      <c r="GO33" s="61">
        <v>0</v>
      </c>
      <c r="GP33" s="61">
        <v>0</v>
      </c>
      <c r="GQ33" s="62">
        <v>6</v>
      </c>
      <c r="GR33" s="63">
        <v>8</v>
      </c>
      <c r="GS33" s="113">
        <v>1</v>
      </c>
      <c r="GT33" s="72">
        <v>3</v>
      </c>
      <c r="GU33" s="73">
        <v>4</v>
      </c>
      <c r="GV33" s="228"/>
      <c r="GW33" s="72">
        <v>10</v>
      </c>
      <c r="GX33" s="72">
        <v>5</v>
      </c>
      <c r="GY33" s="72">
        <v>5</v>
      </c>
      <c r="GZ33" s="72">
        <v>3</v>
      </c>
      <c r="HA33" s="72">
        <v>1</v>
      </c>
      <c r="HB33" s="74">
        <v>24</v>
      </c>
      <c r="HC33" s="75">
        <v>28</v>
      </c>
      <c r="HD33" s="60">
        <v>0</v>
      </c>
      <c r="HE33" s="61">
        <v>0</v>
      </c>
      <c r="HF33" s="62">
        <v>0</v>
      </c>
      <c r="HG33" s="228"/>
      <c r="HH33" s="61">
        <v>0</v>
      </c>
      <c r="HI33" s="61">
        <v>0</v>
      </c>
      <c r="HJ33" s="61">
        <v>0</v>
      </c>
      <c r="HK33" s="61">
        <v>0</v>
      </c>
      <c r="HL33" s="61">
        <v>0</v>
      </c>
      <c r="HM33" s="62">
        <v>0</v>
      </c>
      <c r="HN33" s="63">
        <v>0</v>
      </c>
      <c r="HO33" s="60">
        <v>0</v>
      </c>
      <c r="HP33" s="61">
        <v>0</v>
      </c>
      <c r="HQ33" s="62">
        <v>0</v>
      </c>
      <c r="HR33" s="228"/>
      <c r="HS33" s="61">
        <v>0</v>
      </c>
      <c r="HT33" s="61">
        <v>0</v>
      </c>
      <c r="HU33" s="61">
        <v>2</v>
      </c>
      <c r="HV33" s="61">
        <v>0</v>
      </c>
      <c r="HW33" s="61">
        <v>0</v>
      </c>
      <c r="HX33" s="62">
        <v>2</v>
      </c>
      <c r="HY33" s="63">
        <v>2</v>
      </c>
      <c r="HZ33" s="60">
        <v>0</v>
      </c>
      <c r="IA33" s="61">
        <v>0</v>
      </c>
      <c r="IB33" s="62">
        <v>0</v>
      </c>
      <c r="IC33" s="228"/>
      <c r="ID33" s="61">
        <v>1</v>
      </c>
      <c r="IE33" s="61">
        <v>0</v>
      </c>
      <c r="IF33" s="61">
        <v>0</v>
      </c>
      <c r="IG33" s="61">
        <v>0</v>
      </c>
      <c r="IH33" s="61">
        <v>0</v>
      </c>
      <c r="II33" s="62">
        <v>1</v>
      </c>
      <c r="IJ33" s="63">
        <v>1</v>
      </c>
      <c r="IK33" s="60">
        <v>0</v>
      </c>
      <c r="IL33" s="61">
        <v>1</v>
      </c>
      <c r="IM33" s="62">
        <v>1</v>
      </c>
      <c r="IN33" s="228"/>
      <c r="IO33" s="61">
        <v>2</v>
      </c>
      <c r="IP33" s="61">
        <v>1</v>
      </c>
      <c r="IQ33" s="61">
        <v>0</v>
      </c>
      <c r="IR33" s="61">
        <v>1</v>
      </c>
      <c r="IS33" s="61">
        <v>0</v>
      </c>
      <c r="IT33" s="62">
        <v>4</v>
      </c>
      <c r="IU33" s="63">
        <v>5</v>
      </c>
      <c r="IV33" s="60">
        <v>0</v>
      </c>
      <c r="IW33" s="61">
        <v>0</v>
      </c>
      <c r="IX33" s="62">
        <v>0</v>
      </c>
      <c r="IY33" s="228"/>
      <c r="IZ33" s="61">
        <v>4</v>
      </c>
      <c r="JA33" s="61">
        <v>0</v>
      </c>
      <c r="JB33" s="61">
        <v>3</v>
      </c>
      <c r="JC33" s="61">
        <v>1</v>
      </c>
      <c r="JD33" s="61">
        <v>1</v>
      </c>
      <c r="JE33" s="62">
        <v>9</v>
      </c>
      <c r="JF33" s="63">
        <v>9</v>
      </c>
      <c r="JG33" s="60">
        <v>1</v>
      </c>
      <c r="JH33" s="61">
        <v>2</v>
      </c>
      <c r="JI33" s="62">
        <v>3</v>
      </c>
      <c r="JJ33" s="228"/>
      <c r="JK33" s="61">
        <v>3</v>
      </c>
      <c r="JL33" s="61">
        <v>4</v>
      </c>
      <c r="JM33" s="61">
        <v>0</v>
      </c>
      <c r="JN33" s="61">
        <v>1</v>
      </c>
      <c r="JO33" s="61">
        <v>0</v>
      </c>
      <c r="JP33" s="62">
        <v>8</v>
      </c>
      <c r="JQ33" s="63">
        <v>11</v>
      </c>
      <c r="JR33" s="60">
        <v>0</v>
      </c>
      <c r="JS33" s="61">
        <v>0</v>
      </c>
      <c r="JT33" s="62">
        <v>0</v>
      </c>
      <c r="JU33" s="228"/>
      <c r="JV33" s="61">
        <v>0</v>
      </c>
      <c r="JW33" s="61">
        <v>0</v>
      </c>
      <c r="JX33" s="61">
        <v>0</v>
      </c>
      <c r="JY33" s="61">
        <v>0</v>
      </c>
      <c r="JZ33" s="61">
        <v>0</v>
      </c>
      <c r="KA33" s="62">
        <v>0</v>
      </c>
      <c r="KB33" s="63">
        <v>0</v>
      </c>
      <c r="KC33" s="60">
        <v>1</v>
      </c>
      <c r="KD33" s="61">
        <v>3</v>
      </c>
      <c r="KE33" s="62">
        <v>4</v>
      </c>
      <c r="KF33" s="228"/>
      <c r="KG33" s="61">
        <v>10</v>
      </c>
      <c r="KH33" s="61">
        <v>5</v>
      </c>
      <c r="KI33" s="61">
        <v>5</v>
      </c>
      <c r="KJ33" s="61">
        <v>3</v>
      </c>
      <c r="KK33" s="61">
        <v>1</v>
      </c>
      <c r="KL33" s="62">
        <v>24</v>
      </c>
      <c r="KM33" s="63">
        <v>28</v>
      </c>
    </row>
    <row r="34" spans="2:299" ht="21" customHeight="1" x14ac:dyDescent="0.2">
      <c r="B34" s="472" t="s">
        <v>31</v>
      </c>
      <c r="C34" s="293">
        <v>4</v>
      </c>
      <c r="D34" s="72">
        <v>4</v>
      </c>
      <c r="E34" s="73">
        <v>8</v>
      </c>
      <c r="F34" s="228"/>
      <c r="G34" s="72">
        <v>8</v>
      </c>
      <c r="H34" s="72">
        <v>7</v>
      </c>
      <c r="I34" s="72">
        <v>5</v>
      </c>
      <c r="J34" s="72">
        <v>2</v>
      </c>
      <c r="K34" s="72">
        <v>4</v>
      </c>
      <c r="L34" s="74">
        <v>26</v>
      </c>
      <c r="M34" s="75">
        <v>34</v>
      </c>
      <c r="N34" s="60">
        <v>0</v>
      </c>
      <c r="O34" s="61">
        <v>0</v>
      </c>
      <c r="P34" s="62">
        <v>0</v>
      </c>
      <c r="Q34" s="228"/>
      <c r="R34" s="61">
        <v>0</v>
      </c>
      <c r="S34" s="61">
        <v>1</v>
      </c>
      <c r="T34" s="61">
        <v>0</v>
      </c>
      <c r="U34" s="61">
        <v>0</v>
      </c>
      <c r="V34" s="61">
        <v>0</v>
      </c>
      <c r="W34" s="62">
        <v>1</v>
      </c>
      <c r="X34" s="63">
        <v>1</v>
      </c>
      <c r="Y34" s="60">
        <v>1</v>
      </c>
      <c r="Z34" s="61">
        <v>1</v>
      </c>
      <c r="AA34" s="62">
        <v>2</v>
      </c>
      <c r="AB34" s="228"/>
      <c r="AC34" s="61">
        <v>2</v>
      </c>
      <c r="AD34" s="61">
        <v>0</v>
      </c>
      <c r="AE34" s="61">
        <v>2</v>
      </c>
      <c r="AF34" s="61">
        <v>1</v>
      </c>
      <c r="AG34" s="61">
        <v>2</v>
      </c>
      <c r="AH34" s="62">
        <v>7</v>
      </c>
      <c r="AI34" s="63">
        <v>9</v>
      </c>
      <c r="AJ34" s="60">
        <v>0</v>
      </c>
      <c r="AK34" s="61">
        <v>0</v>
      </c>
      <c r="AL34" s="62">
        <v>0</v>
      </c>
      <c r="AM34" s="228"/>
      <c r="AN34" s="61">
        <v>1</v>
      </c>
      <c r="AO34" s="61">
        <v>1</v>
      </c>
      <c r="AP34" s="61">
        <v>1</v>
      </c>
      <c r="AQ34" s="61">
        <v>1</v>
      </c>
      <c r="AR34" s="61">
        <v>0</v>
      </c>
      <c r="AS34" s="62">
        <v>4</v>
      </c>
      <c r="AT34" s="63">
        <v>4</v>
      </c>
      <c r="AU34" s="60">
        <v>2</v>
      </c>
      <c r="AV34" s="61">
        <v>1</v>
      </c>
      <c r="AW34" s="62">
        <v>3</v>
      </c>
      <c r="AX34" s="228"/>
      <c r="AY34" s="61">
        <v>0</v>
      </c>
      <c r="AZ34" s="61">
        <v>0</v>
      </c>
      <c r="BA34" s="61">
        <v>0</v>
      </c>
      <c r="BB34" s="61">
        <v>0</v>
      </c>
      <c r="BC34" s="61">
        <v>0</v>
      </c>
      <c r="BD34" s="62">
        <v>0</v>
      </c>
      <c r="BE34" s="63">
        <v>3</v>
      </c>
      <c r="BF34" s="60">
        <v>0</v>
      </c>
      <c r="BG34" s="61">
        <v>1</v>
      </c>
      <c r="BH34" s="62">
        <v>1</v>
      </c>
      <c r="BI34" s="228"/>
      <c r="BJ34" s="61">
        <v>2</v>
      </c>
      <c r="BK34" s="61">
        <v>2</v>
      </c>
      <c r="BL34" s="61">
        <v>0</v>
      </c>
      <c r="BM34" s="61">
        <v>0</v>
      </c>
      <c r="BN34" s="61">
        <v>1</v>
      </c>
      <c r="BO34" s="62">
        <v>5</v>
      </c>
      <c r="BP34" s="63">
        <v>6</v>
      </c>
      <c r="BQ34" s="60">
        <v>1</v>
      </c>
      <c r="BR34" s="61">
        <v>1</v>
      </c>
      <c r="BS34" s="62">
        <v>2</v>
      </c>
      <c r="BT34" s="228"/>
      <c r="BU34" s="61">
        <v>3</v>
      </c>
      <c r="BV34" s="61">
        <v>3</v>
      </c>
      <c r="BW34" s="61">
        <v>2</v>
      </c>
      <c r="BX34" s="61">
        <v>0</v>
      </c>
      <c r="BY34" s="61">
        <v>1</v>
      </c>
      <c r="BZ34" s="62">
        <v>9</v>
      </c>
      <c r="CA34" s="63">
        <v>11</v>
      </c>
      <c r="CB34" s="60">
        <v>0</v>
      </c>
      <c r="CC34" s="61">
        <v>0</v>
      </c>
      <c r="CD34" s="62">
        <v>0</v>
      </c>
      <c r="CE34" s="228"/>
      <c r="CF34" s="61">
        <v>0</v>
      </c>
      <c r="CG34" s="61">
        <v>0</v>
      </c>
      <c r="CH34" s="61">
        <v>0</v>
      </c>
      <c r="CI34" s="61">
        <v>0</v>
      </c>
      <c r="CJ34" s="61">
        <v>0</v>
      </c>
      <c r="CK34" s="62">
        <v>0</v>
      </c>
      <c r="CL34" s="63">
        <v>0</v>
      </c>
      <c r="CM34" s="60">
        <v>4</v>
      </c>
      <c r="CN34" s="61">
        <v>4</v>
      </c>
      <c r="CO34" s="62">
        <v>8</v>
      </c>
      <c r="CP34" s="228"/>
      <c r="CQ34" s="61">
        <v>8</v>
      </c>
      <c r="CR34" s="61">
        <v>7</v>
      </c>
      <c r="CS34" s="61">
        <v>5</v>
      </c>
      <c r="CT34" s="61">
        <v>2</v>
      </c>
      <c r="CU34" s="61">
        <v>4</v>
      </c>
      <c r="CV34" s="62">
        <v>26</v>
      </c>
      <c r="CW34" s="63">
        <v>34</v>
      </c>
      <c r="CX34" s="113">
        <v>1</v>
      </c>
      <c r="CY34" s="72">
        <v>1</v>
      </c>
      <c r="CZ34" s="73">
        <v>2</v>
      </c>
      <c r="DA34" s="228"/>
      <c r="DB34" s="72">
        <v>2</v>
      </c>
      <c r="DC34" s="72">
        <v>1</v>
      </c>
      <c r="DD34" s="72">
        <v>2</v>
      </c>
      <c r="DE34" s="72">
        <v>2</v>
      </c>
      <c r="DF34" s="72">
        <v>0</v>
      </c>
      <c r="DG34" s="74">
        <v>7</v>
      </c>
      <c r="DH34" s="75">
        <v>9</v>
      </c>
      <c r="DI34" s="60">
        <v>0</v>
      </c>
      <c r="DJ34" s="61">
        <v>0</v>
      </c>
      <c r="DK34" s="62">
        <v>0</v>
      </c>
      <c r="DL34" s="228"/>
      <c r="DM34" s="61">
        <v>0</v>
      </c>
      <c r="DN34" s="61">
        <v>0</v>
      </c>
      <c r="DO34" s="61">
        <v>0</v>
      </c>
      <c r="DP34" s="61">
        <v>0</v>
      </c>
      <c r="DQ34" s="61">
        <v>0</v>
      </c>
      <c r="DR34" s="62">
        <v>0</v>
      </c>
      <c r="DS34" s="63">
        <v>0</v>
      </c>
      <c r="DT34" s="60">
        <v>0</v>
      </c>
      <c r="DU34" s="61">
        <v>0</v>
      </c>
      <c r="DV34" s="62">
        <v>0</v>
      </c>
      <c r="DW34" s="228"/>
      <c r="DX34" s="61">
        <v>0</v>
      </c>
      <c r="DY34" s="61">
        <v>0</v>
      </c>
      <c r="DZ34" s="61">
        <v>0</v>
      </c>
      <c r="EA34" s="61">
        <v>0</v>
      </c>
      <c r="EB34" s="61">
        <v>0</v>
      </c>
      <c r="EC34" s="62">
        <v>0</v>
      </c>
      <c r="ED34" s="63">
        <v>0</v>
      </c>
      <c r="EE34" s="60">
        <v>0</v>
      </c>
      <c r="EF34" s="61">
        <v>0</v>
      </c>
      <c r="EG34" s="62">
        <v>0</v>
      </c>
      <c r="EH34" s="228"/>
      <c r="EI34" s="61">
        <v>0</v>
      </c>
      <c r="EJ34" s="61">
        <v>0</v>
      </c>
      <c r="EK34" s="61">
        <v>0</v>
      </c>
      <c r="EL34" s="61">
        <v>2</v>
      </c>
      <c r="EM34" s="61">
        <v>0</v>
      </c>
      <c r="EN34" s="62">
        <v>2</v>
      </c>
      <c r="EO34" s="63">
        <v>2</v>
      </c>
      <c r="EP34" s="60">
        <v>0</v>
      </c>
      <c r="EQ34" s="61">
        <v>0</v>
      </c>
      <c r="ER34" s="62">
        <v>0</v>
      </c>
      <c r="ES34" s="228"/>
      <c r="ET34" s="61">
        <v>1</v>
      </c>
      <c r="EU34" s="61">
        <v>0</v>
      </c>
      <c r="EV34" s="61">
        <v>1</v>
      </c>
      <c r="EW34" s="61">
        <v>0</v>
      </c>
      <c r="EX34" s="61">
        <v>0</v>
      </c>
      <c r="EY34" s="62">
        <v>2</v>
      </c>
      <c r="EZ34" s="63">
        <v>2</v>
      </c>
      <c r="FA34" s="60">
        <v>1</v>
      </c>
      <c r="FB34" s="61">
        <v>1</v>
      </c>
      <c r="FC34" s="62">
        <v>2</v>
      </c>
      <c r="FD34" s="228"/>
      <c r="FE34" s="61">
        <v>0</v>
      </c>
      <c r="FF34" s="61">
        <v>0</v>
      </c>
      <c r="FG34" s="61">
        <v>0</v>
      </c>
      <c r="FH34" s="61">
        <v>0</v>
      </c>
      <c r="FI34" s="61">
        <v>0</v>
      </c>
      <c r="FJ34" s="62">
        <v>0</v>
      </c>
      <c r="FK34" s="63">
        <v>2</v>
      </c>
      <c r="FL34" s="60">
        <v>0</v>
      </c>
      <c r="FM34" s="61">
        <v>0</v>
      </c>
      <c r="FN34" s="62">
        <v>0</v>
      </c>
      <c r="FO34" s="228"/>
      <c r="FP34" s="61">
        <v>1</v>
      </c>
      <c r="FQ34" s="61">
        <v>1</v>
      </c>
      <c r="FR34" s="61">
        <v>1</v>
      </c>
      <c r="FS34" s="61">
        <v>0</v>
      </c>
      <c r="FT34" s="61">
        <v>0</v>
      </c>
      <c r="FU34" s="62">
        <v>3</v>
      </c>
      <c r="FV34" s="63">
        <v>3</v>
      </c>
      <c r="FW34" s="60">
        <v>0</v>
      </c>
      <c r="FX34" s="61">
        <v>0</v>
      </c>
      <c r="FY34" s="62">
        <v>0</v>
      </c>
      <c r="FZ34" s="228"/>
      <c r="GA34" s="61">
        <v>0</v>
      </c>
      <c r="GB34" s="61">
        <v>0</v>
      </c>
      <c r="GC34" s="61">
        <v>0</v>
      </c>
      <c r="GD34" s="61">
        <v>0</v>
      </c>
      <c r="GE34" s="61">
        <v>0</v>
      </c>
      <c r="GF34" s="62">
        <v>0</v>
      </c>
      <c r="GG34" s="63">
        <v>0</v>
      </c>
      <c r="GH34" s="60">
        <v>1</v>
      </c>
      <c r="GI34" s="61">
        <v>1</v>
      </c>
      <c r="GJ34" s="62">
        <v>2</v>
      </c>
      <c r="GK34" s="228"/>
      <c r="GL34" s="61">
        <v>2</v>
      </c>
      <c r="GM34" s="61">
        <v>1</v>
      </c>
      <c r="GN34" s="61">
        <v>2</v>
      </c>
      <c r="GO34" s="61">
        <v>2</v>
      </c>
      <c r="GP34" s="61">
        <v>0</v>
      </c>
      <c r="GQ34" s="62">
        <v>7</v>
      </c>
      <c r="GR34" s="63">
        <v>9</v>
      </c>
      <c r="GS34" s="113">
        <v>5</v>
      </c>
      <c r="GT34" s="72">
        <v>5</v>
      </c>
      <c r="GU34" s="73">
        <v>10</v>
      </c>
      <c r="GV34" s="228"/>
      <c r="GW34" s="72">
        <v>10</v>
      </c>
      <c r="GX34" s="72">
        <v>8</v>
      </c>
      <c r="GY34" s="72">
        <v>7</v>
      </c>
      <c r="GZ34" s="72">
        <v>4</v>
      </c>
      <c r="HA34" s="72">
        <v>4</v>
      </c>
      <c r="HB34" s="74">
        <v>33</v>
      </c>
      <c r="HC34" s="75">
        <v>43</v>
      </c>
      <c r="HD34" s="60">
        <v>0</v>
      </c>
      <c r="HE34" s="61">
        <v>0</v>
      </c>
      <c r="HF34" s="62">
        <v>0</v>
      </c>
      <c r="HG34" s="228"/>
      <c r="HH34" s="61">
        <v>0</v>
      </c>
      <c r="HI34" s="61">
        <v>1</v>
      </c>
      <c r="HJ34" s="61">
        <v>0</v>
      </c>
      <c r="HK34" s="61">
        <v>0</v>
      </c>
      <c r="HL34" s="61">
        <v>0</v>
      </c>
      <c r="HM34" s="62">
        <v>1</v>
      </c>
      <c r="HN34" s="63">
        <v>1</v>
      </c>
      <c r="HO34" s="60">
        <v>1</v>
      </c>
      <c r="HP34" s="61">
        <v>1</v>
      </c>
      <c r="HQ34" s="62">
        <v>2</v>
      </c>
      <c r="HR34" s="228"/>
      <c r="HS34" s="61">
        <v>2</v>
      </c>
      <c r="HT34" s="61">
        <v>0</v>
      </c>
      <c r="HU34" s="61">
        <v>2</v>
      </c>
      <c r="HV34" s="61">
        <v>1</v>
      </c>
      <c r="HW34" s="61">
        <v>2</v>
      </c>
      <c r="HX34" s="62">
        <v>7</v>
      </c>
      <c r="HY34" s="63">
        <v>9</v>
      </c>
      <c r="HZ34" s="60">
        <v>0</v>
      </c>
      <c r="IA34" s="61">
        <v>0</v>
      </c>
      <c r="IB34" s="62">
        <v>0</v>
      </c>
      <c r="IC34" s="228"/>
      <c r="ID34" s="61">
        <v>1</v>
      </c>
      <c r="IE34" s="61">
        <v>1</v>
      </c>
      <c r="IF34" s="61">
        <v>1</v>
      </c>
      <c r="IG34" s="61">
        <v>3</v>
      </c>
      <c r="IH34" s="61">
        <v>0</v>
      </c>
      <c r="II34" s="62">
        <v>6</v>
      </c>
      <c r="IJ34" s="63">
        <v>6</v>
      </c>
      <c r="IK34" s="60">
        <v>2</v>
      </c>
      <c r="IL34" s="61">
        <v>1</v>
      </c>
      <c r="IM34" s="62">
        <v>3</v>
      </c>
      <c r="IN34" s="228"/>
      <c r="IO34" s="61">
        <v>1</v>
      </c>
      <c r="IP34" s="61">
        <v>0</v>
      </c>
      <c r="IQ34" s="61">
        <v>1</v>
      </c>
      <c r="IR34" s="61">
        <v>0</v>
      </c>
      <c r="IS34" s="61">
        <v>0</v>
      </c>
      <c r="IT34" s="62">
        <v>2</v>
      </c>
      <c r="IU34" s="63">
        <v>5</v>
      </c>
      <c r="IV34" s="60">
        <v>1</v>
      </c>
      <c r="IW34" s="61">
        <v>2</v>
      </c>
      <c r="IX34" s="62">
        <v>3</v>
      </c>
      <c r="IY34" s="228"/>
      <c r="IZ34" s="61">
        <v>2</v>
      </c>
      <c r="JA34" s="61">
        <v>2</v>
      </c>
      <c r="JB34" s="61">
        <v>0</v>
      </c>
      <c r="JC34" s="61">
        <v>0</v>
      </c>
      <c r="JD34" s="61">
        <v>1</v>
      </c>
      <c r="JE34" s="62">
        <v>5</v>
      </c>
      <c r="JF34" s="63">
        <v>8</v>
      </c>
      <c r="JG34" s="60">
        <v>1</v>
      </c>
      <c r="JH34" s="61">
        <v>1</v>
      </c>
      <c r="JI34" s="62">
        <v>2</v>
      </c>
      <c r="JJ34" s="228"/>
      <c r="JK34" s="61">
        <v>4</v>
      </c>
      <c r="JL34" s="61">
        <v>4</v>
      </c>
      <c r="JM34" s="61">
        <v>3</v>
      </c>
      <c r="JN34" s="61">
        <v>0</v>
      </c>
      <c r="JO34" s="61">
        <v>1</v>
      </c>
      <c r="JP34" s="62">
        <v>12</v>
      </c>
      <c r="JQ34" s="63">
        <v>14</v>
      </c>
      <c r="JR34" s="60">
        <v>0</v>
      </c>
      <c r="JS34" s="61">
        <v>0</v>
      </c>
      <c r="JT34" s="62">
        <v>0</v>
      </c>
      <c r="JU34" s="228"/>
      <c r="JV34" s="61">
        <v>0</v>
      </c>
      <c r="JW34" s="61">
        <v>0</v>
      </c>
      <c r="JX34" s="61">
        <v>0</v>
      </c>
      <c r="JY34" s="61">
        <v>0</v>
      </c>
      <c r="JZ34" s="61">
        <v>0</v>
      </c>
      <c r="KA34" s="62">
        <v>0</v>
      </c>
      <c r="KB34" s="63">
        <v>0</v>
      </c>
      <c r="KC34" s="60">
        <v>5</v>
      </c>
      <c r="KD34" s="61">
        <v>5</v>
      </c>
      <c r="KE34" s="62">
        <v>10</v>
      </c>
      <c r="KF34" s="228"/>
      <c r="KG34" s="61">
        <v>10</v>
      </c>
      <c r="KH34" s="61">
        <v>8</v>
      </c>
      <c r="KI34" s="61">
        <v>7</v>
      </c>
      <c r="KJ34" s="61">
        <v>4</v>
      </c>
      <c r="KK34" s="61">
        <v>4</v>
      </c>
      <c r="KL34" s="62">
        <v>33</v>
      </c>
      <c r="KM34" s="63">
        <v>43</v>
      </c>
    </row>
    <row r="35" spans="2:299" ht="21" customHeight="1" x14ac:dyDescent="0.2">
      <c r="B35" s="472" t="s">
        <v>32</v>
      </c>
      <c r="C35" s="293">
        <v>3</v>
      </c>
      <c r="D35" s="72">
        <v>3</v>
      </c>
      <c r="E35" s="73">
        <v>6</v>
      </c>
      <c r="F35" s="228"/>
      <c r="G35" s="72">
        <v>12</v>
      </c>
      <c r="H35" s="72">
        <v>2</v>
      </c>
      <c r="I35" s="72">
        <v>5</v>
      </c>
      <c r="J35" s="72">
        <v>4</v>
      </c>
      <c r="K35" s="72">
        <v>7</v>
      </c>
      <c r="L35" s="74">
        <v>30</v>
      </c>
      <c r="M35" s="75">
        <v>36</v>
      </c>
      <c r="N35" s="60">
        <v>0</v>
      </c>
      <c r="O35" s="61">
        <v>0</v>
      </c>
      <c r="P35" s="62">
        <v>0</v>
      </c>
      <c r="Q35" s="228"/>
      <c r="R35" s="61">
        <v>0</v>
      </c>
      <c r="S35" s="61">
        <v>0</v>
      </c>
      <c r="T35" s="61">
        <v>0</v>
      </c>
      <c r="U35" s="61">
        <v>0</v>
      </c>
      <c r="V35" s="61">
        <v>0</v>
      </c>
      <c r="W35" s="62">
        <v>0</v>
      </c>
      <c r="X35" s="63">
        <v>0</v>
      </c>
      <c r="Y35" s="60">
        <v>2</v>
      </c>
      <c r="Z35" s="61">
        <v>0</v>
      </c>
      <c r="AA35" s="62">
        <v>2</v>
      </c>
      <c r="AB35" s="228"/>
      <c r="AC35" s="61">
        <v>1</v>
      </c>
      <c r="AD35" s="61">
        <v>1</v>
      </c>
      <c r="AE35" s="61">
        <v>0</v>
      </c>
      <c r="AF35" s="61">
        <v>1</v>
      </c>
      <c r="AG35" s="61">
        <v>2</v>
      </c>
      <c r="AH35" s="62">
        <v>5</v>
      </c>
      <c r="AI35" s="63">
        <v>7</v>
      </c>
      <c r="AJ35" s="60">
        <v>1</v>
      </c>
      <c r="AK35" s="61">
        <v>0</v>
      </c>
      <c r="AL35" s="62">
        <v>1</v>
      </c>
      <c r="AM35" s="228"/>
      <c r="AN35" s="61">
        <v>1</v>
      </c>
      <c r="AO35" s="61">
        <v>0</v>
      </c>
      <c r="AP35" s="61">
        <v>0</v>
      </c>
      <c r="AQ35" s="61">
        <v>0</v>
      </c>
      <c r="AR35" s="61">
        <v>2</v>
      </c>
      <c r="AS35" s="62">
        <v>3</v>
      </c>
      <c r="AT35" s="63">
        <v>4</v>
      </c>
      <c r="AU35" s="60">
        <v>0</v>
      </c>
      <c r="AV35" s="61">
        <v>1</v>
      </c>
      <c r="AW35" s="62">
        <v>1</v>
      </c>
      <c r="AX35" s="228"/>
      <c r="AY35" s="61">
        <v>6</v>
      </c>
      <c r="AZ35" s="61">
        <v>0</v>
      </c>
      <c r="BA35" s="61">
        <v>0</v>
      </c>
      <c r="BB35" s="61">
        <v>0</v>
      </c>
      <c r="BC35" s="61">
        <v>2</v>
      </c>
      <c r="BD35" s="62">
        <v>8</v>
      </c>
      <c r="BE35" s="63">
        <v>9</v>
      </c>
      <c r="BF35" s="60">
        <v>0</v>
      </c>
      <c r="BG35" s="61">
        <v>1</v>
      </c>
      <c r="BH35" s="62">
        <v>1</v>
      </c>
      <c r="BI35" s="228"/>
      <c r="BJ35" s="61">
        <v>3</v>
      </c>
      <c r="BK35" s="61">
        <v>1</v>
      </c>
      <c r="BL35" s="61">
        <v>3</v>
      </c>
      <c r="BM35" s="61">
        <v>1</v>
      </c>
      <c r="BN35" s="61">
        <v>1</v>
      </c>
      <c r="BO35" s="62">
        <v>9</v>
      </c>
      <c r="BP35" s="63">
        <v>10</v>
      </c>
      <c r="BQ35" s="60">
        <v>0</v>
      </c>
      <c r="BR35" s="61">
        <v>1</v>
      </c>
      <c r="BS35" s="62">
        <v>1</v>
      </c>
      <c r="BT35" s="228"/>
      <c r="BU35" s="61">
        <v>1</v>
      </c>
      <c r="BV35" s="61">
        <v>0</v>
      </c>
      <c r="BW35" s="61">
        <v>2</v>
      </c>
      <c r="BX35" s="61">
        <v>2</v>
      </c>
      <c r="BY35" s="61">
        <v>0</v>
      </c>
      <c r="BZ35" s="62">
        <v>5</v>
      </c>
      <c r="CA35" s="63">
        <v>6</v>
      </c>
      <c r="CB35" s="60">
        <v>0</v>
      </c>
      <c r="CC35" s="61">
        <v>0</v>
      </c>
      <c r="CD35" s="62">
        <v>0</v>
      </c>
      <c r="CE35" s="228"/>
      <c r="CF35" s="61">
        <v>0</v>
      </c>
      <c r="CG35" s="61">
        <v>0</v>
      </c>
      <c r="CH35" s="61">
        <v>0</v>
      </c>
      <c r="CI35" s="61">
        <v>0</v>
      </c>
      <c r="CJ35" s="61">
        <v>0</v>
      </c>
      <c r="CK35" s="62">
        <v>0</v>
      </c>
      <c r="CL35" s="63">
        <v>0</v>
      </c>
      <c r="CM35" s="60">
        <v>3</v>
      </c>
      <c r="CN35" s="61">
        <v>3</v>
      </c>
      <c r="CO35" s="62">
        <v>6</v>
      </c>
      <c r="CP35" s="228"/>
      <c r="CQ35" s="61">
        <v>12</v>
      </c>
      <c r="CR35" s="61">
        <v>2</v>
      </c>
      <c r="CS35" s="61">
        <v>5</v>
      </c>
      <c r="CT35" s="61">
        <v>4</v>
      </c>
      <c r="CU35" s="61">
        <v>7</v>
      </c>
      <c r="CV35" s="62">
        <v>30</v>
      </c>
      <c r="CW35" s="63">
        <v>36</v>
      </c>
      <c r="CX35" s="113">
        <v>2</v>
      </c>
      <c r="CY35" s="72">
        <v>0</v>
      </c>
      <c r="CZ35" s="73">
        <v>2</v>
      </c>
      <c r="DA35" s="228"/>
      <c r="DB35" s="72">
        <v>4</v>
      </c>
      <c r="DC35" s="72">
        <v>3</v>
      </c>
      <c r="DD35" s="72">
        <v>0</v>
      </c>
      <c r="DE35" s="72">
        <v>2</v>
      </c>
      <c r="DF35" s="72">
        <v>0</v>
      </c>
      <c r="DG35" s="74">
        <v>9</v>
      </c>
      <c r="DH35" s="75">
        <v>11</v>
      </c>
      <c r="DI35" s="60">
        <v>0</v>
      </c>
      <c r="DJ35" s="61">
        <v>0</v>
      </c>
      <c r="DK35" s="62">
        <v>0</v>
      </c>
      <c r="DL35" s="228"/>
      <c r="DM35" s="61">
        <v>0</v>
      </c>
      <c r="DN35" s="61">
        <v>0</v>
      </c>
      <c r="DO35" s="61">
        <v>0</v>
      </c>
      <c r="DP35" s="61">
        <v>0</v>
      </c>
      <c r="DQ35" s="61">
        <v>0</v>
      </c>
      <c r="DR35" s="62">
        <v>0</v>
      </c>
      <c r="DS35" s="63">
        <v>0</v>
      </c>
      <c r="DT35" s="60">
        <v>0</v>
      </c>
      <c r="DU35" s="61">
        <v>0</v>
      </c>
      <c r="DV35" s="62">
        <v>0</v>
      </c>
      <c r="DW35" s="228"/>
      <c r="DX35" s="61">
        <v>1</v>
      </c>
      <c r="DY35" s="61">
        <v>0</v>
      </c>
      <c r="DZ35" s="61">
        <v>0</v>
      </c>
      <c r="EA35" s="61">
        <v>0</v>
      </c>
      <c r="EB35" s="61">
        <v>0</v>
      </c>
      <c r="EC35" s="62">
        <v>1</v>
      </c>
      <c r="ED35" s="63">
        <v>1</v>
      </c>
      <c r="EE35" s="60">
        <v>0</v>
      </c>
      <c r="EF35" s="61">
        <v>0</v>
      </c>
      <c r="EG35" s="62">
        <v>0</v>
      </c>
      <c r="EH35" s="228"/>
      <c r="EI35" s="61">
        <v>1</v>
      </c>
      <c r="EJ35" s="61">
        <v>0</v>
      </c>
      <c r="EK35" s="61">
        <v>0</v>
      </c>
      <c r="EL35" s="61">
        <v>0</v>
      </c>
      <c r="EM35" s="61">
        <v>0</v>
      </c>
      <c r="EN35" s="62">
        <v>1</v>
      </c>
      <c r="EO35" s="63">
        <v>1</v>
      </c>
      <c r="EP35" s="60">
        <v>1</v>
      </c>
      <c r="EQ35" s="61">
        <v>0</v>
      </c>
      <c r="ER35" s="62">
        <v>1</v>
      </c>
      <c r="ES35" s="228"/>
      <c r="ET35" s="61">
        <v>0</v>
      </c>
      <c r="EU35" s="61">
        <v>0</v>
      </c>
      <c r="EV35" s="61">
        <v>0</v>
      </c>
      <c r="EW35" s="61">
        <v>0</v>
      </c>
      <c r="EX35" s="61">
        <v>0</v>
      </c>
      <c r="EY35" s="62">
        <v>0</v>
      </c>
      <c r="EZ35" s="63">
        <v>1</v>
      </c>
      <c r="FA35" s="60">
        <v>1</v>
      </c>
      <c r="FB35" s="61">
        <v>0</v>
      </c>
      <c r="FC35" s="62">
        <v>1</v>
      </c>
      <c r="FD35" s="228"/>
      <c r="FE35" s="61">
        <v>0</v>
      </c>
      <c r="FF35" s="61">
        <v>2</v>
      </c>
      <c r="FG35" s="61">
        <v>0</v>
      </c>
      <c r="FH35" s="61">
        <v>0</v>
      </c>
      <c r="FI35" s="61">
        <v>0</v>
      </c>
      <c r="FJ35" s="62">
        <v>2</v>
      </c>
      <c r="FK35" s="63">
        <v>3</v>
      </c>
      <c r="FL35" s="60">
        <v>0</v>
      </c>
      <c r="FM35" s="61">
        <v>0</v>
      </c>
      <c r="FN35" s="62">
        <v>0</v>
      </c>
      <c r="FO35" s="228"/>
      <c r="FP35" s="61">
        <v>2</v>
      </c>
      <c r="FQ35" s="61">
        <v>1</v>
      </c>
      <c r="FR35" s="61">
        <v>0</v>
      </c>
      <c r="FS35" s="61">
        <v>2</v>
      </c>
      <c r="FT35" s="61">
        <v>0</v>
      </c>
      <c r="FU35" s="62">
        <v>5</v>
      </c>
      <c r="FV35" s="63">
        <v>5</v>
      </c>
      <c r="FW35" s="60">
        <v>0</v>
      </c>
      <c r="FX35" s="61">
        <v>0</v>
      </c>
      <c r="FY35" s="62">
        <v>0</v>
      </c>
      <c r="FZ35" s="228"/>
      <c r="GA35" s="61">
        <v>0</v>
      </c>
      <c r="GB35" s="61">
        <v>0</v>
      </c>
      <c r="GC35" s="61">
        <v>0</v>
      </c>
      <c r="GD35" s="61">
        <v>0</v>
      </c>
      <c r="GE35" s="61">
        <v>0</v>
      </c>
      <c r="GF35" s="62">
        <v>0</v>
      </c>
      <c r="GG35" s="63">
        <v>0</v>
      </c>
      <c r="GH35" s="60">
        <v>2</v>
      </c>
      <c r="GI35" s="61">
        <v>0</v>
      </c>
      <c r="GJ35" s="62">
        <v>2</v>
      </c>
      <c r="GK35" s="228"/>
      <c r="GL35" s="61">
        <v>4</v>
      </c>
      <c r="GM35" s="61">
        <v>3</v>
      </c>
      <c r="GN35" s="61">
        <v>0</v>
      </c>
      <c r="GO35" s="61">
        <v>2</v>
      </c>
      <c r="GP35" s="61">
        <v>0</v>
      </c>
      <c r="GQ35" s="62">
        <v>9</v>
      </c>
      <c r="GR35" s="63">
        <v>11</v>
      </c>
      <c r="GS35" s="113">
        <v>5</v>
      </c>
      <c r="GT35" s="72">
        <v>3</v>
      </c>
      <c r="GU35" s="73">
        <v>8</v>
      </c>
      <c r="GV35" s="228"/>
      <c r="GW35" s="72">
        <v>16</v>
      </c>
      <c r="GX35" s="72">
        <v>5</v>
      </c>
      <c r="GY35" s="72">
        <v>5</v>
      </c>
      <c r="GZ35" s="72">
        <v>6</v>
      </c>
      <c r="HA35" s="72">
        <v>7</v>
      </c>
      <c r="HB35" s="74">
        <v>39</v>
      </c>
      <c r="HC35" s="75">
        <v>47</v>
      </c>
      <c r="HD35" s="60">
        <v>0</v>
      </c>
      <c r="HE35" s="61">
        <v>0</v>
      </c>
      <c r="HF35" s="62">
        <v>0</v>
      </c>
      <c r="HG35" s="228"/>
      <c r="HH35" s="61">
        <v>0</v>
      </c>
      <c r="HI35" s="61">
        <v>0</v>
      </c>
      <c r="HJ35" s="61">
        <v>0</v>
      </c>
      <c r="HK35" s="61">
        <v>0</v>
      </c>
      <c r="HL35" s="61">
        <v>0</v>
      </c>
      <c r="HM35" s="62">
        <v>0</v>
      </c>
      <c r="HN35" s="63">
        <v>0</v>
      </c>
      <c r="HO35" s="60">
        <v>2</v>
      </c>
      <c r="HP35" s="61">
        <v>0</v>
      </c>
      <c r="HQ35" s="62">
        <v>2</v>
      </c>
      <c r="HR35" s="228"/>
      <c r="HS35" s="61">
        <v>2</v>
      </c>
      <c r="HT35" s="61">
        <v>1</v>
      </c>
      <c r="HU35" s="61">
        <v>0</v>
      </c>
      <c r="HV35" s="61">
        <v>1</v>
      </c>
      <c r="HW35" s="61">
        <v>2</v>
      </c>
      <c r="HX35" s="62">
        <v>6</v>
      </c>
      <c r="HY35" s="63">
        <v>8</v>
      </c>
      <c r="HZ35" s="60">
        <v>1</v>
      </c>
      <c r="IA35" s="61">
        <v>0</v>
      </c>
      <c r="IB35" s="62">
        <v>1</v>
      </c>
      <c r="IC35" s="228"/>
      <c r="ID35" s="61">
        <v>2</v>
      </c>
      <c r="IE35" s="61">
        <v>0</v>
      </c>
      <c r="IF35" s="61">
        <v>0</v>
      </c>
      <c r="IG35" s="61">
        <v>0</v>
      </c>
      <c r="IH35" s="61">
        <v>2</v>
      </c>
      <c r="II35" s="62">
        <v>4</v>
      </c>
      <c r="IJ35" s="63">
        <v>5</v>
      </c>
      <c r="IK35" s="60">
        <v>1</v>
      </c>
      <c r="IL35" s="61">
        <v>1</v>
      </c>
      <c r="IM35" s="62">
        <v>2</v>
      </c>
      <c r="IN35" s="228"/>
      <c r="IO35" s="61">
        <v>6</v>
      </c>
      <c r="IP35" s="61">
        <v>0</v>
      </c>
      <c r="IQ35" s="61">
        <v>0</v>
      </c>
      <c r="IR35" s="61">
        <v>0</v>
      </c>
      <c r="IS35" s="61">
        <v>2</v>
      </c>
      <c r="IT35" s="62">
        <v>8</v>
      </c>
      <c r="IU35" s="63">
        <v>10</v>
      </c>
      <c r="IV35" s="60">
        <v>1</v>
      </c>
      <c r="IW35" s="61">
        <v>1</v>
      </c>
      <c r="IX35" s="62">
        <v>2</v>
      </c>
      <c r="IY35" s="228"/>
      <c r="IZ35" s="61">
        <v>3</v>
      </c>
      <c r="JA35" s="61">
        <v>3</v>
      </c>
      <c r="JB35" s="61">
        <v>3</v>
      </c>
      <c r="JC35" s="61">
        <v>1</v>
      </c>
      <c r="JD35" s="61">
        <v>1</v>
      </c>
      <c r="JE35" s="62">
        <v>11</v>
      </c>
      <c r="JF35" s="63">
        <v>13</v>
      </c>
      <c r="JG35" s="60">
        <v>0</v>
      </c>
      <c r="JH35" s="61">
        <v>1</v>
      </c>
      <c r="JI35" s="62">
        <v>1</v>
      </c>
      <c r="JJ35" s="228"/>
      <c r="JK35" s="61">
        <v>3</v>
      </c>
      <c r="JL35" s="61">
        <v>1</v>
      </c>
      <c r="JM35" s="61">
        <v>2</v>
      </c>
      <c r="JN35" s="61">
        <v>4</v>
      </c>
      <c r="JO35" s="61">
        <v>0</v>
      </c>
      <c r="JP35" s="62">
        <v>10</v>
      </c>
      <c r="JQ35" s="63">
        <v>11</v>
      </c>
      <c r="JR35" s="60">
        <v>0</v>
      </c>
      <c r="JS35" s="61">
        <v>0</v>
      </c>
      <c r="JT35" s="62">
        <v>0</v>
      </c>
      <c r="JU35" s="228"/>
      <c r="JV35" s="61">
        <v>0</v>
      </c>
      <c r="JW35" s="61">
        <v>0</v>
      </c>
      <c r="JX35" s="61">
        <v>0</v>
      </c>
      <c r="JY35" s="61">
        <v>0</v>
      </c>
      <c r="JZ35" s="61">
        <v>0</v>
      </c>
      <c r="KA35" s="62">
        <v>0</v>
      </c>
      <c r="KB35" s="63">
        <v>0</v>
      </c>
      <c r="KC35" s="60">
        <v>5</v>
      </c>
      <c r="KD35" s="61">
        <v>3</v>
      </c>
      <c r="KE35" s="62">
        <v>8</v>
      </c>
      <c r="KF35" s="228"/>
      <c r="KG35" s="61">
        <v>16</v>
      </c>
      <c r="KH35" s="61">
        <v>5</v>
      </c>
      <c r="KI35" s="61">
        <v>5</v>
      </c>
      <c r="KJ35" s="61">
        <v>6</v>
      </c>
      <c r="KK35" s="61">
        <v>7</v>
      </c>
      <c r="KL35" s="62">
        <v>39</v>
      </c>
      <c r="KM35" s="63">
        <v>47</v>
      </c>
    </row>
    <row r="36" spans="2:299" ht="21" customHeight="1" x14ac:dyDescent="0.2">
      <c r="B36" s="472" t="s">
        <v>33</v>
      </c>
      <c r="C36" s="293">
        <v>1</v>
      </c>
      <c r="D36" s="72">
        <v>3</v>
      </c>
      <c r="E36" s="73">
        <v>4</v>
      </c>
      <c r="F36" s="228"/>
      <c r="G36" s="72">
        <v>8</v>
      </c>
      <c r="H36" s="72">
        <v>2</v>
      </c>
      <c r="I36" s="72">
        <v>4</v>
      </c>
      <c r="J36" s="72">
        <v>2</v>
      </c>
      <c r="K36" s="72">
        <v>4</v>
      </c>
      <c r="L36" s="74">
        <v>20</v>
      </c>
      <c r="M36" s="75">
        <v>24</v>
      </c>
      <c r="N36" s="60">
        <v>0</v>
      </c>
      <c r="O36" s="61">
        <v>0</v>
      </c>
      <c r="P36" s="62">
        <v>0</v>
      </c>
      <c r="Q36" s="228"/>
      <c r="R36" s="61">
        <v>1</v>
      </c>
      <c r="S36" s="61">
        <v>0</v>
      </c>
      <c r="T36" s="61">
        <v>0</v>
      </c>
      <c r="U36" s="61">
        <v>1</v>
      </c>
      <c r="V36" s="61">
        <v>0</v>
      </c>
      <c r="W36" s="62">
        <v>2</v>
      </c>
      <c r="X36" s="63">
        <v>2</v>
      </c>
      <c r="Y36" s="60">
        <v>0</v>
      </c>
      <c r="Z36" s="61">
        <v>0</v>
      </c>
      <c r="AA36" s="62">
        <v>0</v>
      </c>
      <c r="AB36" s="228"/>
      <c r="AC36" s="61">
        <v>1</v>
      </c>
      <c r="AD36" s="61">
        <v>0</v>
      </c>
      <c r="AE36" s="61">
        <v>1</v>
      </c>
      <c r="AF36" s="61">
        <v>0</v>
      </c>
      <c r="AG36" s="61">
        <v>1</v>
      </c>
      <c r="AH36" s="62">
        <v>3</v>
      </c>
      <c r="AI36" s="63">
        <v>3</v>
      </c>
      <c r="AJ36" s="60">
        <v>1</v>
      </c>
      <c r="AK36" s="61">
        <v>0</v>
      </c>
      <c r="AL36" s="62">
        <v>1</v>
      </c>
      <c r="AM36" s="228"/>
      <c r="AN36" s="61">
        <v>2</v>
      </c>
      <c r="AO36" s="61">
        <v>0</v>
      </c>
      <c r="AP36" s="61">
        <v>1</v>
      </c>
      <c r="AQ36" s="61">
        <v>0</v>
      </c>
      <c r="AR36" s="61">
        <v>2</v>
      </c>
      <c r="AS36" s="62">
        <v>5</v>
      </c>
      <c r="AT36" s="63">
        <v>6</v>
      </c>
      <c r="AU36" s="60">
        <v>0</v>
      </c>
      <c r="AV36" s="61">
        <v>2</v>
      </c>
      <c r="AW36" s="62">
        <v>2</v>
      </c>
      <c r="AX36" s="228"/>
      <c r="AY36" s="61">
        <v>0</v>
      </c>
      <c r="AZ36" s="61">
        <v>1</v>
      </c>
      <c r="BA36" s="61">
        <v>0</v>
      </c>
      <c r="BB36" s="61">
        <v>0</v>
      </c>
      <c r="BC36" s="61">
        <v>0</v>
      </c>
      <c r="BD36" s="62">
        <v>1</v>
      </c>
      <c r="BE36" s="63">
        <v>3</v>
      </c>
      <c r="BF36" s="60">
        <v>0</v>
      </c>
      <c r="BG36" s="61">
        <v>1</v>
      </c>
      <c r="BH36" s="62">
        <v>1</v>
      </c>
      <c r="BI36" s="228"/>
      <c r="BJ36" s="61">
        <v>1</v>
      </c>
      <c r="BK36" s="61">
        <v>1</v>
      </c>
      <c r="BL36" s="61">
        <v>2</v>
      </c>
      <c r="BM36" s="61">
        <v>0</v>
      </c>
      <c r="BN36" s="61">
        <v>1</v>
      </c>
      <c r="BO36" s="62">
        <v>5</v>
      </c>
      <c r="BP36" s="63">
        <v>6</v>
      </c>
      <c r="BQ36" s="60">
        <v>0</v>
      </c>
      <c r="BR36" s="61">
        <v>0</v>
      </c>
      <c r="BS36" s="62">
        <v>0</v>
      </c>
      <c r="BT36" s="228"/>
      <c r="BU36" s="61">
        <v>3</v>
      </c>
      <c r="BV36" s="61">
        <v>0</v>
      </c>
      <c r="BW36" s="61">
        <v>0</v>
      </c>
      <c r="BX36" s="61">
        <v>1</v>
      </c>
      <c r="BY36" s="61">
        <v>0</v>
      </c>
      <c r="BZ36" s="62">
        <v>4</v>
      </c>
      <c r="CA36" s="63">
        <v>4</v>
      </c>
      <c r="CB36" s="60">
        <v>0</v>
      </c>
      <c r="CC36" s="61">
        <v>0</v>
      </c>
      <c r="CD36" s="62">
        <v>0</v>
      </c>
      <c r="CE36" s="228"/>
      <c r="CF36" s="61">
        <v>0</v>
      </c>
      <c r="CG36" s="61">
        <v>0</v>
      </c>
      <c r="CH36" s="61">
        <v>0</v>
      </c>
      <c r="CI36" s="61">
        <v>0</v>
      </c>
      <c r="CJ36" s="61">
        <v>0</v>
      </c>
      <c r="CK36" s="62">
        <v>0</v>
      </c>
      <c r="CL36" s="63">
        <v>0</v>
      </c>
      <c r="CM36" s="60">
        <v>1</v>
      </c>
      <c r="CN36" s="61">
        <v>3</v>
      </c>
      <c r="CO36" s="62">
        <v>4</v>
      </c>
      <c r="CP36" s="228"/>
      <c r="CQ36" s="61">
        <v>8</v>
      </c>
      <c r="CR36" s="61">
        <v>2</v>
      </c>
      <c r="CS36" s="61">
        <v>4</v>
      </c>
      <c r="CT36" s="61">
        <v>2</v>
      </c>
      <c r="CU36" s="61">
        <v>4</v>
      </c>
      <c r="CV36" s="62">
        <v>20</v>
      </c>
      <c r="CW36" s="63">
        <v>24</v>
      </c>
      <c r="CX36" s="113">
        <v>1</v>
      </c>
      <c r="CY36" s="72">
        <v>3</v>
      </c>
      <c r="CZ36" s="73">
        <v>4</v>
      </c>
      <c r="DA36" s="228"/>
      <c r="DB36" s="72">
        <v>3</v>
      </c>
      <c r="DC36" s="72">
        <v>0</v>
      </c>
      <c r="DD36" s="72">
        <v>4</v>
      </c>
      <c r="DE36" s="72">
        <v>3</v>
      </c>
      <c r="DF36" s="72">
        <v>3</v>
      </c>
      <c r="DG36" s="74">
        <v>13</v>
      </c>
      <c r="DH36" s="75">
        <v>17</v>
      </c>
      <c r="DI36" s="60">
        <v>0</v>
      </c>
      <c r="DJ36" s="61">
        <v>0</v>
      </c>
      <c r="DK36" s="62">
        <v>0</v>
      </c>
      <c r="DL36" s="228"/>
      <c r="DM36" s="61">
        <v>0</v>
      </c>
      <c r="DN36" s="61">
        <v>0</v>
      </c>
      <c r="DO36" s="61">
        <v>0</v>
      </c>
      <c r="DP36" s="61">
        <v>0</v>
      </c>
      <c r="DQ36" s="61">
        <v>0</v>
      </c>
      <c r="DR36" s="62">
        <v>0</v>
      </c>
      <c r="DS36" s="63">
        <v>0</v>
      </c>
      <c r="DT36" s="60">
        <v>0</v>
      </c>
      <c r="DU36" s="61">
        <v>0</v>
      </c>
      <c r="DV36" s="62">
        <v>0</v>
      </c>
      <c r="DW36" s="228"/>
      <c r="DX36" s="61">
        <v>0</v>
      </c>
      <c r="DY36" s="61">
        <v>0</v>
      </c>
      <c r="DZ36" s="61">
        <v>0</v>
      </c>
      <c r="EA36" s="61">
        <v>0</v>
      </c>
      <c r="EB36" s="61">
        <v>0</v>
      </c>
      <c r="EC36" s="62">
        <v>0</v>
      </c>
      <c r="ED36" s="63">
        <v>0</v>
      </c>
      <c r="EE36" s="60">
        <v>0</v>
      </c>
      <c r="EF36" s="61">
        <v>1</v>
      </c>
      <c r="EG36" s="62">
        <v>1</v>
      </c>
      <c r="EH36" s="228"/>
      <c r="EI36" s="61">
        <v>0</v>
      </c>
      <c r="EJ36" s="61">
        <v>0</v>
      </c>
      <c r="EK36" s="61">
        <v>0</v>
      </c>
      <c r="EL36" s="61">
        <v>0</v>
      </c>
      <c r="EM36" s="61">
        <v>0</v>
      </c>
      <c r="EN36" s="62">
        <v>0</v>
      </c>
      <c r="EO36" s="63">
        <v>1</v>
      </c>
      <c r="EP36" s="60">
        <v>1</v>
      </c>
      <c r="EQ36" s="61">
        <v>0</v>
      </c>
      <c r="ER36" s="62">
        <v>1</v>
      </c>
      <c r="ES36" s="228"/>
      <c r="ET36" s="61">
        <v>0</v>
      </c>
      <c r="EU36" s="61">
        <v>0</v>
      </c>
      <c r="EV36" s="61">
        <v>0</v>
      </c>
      <c r="EW36" s="61">
        <v>0</v>
      </c>
      <c r="EX36" s="61">
        <v>0</v>
      </c>
      <c r="EY36" s="62">
        <v>0</v>
      </c>
      <c r="EZ36" s="63">
        <v>1</v>
      </c>
      <c r="FA36" s="60">
        <v>0</v>
      </c>
      <c r="FB36" s="61">
        <v>0</v>
      </c>
      <c r="FC36" s="62">
        <v>0</v>
      </c>
      <c r="FD36" s="228"/>
      <c r="FE36" s="61">
        <v>2</v>
      </c>
      <c r="FF36" s="61">
        <v>0</v>
      </c>
      <c r="FG36" s="61">
        <v>1</v>
      </c>
      <c r="FH36" s="61">
        <v>1</v>
      </c>
      <c r="FI36" s="61">
        <v>0</v>
      </c>
      <c r="FJ36" s="62">
        <v>4</v>
      </c>
      <c r="FK36" s="63">
        <v>4</v>
      </c>
      <c r="FL36" s="60">
        <v>0</v>
      </c>
      <c r="FM36" s="61">
        <v>2</v>
      </c>
      <c r="FN36" s="62">
        <v>2</v>
      </c>
      <c r="FO36" s="228"/>
      <c r="FP36" s="61">
        <v>1</v>
      </c>
      <c r="FQ36" s="61">
        <v>0</v>
      </c>
      <c r="FR36" s="61">
        <v>3</v>
      </c>
      <c r="FS36" s="61">
        <v>2</v>
      </c>
      <c r="FT36" s="61">
        <v>3</v>
      </c>
      <c r="FU36" s="62">
        <v>9</v>
      </c>
      <c r="FV36" s="63">
        <v>11</v>
      </c>
      <c r="FW36" s="60">
        <v>0</v>
      </c>
      <c r="FX36" s="61">
        <v>0</v>
      </c>
      <c r="FY36" s="62">
        <v>0</v>
      </c>
      <c r="FZ36" s="228"/>
      <c r="GA36" s="61">
        <v>0</v>
      </c>
      <c r="GB36" s="61">
        <v>0</v>
      </c>
      <c r="GC36" s="61">
        <v>0</v>
      </c>
      <c r="GD36" s="61">
        <v>0</v>
      </c>
      <c r="GE36" s="61">
        <v>0</v>
      </c>
      <c r="GF36" s="62">
        <v>0</v>
      </c>
      <c r="GG36" s="63">
        <v>0</v>
      </c>
      <c r="GH36" s="60">
        <v>1</v>
      </c>
      <c r="GI36" s="61">
        <v>3</v>
      </c>
      <c r="GJ36" s="62">
        <v>4</v>
      </c>
      <c r="GK36" s="228"/>
      <c r="GL36" s="61">
        <v>3</v>
      </c>
      <c r="GM36" s="61">
        <v>0</v>
      </c>
      <c r="GN36" s="61">
        <v>4</v>
      </c>
      <c r="GO36" s="61">
        <v>3</v>
      </c>
      <c r="GP36" s="61">
        <v>3</v>
      </c>
      <c r="GQ36" s="62">
        <v>13</v>
      </c>
      <c r="GR36" s="63">
        <v>17</v>
      </c>
      <c r="GS36" s="113">
        <v>2</v>
      </c>
      <c r="GT36" s="72">
        <v>6</v>
      </c>
      <c r="GU36" s="73">
        <v>8</v>
      </c>
      <c r="GV36" s="228"/>
      <c r="GW36" s="72">
        <v>11</v>
      </c>
      <c r="GX36" s="72">
        <v>2</v>
      </c>
      <c r="GY36" s="72">
        <v>8</v>
      </c>
      <c r="GZ36" s="72">
        <v>5</v>
      </c>
      <c r="HA36" s="72">
        <v>7</v>
      </c>
      <c r="HB36" s="74">
        <v>33</v>
      </c>
      <c r="HC36" s="75">
        <v>41</v>
      </c>
      <c r="HD36" s="60">
        <v>0</v>
      </c>
      <c r="HE36" s="61">
        <v>0</v>
      </c>
      <c r="HF36" s="62">
        <v>0</v>
      </c>
      <c r="HG36" s="228"/>
      <c r="HH36" s="61">
        <v>1</v>
      </c>
      <c r="HI36" s="61">
        <v>0</v>
      </c>
      <c r="HJ36" s="61">
        <v>0</v>
      </c>
      <c r="HK36" s="61">
        <v>1</v>
      </c>
      <c r="HL36" s="61">
        <v>0</v>
      </c>
      <c r="HM36" s="62">
        <v>2</v>
      </c>
      <c r="HN36" s="63">
        <v>2</v>
      </c>
      <c r="HO36" s="60">
        <v>0</v>
      </c>
      <c r="HP36" s="61">
        <v>0</v>
      </c>
      <c r="HQ36" s="62">
        <v>0</v>
      </c>
      <c r="HR36" s="228"/>
      <c r="HS36" s="61">
        <v>1</v>
      </c>
      <c r="HT36" s="61">
        <v>0</v>
      </c>
      <c r="HU36" s="61">
        <v>1</v>
      </c>
      <c r="HV36" s="61">
        <v>0</v>
      </c>
      <c r="HW36" s="61">
        <v>1</v>
      </c>
      <c r="HX36" s="62">
        <v>3</v>
      </c>
      <c r="HY36" s="63">
        <v>3</v>
      </c>
      <c r="HZ36" s="60">
        <v>1</v>
      </c>
      <c r="IA36" s="61">
        <v>1</v>
      </c>
      <c r="IB36" s="62">
        <v>2</v>
      </c>
      <c r="IC36" s="228"/>
      <c r="ID36" s="61">
        <v>2</v>
      </c>
      <c r="IE36" s="61">
        <v>0</v>
      </c>
      <c r="IF36" s="61">
        <v>1</v>
      </c>
      <c r="IG36" s="61">
        <v>0</v>
      </c>
      <c r="IH36" s="61">
        <v>2</v>
      </c>
      <c r="II36" s="62">
        <v>5</v>
      </c>
      <c r="IJ36" s="63">
        <v>7</v>
      </c>
      <c r="IK36" s="60">
        <v>1</v>
      </c>
      <c r="IL36" s="61">
        <v>2</v>
      </c>
      <c r="IM36" s="62">
        <v>3</v>
      </c>
      <c r="IN36" s="228"/>
      <c r="IO36" s="61">
        <v>0</v>
      </c>
      <c r="IP36" s="61">
        <v>1</v>
      </c>
      <c r="IQ36" s="61">
        <v>0</v>
      </c>
      <c r="IR36" s="61">
        <v>0</v>
      </c>
      <c r="IS36" s="61">
        <v>0</v>
      </c>
      <c r="IT36" s="62">
        <v>1</v>
      </c>
      <c r="IU36" s="63">
        <v>4</v>
      </c>
      <c r="IV36" s="60">
        <v>0</v>
      </c>
      <c r="IW36" s="61">
        <v>1</v>
      </c>
      <c r="IX36" s="62">
        <v>1</v>
      </c>
      <c r="IY36" s="228"/>
      <c r="IZ36" s="61">
        <v>3</v>
      </c>
      <c r="JA36" s="61">
        <v>1</v>
      </c>
      <c r="JB36" s="61">
        <v>3</v>
      </c>
      <c r="JC36" s="61">
        <v>1</v>
      </c>
      <c r="JD36" s="61">
        <v>1</v>
      </c>
      <c r="JE36" s="62">
        <v>9</v>
      </c>
      <c r="JF36" s="63">
        <v>10</v>
      </c>
      <c r="JG36" s="60">
        <v>0</v>
      </c>
      <c r="JH36" s="61">
        <v>2</v>
      </c>
      <c r="JI36" s="62">
        <v>2</v>
      </c>
      <c r="JJ36" s="228"/>
      <c r="JK36" s="61">
        <v>4</v>
      </c>
      <c r="JL36" s="61">
        <v>0</v>
      </c>
      <c r="JM36" s="61">
        <v>3</v>
      </c>
      <c r="JN36" s="61">
        <v>3</v>
      </c>
      <c r="JO36" s="61">
        <v>3</v>
      </c>
      <c r="JP36" s="62">
        <v>13</v>
      </c>
      <c r="JQ36" s="63">
        <v>15</v>
      </c>
      <c r="JR36" s="60">
        <v>0</v>
      </c>
      <c r="JS36" s="61">
        <v>0</v>
      </c>
      <c r="JT36" s="62">
        <v>0</v>
      </c>
      <c r="JU36" s="228"/>
      <c r="JV36" s="61">
        <v>0</v>
      </c>
      <c r="JW36" s="61">
        <v>0</v>
      </c>
      <c r="JX36" s="61">
        <v>0</v>
      </c>
      <c r="JY36" s="61">
        <v>0</v>
      </c>
      <c r="JZ36" s="61">
        <v>0</v>
      </c>
      <c r="KA36" s="62">
        <v>0</v>
      </c>
      <c r="KB36" s="63">
        <v>0</v>
      </c>
      <c r="KC36" s="60">
        <v>2</v>
      </c>
      <c r="KD36" s="61">
        <v>6</v>
      </c>
      <c r="KE36" s="62">
        <v>8</v>
      </c>
      <c r="KF36" s="228"/>
      <c r="KG36" s="61">
        <v>11</v>
      </c>
      <c r="KH36" s="61">
        <v>2</v>
      </c>
      <c r="KI36" s="61">
        <v>8</v>
      </c>
      <c r="KJ36" s="61">
        <v>5</v>
      </c>
      <c r="KK36" s="61">
        <v>7</v>
      </c>
      <c r="KL36" s="62">
        <v>33</v>
      </c>
      <c r="KM36" s="63">
        <v>41</v>
      </c>
    </row>
    <row r="37" spans="2:299" ht="21" customHeight="1" x14ac:dyDescent="0.2">
      <c r="B37" s="472" t="s">
        <v>34</v>
      </c>
      <c r="C37" s="293">
        <v>2</v>
      </c>
      <c r="D37" s="72">
        <v>1</v>
      </c>
      <c r="E37" s="73">
        <v>3</v>
      </c>
      <c r="F37" s="228"/>
      <c r="G37" s="72">
        <v>1</v>
      </c>
      <c r="H37" s="72">
        <v>1</v>
      </c>
      <c r="I37" s="72">
        <v>3</v>
      </c>
      <c r="J37" s="72">
        <v>1</v>
      </c>
      <c r="K37" s="72">
        <v>0</v>
      </c>
      <c r="L37" s="74">
        <v>6</v>
      </c>
      <c r="M37" s="75">
        <v>9</v>
      </c>
      <c r="N37" s="60">
        <v>0</v>
      </c>
      <c r="O37" s="61">
        <v>0</v>
      </c>
      <c r="P37" s="62">
        <v>0</v>
      </c>
      <c r="Q37" s="228"/>
      <c r="R37" s="61">
        <v>0</v>
      </c>
      <c r="S37" s="61">
        <v>1</v>
      </c>
      <c r="T37" s="61">
        <v>0</v>
      </c>
      <c r="U37" s="61">
        <v>0</v>
      </c>
      <c r="V37" s="61">
        <v>0</v>
      </c>
      <c r="W37" s="62">
        <v>1</v>
      </c>
      <c r="X37" s="63">
        <v>1</v>
      </c>
      <c r="Y37" s="60">
        <v>0</v>
      </c>
      <c r="Z37" s="61">
        <v>0</v>
      </c>
      <c r="AA37" s="62">
        <v>0</v>
      </c>
      <c r="AB37" s="228"/>
      <c r="AC37" s="61">
        <v>0</v>
      </c>
      <c r="AD37" s="61">
        <v>0</v>
      </c>
      <c r="AE37" s="61">
        <v>0</v>
      </c>
      <c r="AF37" s="61">
        <v>0</v>
      </c>
      <c r="AG37" s="61">
        <v>0</v>
      </c>
      <c r="AH37" s="62">
        <v>0</v>
      </c>
      <c r="AI37" s="63">
        <v>0</v>
      </c>
      <c r="AJ37" s="60">
        <v>1</v>
      </c>
      <c r="AK37" s="61">
        <v>0</v>
      </c>
      <c r="AL37" s="62">
        <v>1</v>
      </c>
      <c r="AM37" s="228"/>
      <c r="AN37" s="61">
        <v>0</v>
      </c>
      <c r="AO37" s="61">
        <v>0</v>
      </c>
      <c r="AP37" s="61">
        <v>0</v>
      </c>
      <c r="AQ37" s="61">
        <v>0</v>
      </c>
      <c r="AR37" s="61">
        <v>0</v>
      </c>
      <c r="AS37" s="62">
        <v>0</v>
      </c>
      <c r="AT37" s="63">
        <v>1</v>
      </c>
      <c r="AU37" s="60">
        <v>1</v>
      </c>
      <c r="AV37" s="61">
        <v>1</v>
      </c>
      <c r="AW37" s="62">
        <v>2</v>
      </c>
      <c r="AX37" s="228"/>
      <c r="AY37" s="61">
        <v>0</v>
      </c>
      <c r="AZ37" s="61">
        <v>0</v>
      </c>
      <c r="BA37" s="61">
        <v>0</v>
      </c>
      <c r="BB37" s="61">
        <v>1</v>
      </c>
      <c r="BC37" s="61">
        <v>0</v>
      </c>
      <c r="BD37" s="62">
        <v>1</v>
      </c>
      <c r="BE37" s="63">
        <v>3</v>
      </c>
      <c r="BF37" s="60">
        <v>0</v>
      </c>
      <c r="BG37" s="61">
        <v>0</v>
      </c>
      <c r="BH37" s="62">
        <v>0</v>
      </c>
      <c r="BI37" s="228"/>
      <c r="BJ37" s="61">
        <v>1</v>
      </c>
      <c r="BK37" s="61">
        <v>0</v>
      </c>
      <c r="BL37" s="61">
        <v>0</v>
      </c>
      <c r="BM37" s="61">
        <v>0</v>
      </c>
      <c r="BN37" s="61">
        <v>0</v>
      </c>
      <c r="BO37" s="62">
        <v>1</v>
      </c>
      <c r="BP37" s="63">
        <v>1</v>
      </c>
      <c r="BQ37" s="60">
        <v>0</v>
      </c>
      <c r="BR37" s="61">
        <v>0</v>
      </c>
      <c r="BS37" s="62">
        <v>0</v>
      </c>
      <c r="BT37" s="228"/>
      <c r="BU37" s="61">
        <v>0</v>
      </c>
      <c r="BV37" s="61">
        <v>0</v>
      </c>
      <c r="BW37" s="61">
        <v>3</v>
      </c>
      <c r="BX37" s="61">
        <v>0</v>
      </c>
      <c r="BY37" s="61">
        <v>0</v>
      </c>
      <c r="BZ37" s="62">
        <v>3</v>
      </c>
      <c r="CA37" s="63">
        <v>3</v>
      </c>
      <c r="CB37" s="60">
        <v>0</v>
      </c>
      <c r="CC37" s="61">
        <v>0</v>
      </c>
      <c r="CD37" s="62">
        <v>0</v>
      </c>
      <c r="CE37" s="228"/>
      <c r="CF37" s="61">
        <v>0</v>
      </c>
      <c r="CG37" s="61">
        <v>0</v>
      </c>
      <c r="CH37" s="61">
        <v>0</v>
      </c>
      <c r="CI37" s="61">
        <v>0</v>
      </c>
      <c r="CJ37" s="61">
        <v>0</v>
      </c>
      <c r="CK37" s="62">
        <v>0</v>
      </c>
      <c r="CL37" s="63">
        <v>0</v>
      </c>
      <c r="CM37" s="60">
        <v>2</v>
      </c>
      <c r="CN37" s="61">
        <v>1</v>
      </c>
      <c r="CO37" s="62">
        <v>3</v>
      </c>
      <c r="CP37" s="228"/>
      <c r="CQ37" s="61">
        <v>1</v>
      </c>
      <c r="CR37" s="61">
        <v>1</v>
      </c>
      <c r="CS37" s="61">
        <v>3</v>
      </c>
      <c r="CT37" s="61">
        <v>1</v>
      </c>
      <c r="CU37" s="61">
        <v>0</v>
      </c>
      <c r="CV37" s="62">
        <v>6</v>
      </c>
      <c r="CW37" s="63">
        <v>9</v>
      </c>
      <c r="CX37" s="113">
        <v>1</v>
      </c>
      <c r="CY37" s="72">
        <v>2</v>
      </c>
      <c r="CZ37" s="73">
        <v>3</v>
      </c>
      <c r="DA37" s="228"/>
      <c r="DB37" s="72">
        <v>1</v>
      </c>
      <c r="DC37" s="72">
        <v>1</v>
      </c>
      <c r="DD37" s="72">
        <v>2</v>
      </c>
      <c r="DE37" s="72">
        <v>0</v>
      </c>
      <c r="DF37" s="72">
        <v>0</v>
      </c>
      <c r="DG37" s="74">
        <v>4</v>
      </c>
      <c r="DH37" s="75">
        <v>7</v>
      </c>
      <c r="DI37" s="60">
        <v>0</v>
      </c>
      <c r="DJ37" s="61">
        <v>0</v>
      </c>
      <c r="DK37" s="62">
        <v>0</v>
      </c>
      <c r="DL37" s="228"/>
      <c r="DM37" s="61">
        <v>0</v>
      </c>
      <c r="DN37" s="61">
        <v>0</v>
      </c>
      <c r="DO37" s="61">
        <v>0</v>
      </c>
      <c r="DP37" s="61">
        <v>0</v>
      </c>
      <c r="DQ37" s="61">
        <v>0</v>
      </c>
      <c r="DR37" s="62">
        <v>0</v>
      </c>
      <c r="DS37" s="63">
        <v>0</v>
      </c>
      <c r="DT37" s="60">
        <v>0</v>
      </c>
      <c r="DU37" s="61">
        <v>0</v>
      </c>
      <c r="DV37" s="62">
        <v>0</v>
      </c>
      <c r="DW37" s="228"/>
      <c r="DX37" s="61">
        <v>0</v>
      </c>
      <c r="DY37" s="61">
        <v>0</v>
      </c>
      <c r="DZ37" s="61">
        <v>0</v>
      </c>
      <c r="EA37" s="61">
        <v>0</v>
      </c>
      <c r="EB37" s="61">
        <v>0</v>
      </c>
      <c r="EC37" s="62">
        <v>0</v>
      </c>
      <c r="ED37" s="63">
        <v>0</v>
      </c>
      <c r="EE37" s="60">
        <v>1</v>
      </c>
      <c r="EF37" s="61">
        <v>1</v>
      </c>
      <c r="EG37" s="62">
        <v>2</v>
      </c>
      <c r="EH37" s="228"/>
      <c r="EI37" s="61">
        <v>0</v>
      </c>
      <c r="EJ37" s="61">
        <v>0</v>
      </c>
      <c r="EK37" s="61">
        <v>1</v>
      </c>
      <c r="EL37" s="61">
        <v>0</v>
      </c>
      <c r="EM37" s="61">
        <v>0</v>
      </c>
      <c r="EN37" s="62">
        <v>1</v>
      </c>
      <c r="EO37" s="63">
        <v>3</v>
      </c>
      <c r="EP37" s="60">
        <v>0</v>
      </c>
      <c r="EQ37" s="61">
        <v>0</v>
      </c>
      <c r="ER37" s="62">
        <v>0</v>
      </c>
      <c r="ES37" s="228"/>
      <c r="ET37" s="61">
        <v>0</v>
      </c>
      <c r="EU37" s="61">
        <v>0</v>
      </c>
      <c r="EV37" s="61">
        <v>1</v>
      </c>
      <c r="EW37" s="61">
        <v>0</v>
      </c>
      <c r="EX37" s="61">
        <v>0</v>
      </c>
      <c r="EY37" s="62">
        <v>1</v>
      </c>
      <c r="EZ37" s="63">
        <v>1</v>
      </c>
      <c r="FA37" s="60">
        <v>0</v>
      </c>
      <c r="FB37" s="61">
        <v>1</v>
      </c>
      <c r="FC37" s="62">
        <v>1</v>
      </c>
      <c r="FD37" s="228"/>
      <c r="FE37" s="61">
        <v>1</v>
      </c>
      <c r="FF37" s="61">
        <v>1</v>
      </c>
      <c r="FG37" s="61">
        <v>0</v>
      </c>
      <c r="FH37" s="61">
        <v>0</v>
      </c>
      <c r="FI37" s="61">
        <v>0</v>
      </c>
      <c r="FJ37" s="62">
        <v>2</v>
      </c>
      <c r="FK37" s="63">
        <v>3</v>
      </c>
      <c r="FL37" s="60">
        <v>0</v>
      </c>
      <c r="FM37" s="61">
        <v>0</v>
      </c>
      <c r="FN37" s="62">
        <v>0</v>
      </c>
      <c r="FO37" s="228"/>
      <c r="FP37" s="61">
        <v>0</v>
      </c>
      <c r="FQ37" s="61">
        <v>0</v>
      </c>
      <c r="FR37" s="61">
        <v>0</v>
      </c>
      <c r="FS37" s="61">
        <v>0</v>
      </c>
      <c r="FT37" s="61">
        <v>0</v>
      </c>
      <c r="FU37" s="62">
        <v>0</v>
      </c>
      <c r="FV37" s="63">
        <v>0</v>
      </c>
      <c r="FW37" s="60">
        <v>0</v>
      </c>
      <c r="FX37" s="61">
        <v>0</v>
      </c>
      <c r="FY37" s="62">
        <v>0</v>
      </c>
      <c r="FZ37" s="228"/>
      <c r="GA37" s="61">
        <v>0</v>
      </c>
      <c r="GB37" s="61">
        <v>0</v>
      </c>
      <c r="GC37" s="61">
        <v>0</v>
      </c>
      <c r="GD37" s="61">
        <v>0</v>
      </c>
      <c r="GE37" s="61">
        <v>0</v>
      </c>
      <c r="GF37" s="62">
        <v>0</v>
      </c>
      <c r="GG37" s="63">
        <v>0</v>
      </c>
      <c r="GH37" s="60">
        <v>1</v>
      </c>
      <c r="GI37" s="61">
        <v>2</v>
      </c>
      <c r="GJ37" s="62">
        <v>3</v>
      </c>
      <c r="GK37" s="228"/>
      <c r="GL37" s="61">
        <v>1</v>
      </c>
      <c r="GM37" s="61">
        <v>1</v>
      </c>
      <c r="GN37" s="61">
        <v>2</v>
      </c>
      <c r="GO37" s="61">
        <v>0</v>
      </c>
      <c r="GP37" s="61">
        <v>0</v>
      </c>
      <c r="GQ37" s="62">
        <v>4</v>
      </c>
      <c r="GR37" s="63">
        <v>7</v>
      </c>
      <c r="GS37" s="113">
        <v>3</v>
      </c>
      <c r="GT37" s="72">
        <v>3</v>
      </c>
      <c r="GU37" s="73">
        <v>6</v>
      </c>
      <c r="GV37" s="228"/>
      <c r="GW37" s="72">
        <v>2</v>
      </c>
      <c r="GX37" s="72">
        <v>2</v>
      </c>
      <c r="GY37" s="72">
        <v>5</v>
      </c>
      <c r="GZ37" s="72">
        <v>1</v>
      </c>
      <c r="HA37" s="72">
        <v>0</v>
      </c>
      <c r="HB37" s="74">
        <v>10</v>
      </c>
      <c r="HC37" s="75">
        <v>16</v>
      </c>
      <c r="HD37" s="60">
        <v>0</v>
      </c>
      <c r="HE37" s="61">
        <v>0</v>
      </c>
      <c r="HF37" s="62">
        <v>0</v>
      </c>
      <c r="HG37" s="228"/>
      <c r="HH37" s="61">
        <v>0</v>
      </c>
      <c r="HI37" s="61">
        <v>1</v>
      </c>
      <c r="HJ37" s="61">
        <v>0</v>
      </c>
      <c r="HK37" s="61">
        <v>0</v>
      </c>
      <c r="HL37" s="61">
        <v>0</v>
      </c>
      <c r="HM37" s="62">
        <v>1</v>
      </c>
      <c r="HN37" s="63">
        <v>1</v>
      </c>
      <c r="HO37" s="60">
        <v>0</v>
      </c>
      <c r="HP37" s="61">
        <v>0</v>
      </c>
      <c r="HQ37" s="62">
        <v>0</v>
      </c>
      <c r="HR37" s="228"/>
      <c r="HS37" s="61">
        <v>0</v>
      </c>
      <c r="HT37" s="61">
        <v>0</v>
      </c>
      <c r="HU37" s="61">
        <v>0</v>
      </c>
      <c r="HV37" s="61">
        <v>0</v>
      </c>
      <c r="HW37" s="61">
        <v>0</v>
      </c>
      <c r="HX37" s="62">
        <v>0</v>
      </c>
      <c r="HY37" s="63">
        <v>0</v>
      </c>
      <c r="HZ37" s="60">
        <v>2</v>
      </c>
      <c r="IA37" s="61">
        <v>1</v>
      </c>
      <c r="IB37" s="62">
        <v>3</v>
      </c>
      <c r="IC37" s="228"/>
      <c r="ID37" s="61">
        <v>0</v>
      </c>
      <c r="IE37" s="61">
        <v>0</v>
      </c>
      <c r="IF37" s="61">
        <v>1</v>
      </c>
      <c r="IG37" s="61">
        <v>0</v>
      </c>
      <c r="IH37" s="61">
        <v>0</v>
      </c>
      <c r="II37" s="62">
        <v>1</v>
      </c>
      <c r="IJ37" s="63">
        <v>4</v>
      </c>
      <c r="IK37" s="60">
        <v>1</v>
      </c>
      <c r="IL37" s="61">
        <v>1</v>
      </c>
      <c r="IM37" s="62">
        <v>2</v>
      </c>
      <c r="IN37" s="228"/>
      <c r="IO37" s="61">
        <v>0</v>
      </c>
      <c r="IP37" s="61">
        <v>0</v>
      </c>
      <c r="IQ37" s="61">
        <v>1</v>
      </c>
      <c r="IR37" s="61">
        <v>1</v>
      </c>
      <c r="IS37" s="61">
        <v>0</v>
      </c>
      <c r="IT37" s="62">
        <v>2</v>
      </c>
      <c r="IU37" s="63">
        <v>4</v>
      </c>
      <c r="IV37" s="60">
        <v>0</v>
      </c>
      <c r="IW37" s="61">
        <v>1</v>
      </c>
      <c r="IX37" s="62">
        <v>1</v>
      </c>
      <c r="IY37" s="228"/>
      <c r="IZ37" s="61">
        <v>2</v>
      </c>
      <c r="JA37" s="61">
        <v>1</v>
      </c>
      <c r="JB37" s="61">
        <v>0</v>
      </c>
      <c r="JC37" s="61">
        <v>0</v>
      </c>
      <c r="JD37" s="61">
        <v>0</v>
      </c>
      <c r="JE37" s="62">
        <v>3</v>
      </c>
      <c r="JF37" s="63">
        <v>4</v>
      </c>
      <c r="JG37" s="60">
        <v>0</v>
      </c>
      <c r="JH37" s="61">
        <v>0</v>
      </c>
      <c r="JI37" s="62">
        <v>0</v>
      </c>
      <c r="JJ37" s="228"/>
      <c r="JK37" s="61">
        <v>0</v>
      </c>
      <c r="JL37" s="61">
        <v>0</v>
      </c>
      <c r="JM37" s="61">
        <v>3</v>
      </c>
      <c r="JN37" s="61">
        <v>0</v>
      </c>
      <c r="JO37" s="61">
        <v>0</v>
      </c>
      <c r="JP37" s="62">
        <v>3</v>
      </c>
      <c r="JQ37" s="63">
        <v>3</v>
      </c>
      <c r="JR37" s="60">
        <v>0</v>
      </c>
      <c r="JS37" s="61">
        <v>0</v>
      </c>
      <c r="JT37" s="62">
        <v>0</v>
      </c>
      <c r="JU37" s="228"/>
      <c r="JV37" s="61">
        <v>0</v>
      </c>
      <c r="JW37" s="61">
        <v>0</v>
      </c>
      <c r="JX37" s="61">
        <v>0</v>
      </c>
      <c r="JY37" s="61">
        <v>0</v>
      </c>
      <c r="JZ37" s="61">
        <v>0</v>
      </c>
      <c r="KA37" s="62">
        <v>0</v>
      </c>
      <c r="KB37" s="63">
        <v>0</v>
      </c>
      <c r="KC37" s="60">
        <v>3</v>
      </c>
      <c r="KD37" s="61">
        <v>3</v>
      </c>
      <c r="KE37" s="62">
        <v>6</v>
      </c>
      <c r="KF37" s="228"/>
      <c r="KG37" s="61">
        <v>2</v>
      </c>
      <c r="KH37" s="61">
        <v>2</v>
      </c>
      <c r="KI37" s="61">
        <v>5</v>
      </c>
      <c r="KJ37" s="61">
        <v>1</v>
      </c>
      <c r="KK37" s="61">
        <v>0</v>
      </c>
      <c r="KL37" s="62">
        <v>10</v>
      </c>
      <c r="KM37" s="63">
        <v>16</v>
      </c>
    </row>
    <row r="38" spans="2:299" ht="21" customHeight="1" x14ac:dyDescent="0.2">
      <c r="B38" s="472" t="s">
        <v>35</v>
      </c>
      <c r="C38" s="293">
        <v>8</v>
      </c>
      <c r="D38" s="72">
        <v>11</v>
      </c>
      <c r="E38" s="73">
        <v>19</v>
      </c>
      <c r="F38" s="228"/>
      <c r="G38" s="72">
        <v>16</v>
      </c>
      <c r="H38" s="72">
        <v>6</v>
      </c>
      <c r="I38" s="72">
        <v>3</v>
      </c>
      <c r="J38" s="72">
        <v>3</v>
      </c>
      <c r="K38" s="72">
        <v>1</v>
      </c>
      <c r="L38" s="74">
        <v>29</v>
      </c>
      <c r="M38" s="75">
        <v>48</v>
      </c>
      <c r="N38" s="60">
        <v>0</v>
      </c>
      <c r="O38" s="61">
        <v>0</v>
      </c>
      <c r="P38" s="62">
        <v>0</v>
      </c>
      <c r="Q38" s="228"/>
      <c r="R38" s="61">
        <v>0</v>
      </c>
      <c r="S38" s="61">
        <v>0</v>
      </c>
      <c r="T38" s="61">
        <v>0</v>
      </c>
      <c r="U38" s="61">
        <v>1</v>
      </c>
      <c r="V38" s="61">
        <v>0</v>
      </c>
      <c r="W38" s="62">
        <v>1</v>
      </c>
      <c r="X38" s="63">
        <v>1</v>
      </c>
      <c r="Y38" s="60">
        <v>1</v>
      </c>
      <c r="Z38" s="61">
        <v>0</v>
      </c>
      <c r="AA38" s="62">
        <v>1</v>
      </c>
      <c r="AB38" s="228"/>
      <c r="AC38" s="61">
        <v>1</v>
      </c>
      <c r="AD38" s="61">
        <v>0</v>
      </c>
      <c r="AE38" s="61">
        <v>0</v>
      </c>
      <c r="AF38" s="61">
        <v>0</v>
      </c>
      <c r="AG38" s="61">
        <v>0</v>
      </c>
      <c r="AH38" s="62">
        <v>1</v>
      </c>
      <c r="AI38" s="63">
        <v>2</v>
      </c>
      <c r="AJ38" s="60">
        <v>0</v>
      </c>
      <c r="AK38" s="61">
        <v>2</v>
      </c>
      <c r="AL38" s="62">
        <v>2</v>
      </c>
      <c r="AM38" s="228"/>
      <c r="AN38" s="61">
        <v>5</v>
      </c>
      <c r="AO38" s="61">
        <v>0</v>
      </c>
      <c r="AP38" s="61">
        <v>2</v>
      </c>
      <c r="AQ38" s="61">
        <v>1</v>
      </c>
      <c r="AR38" s="61">
        <v>0</v>
      </c>
      <c r="AS38" s="62">
        <v>8</v>
      </c>
      <c r="AT38" s="63">
        <v>10</v>
      </c>
      <c r="AU38" s="60">
        <v>2</v>
      </c>
      <c r="AV38" s="61">
        <v>3</v>
      </c>
      <c r="AW38" s="62">
        <v>5</v>
      </c>
      <c r="AX38" s="228"/>
      <c r="AY38" s="61">
        <v>4</v>
      </c>
      <c r="AZ38" s="61">
        <v>3</v>
      </c>
      <c r="BA38" s="61">
        <v>1</v>
      </c>
      <c r="BB38" s="61">
        <v>0</v>
      </c>
      <c r="BC38" s="61">
        <v>0</v>
      </c>
      <c r="BD38" s="62">
        <v>8</v>
      </c>
      <c r="BE38" s="63">
        <v>13</v>
      </c>
      <c r="BF38" s="60">
        <v>1</v>
      </c>
      <c r="BG38" s="61">
        <v>4</v>
      </c>
      <c r="BH38" s="62">
        <v>5</v>
      </c>
      <c r="BI38" s="228"/>
      <c r="BJ38" s="61">
        <v>5</v>
      </c>
      <c r="BK38" s="61">
        <v>1</v>
      </c>
      <c r="BL38" s="61">
        <v>0</v>
      </c>
      <c r="BM38" s="61">
        <v>0</v>
      </c>
      <c r="BN38" s="61">
        <v>1</v>
      </c>
      <c r="BO38" s="62">
        <v>7</v>
      </c>
      <c r="BP38" s="63">
        <v>12</v>
      </c>
      <c r="BQ38" s="60">
        <v>4</v>
      </c>
      <c r="BR38" s="61">
        <v>2</v>
      </c>
      <c r="BS38" s="62">
        <v>6</v>
      </c>
      <c r="BT38" s="228"/>
      <c r="BU38" s="61">
        <v>1</v>
      </c>
      <c r="BV38" s="61">
        <v>2</v>
      </c>
      <c r="BW38" s="61">
        <v>0</v>
      </c>
      <c r="BX38" s="61">
        <v>1</v>
      </c>
      <c r="BY38" s="61">
        <v>0</v>
      </c>
      <c r="BZ38" s="62">
        <v>4</v>
      </c>
      <c r="CA38" s="63">
        <v>10</v>
      </c>
      <c r="CB38" s="60">
        <v>0</v>
      </c>
      <c r="CC38" s="61">
        <v>0</v>
      </c>
      <c r="CD38" s="62">
        <v>0</v>
      </c>
      <c r="CE38" s="228"/>
      <c r="CF38" s="61">
        <v>0</v>
      </c>
      <c r="CG38" s="61">
        <v>0</v>
      </c>
      <c r="CH38" s="61">
        <v>0</v>
      </c>
      <c r="CI38" s="61">
        <v>0</v>
      </c>
      <c r="CJ38" s="61">
        <v>0</v>
      </c>
      <c r="CK38" s="62">
        <v>0</v>
      </c>
      <c r="CL38" s="63">
        <v>0</v>
      </c>
      <c r="CM38" s="60">
        <v>8</v>
      </c>
      <c r="CN38" s="61">
        <v>11</v>
      </c>
      <c r="CO38" s="62">
        <v>19</v>
      </c>
      <c r="CP38" s="228"/>
      <c r="CQ38" s="61">
        <v>16</v>
      </c>
      <c r="CR38" s="61">
        <v>6</v>
      </c>
      <c r="CS38" s="61">
        <v>3</v>
      </c>
      <c r="CT38" s="61">
        <v>3</v>
      </c>
      <c r="CU38" s="61">
        <v>1</v>
      </c>
      <c r="CV38" s="62">
        <v>29</v>
      </c>
      <c r="CW38" s="63">
        <v>48</v>
      </c>
      <c r="CX38" s="113">
        <v>3</v>
      </c>
      <c r="CY38" s="72">
        <v>3</v>
      </c>
      <c r="CZ38" s="73">
        <v>6</v>
      </c>
      <c r="DA38" s="228"/>
      <c r="DB38" s="72">
        <v>5</v>
      </c>
      <c r="DC38" s="72">
        <v>1</v>
      </c>
      <c r="DD38" s="72">
        <v>1</v>
      </c>
      <c r="DE38" s="72">
        <v>3</v>
      </c>
      <c r="DF38" s="72">
        <v>2</v>
      </c>
      <c r="DG38" s="74">
        <v>12</v>
      </c>
      <c r="DH38" s="75">
        <v>18</v>
      </c>
      <c r="DI38" s="60">
        <v>0</v>
      </c>
      <c r="DJ38" s="61">
        <v>0</v>
      </c>
      <c r="DK38" s="62">
        <v>0</v>
      </c>
      <c r="DL38" s="228"/>
      <c r="DM38" s="61">
        <v>0</v>
      </c>
      <c r="DN38" s="61">
        <v>0</v>
      </c>
      <c r="DO38" s="61">
        <v>0</v>
      </c>
      <c r="DP38" s="61">
        <v>0</v>
      </c>
      <c r="DQ38" s="61">
        <v>0</v>
      </c>
      <c r="DR38" s="62">
        <v>0</v>
      </c>
      <c r="DS38" s="63">
        <v>0</v>
      </c>
      <c r="DT38" s="60">
        <v>0</v>
      </c>
      <c r="DU38" s="61">
        <v>0</v>
      </c>
      <c r="DV38" s="62">
        <v>0</v>
      </c>
      <c r="DW38" s="228"/>
      <c r="DX38" s="61">
        <v>1</v>
      </c>
      <c r="DY38" s="61">
        <v>0</v>
      </c>
      <c r="DZ38" s="61">
        <v>0</v>
      </c>
      <c r="EA38" s="61">
        <v>0</v>
      </c>
      <c r="EB38" s="61">
        <v>0</v>
      </c>
      <c r="EC38" s="62">
        <v>1</v>
      </c>
      <c r="ED38" s="63">
        <v>1</v>
      </c>
      <c r="EE38" s="60">
        <v>1</v>
      </c>
      <c r="EF38" s="61">
        <v>0</v>
      </c>
      <c r="EG38" s="62">
        <v>1</v>
      </c>
      <c r="EH38" s="228"/>
      <c r="EI38" s="61">
        <v>0</v>
      </c>
      <c r="EJ38" s="61">
        <v>1</v>
      </c>
      <c r="EK38" s="61">
        <v>0</v>
      </c>
      <c r="EL38" s="61">
        <v>0</v>
      </c>
      <c r="EM38" s="61">
        <v>0</v>
      </c>
      <c r="EN38" s="62">
        <v>1</v>
      </c>
      <c r="EO38" s="63">
        <v>2</v>
      </c>
      <c r="EP38" s="60">
        <v>0</v>
      </c>
      <c r="EQ38" s="61">
        <v>0</v>
      </c>
      <c r="ER38" s="62">
        <v>0</v>
      </c>
      <c r="ES38" s="228"/>
      <c r="ET38" s="61">
        <v>1</v>
      </c>
      <c r="EU38" s="61">
        <v>0</v>
      </c>
      <c r="EV38" s="61">
        <v>0</v>
      </c>
      <c r="EW38" s="61">
        <v>1</v>
      </c>
      <c r="EX38" s="61">
        <v>0</v>
      </c>
      <c r="EY38" s="62">
        <v>2</v>
      </c>
      <c r="EZ38" s="63">
        <v>2</v>
      </c>
      <c r="FA38" s="60">
        <v>0</v>
      </c>
      <c r="FB38" s="61">
        <v>1</v>
      </c>
      <c r="FC38" s="62">
        <v>1</v>
      </c>
      <c r="FD38" s="228"/>
      <c r="FE38" s="61">
        <v>2</v>
      </c>
      <c r="FF38" s="61">
        <v>0</v>
      </c>
      <c r="FG38" s="61">
        <v>0</v>
      </c>
      <c r="FH38" s="61">
        <v>0</v>
      </c>
      <c r="FI38" s="61">
        <v>1</v>
      </c>
      <c r="FJ38" s="62">
        <v>3</v>
      </c>
      <c r="FK38" s="63">
        <v>4</v>
      </c>
      <c r="FL38" s="60">
        <v>2</v>
      </c>
      <c r="FM38" s="61">
        <v>2</v>
      </c>
      <c r="FN38" s="62">
        <v>4</v>
      </c>
      <c r="FO38" s="228"/>
      <c r="FP38" s="61">
        <v>1</v>
      </c>
      <c r="FQ38" s="61">
        <v>0</v>
      </c>
      <c r="FR38" s="61">
        <v>1</v>
      </c>
      <c r="FS38" s="61">
        <v>2</v>
      </c>
      <c r="FT38" s="61">
        <v>1</v>
      </c>
      <c r="FU38" s="62">
        <v>5</v>
      </c>
      <c r="FV38" s="63">
        <v>9</v>
      </c>
      <c r="FW38" s="60">
        <v>0</v>
      </c>
      <c r="FX38" s="61">
        <v>0</v>
      </c>
      <c r="FY38" s="62">
        <v>0</v>
      </c>
      <c r="FZ38" s="228"/>
      <c r="GA38" s="61">
        <v>0</v>
      </c>
      <c r="GB38" s="61">
        <v>0</v>
      </c>
      <c r="GC38" s="61">
        <v>0</v>
      </c>
      <c r="GD38" s="61">
        <v>0</v>
      </c>
      <c r="GE38" s="61">
        <v>0</v>
      </c>
      <c r="GF38" s="62">
        <v>0</v>
      </c>
      <c r="GG38" s="63">
        <v>0</v>
      </c>
      <c r="GH38" s="60">
        <v>3</v>
      </c>
      <c r="GI38" s="61">
        <v>3</v>
      </c>
      <c r="GJ38" s="62">
        <v>6</v>
      </c>
      <c r="GK38" s="228"/>
      <c r="GL38" s="61">
        <v>5</v>
      </c>
      <c r="GM38" s="61">
        <v>1</v>
      </c>
      <c r="GN38" s="61">
        <v>1</v>
      </c>
      <c r="GO38" s="61">
        <v>3</v>
      </c>
      <c r="GP38" s="61">
        <v>2</v>
      </c>
      <c r="GQ38" s="62">
        <v>12</v>
      </c>
      <c r="GR38" s="63">
        <v>18</v>
      </c>
      <c r="GS38" s="113">
        <v>11</v>
      </c>
      <c r="GT38" s="72">
        <v>14</v>
      </c>
      <c r="GU38" s="73">
        <v>25</v>
      </c>
      <c r="GV38" s="228"/>
      <c r="GW38" s="72">
        <v>21</v>
      </c>
      <c r="GX38" s="72">
        <v>7</v>
      </c>
      <c r="GY38" s="72">
        <v>4</v>
      </c>
      <c r="GZ38" s="72">
        <v>6</v>
      </c>
      <c r="HA38" s="72">
        <v>3</v>
      </c>
      <c r="HB38" s="74">
        <v>41</v>
      </c>
      <c r="HC38" s="75">
        <v>66</v>
      </c>
      <c r="HD38" s="60">
        <v>0</v>
      </c>
      <c r="HE38" s="61">
        <v>0</v>
      </c>
      <c r="HF38" s="62">
        <v>0</v>
      </c>
      <c r="HG38" s="228"/>
      <c r="HH38" s="61">
        <v>0</v>
      </c>
      <c r="HI38" s="61">
        <v>0</v>
      </c>
      <c r="HJ38" s="61">
        <v>0</v>
      </c>
      <c r="HK38" s="61">
        <v>1</v>
      </c>
      <c r="HL38" s="61">
        <v>0</v>
      </c>
      <c r="HM38" s="62">
        <v>1</v>
      </c>
      <c r="HN38" s="63">
        <v>1</v>
      </c>
      <c r="HO38" s="60">
        <v>1</v>
      </c>
      <c r="HP38" s="61">
        <v>0</v>
      </c>
      <c r="HQ38" s="62">
        <v>1</v>
      </c>
      <c r="HR38" s="228"/>
      <c r="HS38" s="61">
        <v>2</v>
      </c>
      <c r="HT38" s="61">
        <v>0</v>
      </c>
      <c r="HU38" s="61">
        <v>0</v>
      </c>
      <c r="HV38" s="61">
        <v>0</v>
      </c>
      <c r="HW38" s="61">
        <v>0</v>
      </c>
      <c r="HX38" s="62">
        <v>2</v>
      </c>
      <c r="HY38" s="63">
        <v>3</v>
      </c>
      <c r="HZ38" s="60">
        <v>1</v>
      </c>
      <c r="IA38" s="61">
        <v>2</v>
      </c>
      <c r="IB38" s="62">
        <v>3</v>
      </c>
      <c r="IC38" s="228"/>
      <c r="ID38" s="61">
        <v>5</v>
      </c>
      <c r="IE38" s="61">
        <v>1</v>
      </c>
      <c r="IF38" s="61">
        <v>2</v>
      </c>
      <c r="IG38" s="61">
        <v>1</v>
      </c>
      <c r="IH38" s="61">
        <v>0</v>
      </c>
      <c r="II38" s="62">
        <v>9</v>
      </c>
      <c r="IJ38" s="63">
        <v>12</v>
      </c>
      <c r="IK38" s="60">
        <v>2</v>
      </c>
      <c r="IL38" s="61">
        <v>3</v>
      </c>
      <c r="IM38" s="62">
        <v>5</v>
      </c>
      <c r="IN38" s="228"/>
      <c r="IO38" s="61">
        <v>5</v>
      </c>
      <c r="IP38" s="61">
        <v>3</v>
      </c>
      <c r="IQ38" s="61">
        <v>1</v>
      </c>
      <c r="IR38" s="61">
        <v>1</v>
      </c>
      <c r="IS38" s="61">
        <v>0</v>
      </c>
      <c r="IT38" s="62">
        <v>10</v>
      </c>
      <c r="IU38" s="63">
        <v>15</v>
      </c>
      <c r="IV38" s="60">
        <v>1</v>
      </c>
      <c r="IW38" s="61">
        <v>5</v>
      </c>
      <c r="IX38" s="62">
        <v>6</v>
      </c>
      <c r="IY38" s="228"/>
      <c r="IZ38" s="61">
        <v>7</v>
      </c>
      <c r="JA38" s="61">
        <v>1</v>
      </c>
      <c r="JB38" s="61">
        <v>0</v>
      </c>
      <c r="JC38" s="61">
        <v>0</v>
      </c>
      <c r="JD38" s="61">
        <v>2</v>
      </c>
      <c r="JE38" s="62">
        <v>10</v>
      </c>
      <c r="JF38" s="63">
        <v>16</v>
      </c>
      <c r="JG38" s="60">
        <v>6</v>
      </c>
      <c r="JH38" s="61">
        <v>4</v>
      </c>
      <c r="JI38" s="62">
        <v>10</v>
      </c>
      <c r="JJ38" s="228"/>
      <c r="JK38" s="61">
        <v>2</v>
      </c>
      <c r="JL38" s="61">
        <v>2</v>
      </c>
      <c r="JM38" s="61">
        <v>1</v>
      </c>
      <c r="JN38" s="61">
        <v>3</v>
      </c>
      <c r="JO38" s="61">
        <v>1</v>
      </c>
      <c r="JP38" s="62">
        <v>9</v>
      </c>
      <c r="JQ38" s="63">
        <v>19</v>
      </c>
      <c r="JR38" s="60">
        <v>0</v>
      </c>
      <c r="JS38" s="61">
        <v>0</v>
      </c>
      <c r="JT38" s="62">
        <v>0</v>
      </c>
      <c r="JU38" s="228"/>
      <c r="JV38" s="61">
        <v>0</v>
      </c>
      <c r="JW38" s="61">
        <v>0</v>
      </c>
      <c r="JX38" s="61">
        <v>0</v>
      </c>
      <c r="JY38" s="61">
        <v>0</v>
      </c>
      <c r="JZ38" s="61">
        <v>0</v>
      </c>
      <c r="KA38" s="62">
        <v>0</v>
      </c>
      <c r="KB38" s="63">
        <v>0</v>
      </c>
      <c r="KC38" s="60">
        <v>11</v>
      </c>
      <c r="KD38" s="61">
        <v>14</v>
      </c>
      <c r="KE38" s="62">
        <v>25</v>
      </c>
      <c r="KF38" s="228"/>
      <c r="KG38" s="61">
        <v>21</v>
      </c>
      <c r="KH38" s="61">
        <v>7</v>
      </c>
      <c r="KI38" s="61">
        <v>4</v>
      </c>
      <c r="KJ38" s="61">
        <v>6</v>
      </c>
      <c r="KK38" s="61">
        <v>3</v>
      </c>
      <c r="KL38" s="62">
        <v>41</v>
      </c>
      <c r="KM38" s="63">
        <v>66</v>
      </c>
    </row>
    <row r="39" spans="2:299" ht="21" customHeight="1" x14ac:dyDescent="0.2">
      <c r="B39" s="472" t="s">
        <v>36</v>
      </c>
      <c r="C39" s="293">
        <v>6</v>
      </c>
      <c r="D39" s="72">
        <v>6</v>
      </c>
      <c r="E39" s="73">
        <v>12</v>
      </c>
      <c r="F39" s="228"/>
      <c r="G39" s="72">
        <v>9</v>
      </c>
      <c r="H39" s="72">
        <v>9</v>
      </c>
      <c r="I39" s="72">
        <v>5</v>
      </c>
      <c r="J39" s="72">
        <v>4</v>
      </c>
      <c r="K39" s="72">
        <v>3</v>
      </c>
      <c r="L39" s="74">
        <v>30</v>
      </c>
      <c r="M39" s="75">
        <v>42</v>
      </c>
      <c r="N39" s="60">
        <v>0</v>
      </c>
      <c r="O39" s="61">
        <v>0</v>
      </c>
      <c r="P39" s="62">
        <v>0</v>
      </c>
      <c r="Q39" s="228"/>
      <c r="R39" s="61">
        <v>0</v>
      </c>
      <c r="S39" s="61">
        <v>1</v>
      </c>
      <c r="T39" s="61">
        <v>0</v>
      </c>
      <c r="U39" s="61">
        <v>0</v>
      </c>
      <c r="V39" s="61">
        <v>0</v>
      </c>
      <c r="W39" s="62">
        <v>1</v>
      </c>
      <c r="X39" s="63">
        <v>1</v>
      </c>
      <c r="Y39" s="60">
        <v>0</v>
      </c>
      <c r="Z39" s="61">
        <v>1</v>
      </c>
      <c r="AA39" s="62">
        <v>1</v>
      </c>
      <c r="AB39" s="228"/>
      <c r="AC39" s="61">
        <v>0</v>
      </c>
      <c r="AD39" s="61">
        <v>2</v>
      </c>
      <c r="AE39" s="61">
        <v>0</v>
      </c>
      <c r="AF39" s="61">
        <v>0</v>
      </c>
      <c r="AG39" s="61">
        <v>0</v>
      </c>
      <c r="AH39" s="62">
        <v>2</v>
      </c>
      <c r="AI39" s="63">
        <v>3</v>
      </c>
      <c r="AJ39" s="60">
        <v>2</v>
      </c>
      <c r="AK39" s="61">
        <v>0</v>
      </c>
      <c r="AL39" s="62">
        <v>2</v>
      </c>
      <c r="AM39" s="228"/>
      <c r="AN39" s="61">
        <v>1</v>
      </c>
      <c r="AO39" s="61">
        <v>2</v>
      </c>
      <c r="AP39" s="61">
        <v>1</v>
      </c>
      <c r="AQ39" s="61">
        <v>0</v>
      </c>
      <c r="AR39" s="61">
        <v>0</v>
      </c>
      <c r="AS39" s="62">
        <v>4</v>
      </c>
      <c r="AT39" s="63">
        <v>6</v>
      </c>
      <c r="AU39" s="60">
        <v>2</v>
      </c>
      <c r="AV39" s="61">
        <v>0</v>
      </c>
      <c r="AW39" s="62">
        <v>2</v>
      </c>
      <c r="AX39" s="228"/>
      <c r="AY39" s="61">
        <v>5</v>
      </c>
      <c r="AZ39" s="61">
        <v>1</v>
      </c>
      <c r="BA39" s="61">
        <v>1</v>
      </c>
      <c r="BB39" s="61">
        <v>1</v>
      </c>
      <c r="BC39" s="61">
        <v>1</v>
      </c>
      <c r="BD39" s="62">
        <v>9</v>
      </c>
      <c r="BE39" s="63">
        <v>11</v>
      </c>
      <c r="BF39" s="60">
        <v>2</v>
      </c>
      <c r="BG39" s="61">
        <v>3</v>
      </c>
      <c r="BH39" s="62">
        <v>5</v>
      </c>
      <c r="BI39" s="228"/>
      <c r="BJ39" s="61">
        <v>3</v>
      </c>
      <c r="BK39" s="61">
        <v>2</v>
      </c>
      <c r="BL39" s="61">
        <v>2</v>
      </c>
      <c r="BM39" s="61">
        <v>1</v>
      </c>
      <c r="BN39" s="61">
        <v>1</v>
      </c>
      <c r="BO39" s="62">
        <v>9</v>
      </c>
      <c r="BP39" s="63">
        <v>14</v>
      </c>
      <c r="BQ39" s="60">
        <v>0</v>
      </c>
      <c r="BR39" s="61">
        <v>2</v>
      </c>
      <c r="BS39" s="62">
        <v>2</v>
      </c>
      <c r="BT39" s="228"/>
      <c r="BU39" s="61">
        <v>0</v>
      </c>
      <c r="BV39" s="61">
        <v>1</v>
      </c>
      <c r="BW39" s="61">
        <v>1</v>
      </c>
      <c r="BX39" s="61">
        <v>2</v>
      </c>
      <c r="BY39" s="61">
        <v>1</v>
      </c>
      <c r="BZ39" s="62">
        <v>5</v>
      </c>
      <c r="CA39" s="63">
        <v>7</v>
      </c>
      <c r="CB39" s="60">
        <v>0</v>
      </c>
      <c r="CC39" s="61">
        <v>0</v>
      </c>
      <c r="CD39" s="62">
        <v>0</v>
      </c>
      <c r="CE39" s="228"/>
      <c r="CF39" s="61">
        <v>0</v>
      </c>
      <c r="CG39" s="61">
        <v>0</v>
      </c>
      <c r="CH39" s="61">
        <v>0</v>
      </c>
      <c r="CI39" s="61">
        <v>0</v>
      </c>
      <c r="CJ39" s="61">
        <v>0</v>
      </c>
      <c r="CK39" s="62">
        <v>0</v>
      </c>
      <c r="CL39" s="63">
        <v>0</v>
      </c>
      <c r="CM39" s="60">
        <v>6</v>
      </c>
      <c r="CN39" s="61">
        <v>6</v>
      </c>
      <c r="CO39" s="62">
        <v>12</v>
      </c>
      <c r="CP39" s="228"/>
      <c r="CQ39" s="61">
        <v>9</v>
      </c>
      <c r="CR39" s="61">
        <v>9</v>
      </c>
      <c r="CS39" s="61">
        <v>5</v>
      </c>
      <c r="CT39" s="61">
        <v>4</v>
      </c>
      <c r="CU39" s="61">
        <v>3</v>
      </c>
      <c r="CV39" s="62">
        <v>30</v>
      </c>
      <c r="CW39" s="63">
        <v>42</v>
      </c>
      <c r="CX39" s="113">
        <v>1</v>
      </c>
      <c r="CY39" s="72">
        <v>6</v>
      </c>
      <c r="CZ39" s="73">
        <v>7</v>
      </c>
      <c r="DA39" s="228"/>
      <c r="DB39" s="72">
        <v>1</v>
      </c>
      <c r="DC39" s="72">
        <v>7</v>
      </c>
      <c r="DD39" s="72">
        <v>2</v>
      </c>
      <c r="DE39" s="72">
        <v>2</v>
      </c>
      <c r="DF39" s="72">
        <v>2</v>
      </c>
      <c r="DG39" s="74">
        <v>14</v>
      </c>
      <c r="DH39" s="75">
        <v>21</v>
      </c>
      <c r="DI39" s="60">
        <v>0</v>
      </c>
      <c r="DJ39" s="61">
        <v>0</v>
      </c>
      <c r="DK39" s="62">
        <v>0</v>
      </c>
      <c r="DL39" s="228"/>
      <c r="DM39" s="61">
        <v>0</v>
      </c>
      <c r="DN39" s="61">
        <v>0</v>
      </c>
      <c r="DO39" s="61">
        <v>0</v>
      </c>
      <c r="DP39" s="61">
        <v>0</v>
      </c>
      <c r="DQ39" s="61">
        <v>0</v>
      </c>
      <c r="DR39" s="62">
        <v>0</v>
      </c>
      <c r="DS39" s="63">
        <v>0</v>
      </c>
      <c r="DT39" s="60">
        <v>0</v>
      </c>
      <c r="DU39" s="61">
        <v>0</v>
      </c>
      <c r="DV39" s="62">
        <v>0</v>
      </c>
      <c r="DW39" s="228"/>
      <c r="DX39" s="61">
        <v>0</v>
      </c>
      <c r="DY39" s="61">
        <v>0</v>
      </c>
      <c r="DZ39" s="61">
        <v>0</v>
      </c>
      <c r="EA39" s="61">
        <v>0</v>
      </c>
      <c r="EB39" s="61">
        <v>0</v>
      </c>
      <c r="EC39" s="62">
        <v>0</v>
      </c>
      <c r="ED39" s="63">
        <v>0</v>
      </c>
      <c r="EE39" s="60">
        <v>0</v>
      </c>
      <c r="EF39" s="61">
        <v>0</v>
      </c>
      <c r="EG39" s="62">
        <v>0</v>
      </c>
      <c r="EH39" s="228"/>
      <c r="EI39" s="61">
        <v>0</v>
      </c>
      <c r="EJ39" s="61">
        <v>0</v>
      </c>
      <c r="EK39" s="61">
        <v>0</v>
      </c>
      <c r="EL39" s="61">
        <v>0</v>
      </c>
      <c r="EM39" s="61">
        <v>0</v>
      </c>
      <c r="EN39" s="62">
        <v>0</v>
      </c>
      <c r="EO39" s="63">
        <v>0</v>
      </c>
      <c r="EP39" s="60">
        <v>0</v>
      </c>
      <c r="EQ39" s="61">
        <v>0</v>
      </c>
      <c r="ER39" s="62">
        <v>0</v>
      </c>
      <c r="ES39" s="228"/>
      <c r="ET39" s="61">
        <v>0</v>
      </c>
      <c r="EU39" s="61">
        <v>0</v>
      </c>
      <c r="EV39" s="61">
        <v>0</v>
      </c>
      <c r="EW39" s="61">
        <v>1</v>
      </c>
      <c r="EX39" s="61">
        <v>0</v>
      </c>
      <c r="EY39" s="62">
        <v>1</v>
      </c>
      <c r="EZ39" s="63">
        <v>1</v>
      </c>
      <c r="FA39" s="60">
        <v>0</v>
      </c>
      <c r="FB39" s="61">
        <v>4</v>
      </c>
      <c r="FC39" s="62">
        <v>4</v>
      </c>
      <c r="FD39" s="228"/>
      <c r="FE39" s="61">
        <v>1</v>
      </c>
      <c r="FF39" s="61">
        <v>3</v>
      </c>
      <c r="FG39" s="61">
        <v>2</v>
      </c>
      <c r="FH39" s="61">
        <v>1</v>
      </c>
      <c r="FI39" s="61">
        <v>1</v>
      </c>
      <c r="FJ39" s="62">
        <v>8</v>
      </c>
      <c r="FK39" s="63">
        <v>12</v>
      </c>
      <c r="FL39" s="60">
        <v>1</v>
      </c>
      <c r="FM39" s="61">
        <v>2</v>
      </c>
      <c r="FN39" s="62">
        <v>3</v>
      </c>
      <c r="FO39" s="228"/>
      <c r="FP39" s="61">
        <v>0</v>
      </c>
      <c r="FQ39" s="61">
        <v>4</v>
      </c>
      <c r="FR39" s="61">
        <v>0</v>
      </c>
      <c r="FS39" s="61">
        <v>0</v>
      </c>
      <c r="FT39" s="61">
        <v>1</v>
      </c>
      <c r="FU39" s="62">
        <v>5</v>
      </c>
      <c r="FV39" s="63">
        <v>8</v>
      </c>
      <c r="FW39" s="60">
        <v>0</v>
      </c>
      <c r="FX39" s="61">
        <v>0</v>
      </c>
      <c r="FY39" s="62">
        <v>0</v>
      </c>
      <c r="FZ39" s="228"/>
      <c r="GA39" s="61">
        <v>0</v>
      </c>
      <c r="GB39" s="61">
        <v>0</v>
      </c>
      <c r="GC39" s="61">
        <v>0</v>
      </c>
      <c r="GD39" s="61">
        <v>0</v>
      </c>
      <c r="GE39" s="61">
        <v>0</v>
      </c>
      <c r="GF39" s="62">
        <v>0</v>
      </c>
      <c r="GG39" s="63">
        <v>0</v>
      </c>
      <c r="GH39" s="60">
        <v>1</v>
      </c>
      <c r="GI39" s="61">
        <v>6</v>
      </c>
      <c r="GJ39" s="62">
        <v>7</v>
      </c>
      <c r="GK39" s="228"/>
      <c r="GL39" s="61">
        <v>1</v>
      </c>
      <c r="GM39" s="61">
        <v>7</v>
      </c>
      <c r="GN39" s="61">
        <v>2</v>
      </c>
      <c r="GO39" s="61">
        <v>2</v>
      </c>
      <c r="GP39" s="61">
        <v>2</v>
      </c>
      <c r="GQ39" s="62">
        <v>14</v>
      </c>
      <c r="GR39" s="63">
        <v>21</v>
      </c>
      <c r="GS39" s="113">
        <v>7</v>
      </c>
      <c r="GT39" s="72">
        <v>12</v>
      </c>
      <c r="GU39" s="73">
        <v>19</v>
      </c>
      <c r="GV39" s="228"/>
      <c r="GW39" s="72">
        <v>10</v>
      </c>
      <c r="GX39" s="72">
        <v>16</v>
      </c>
      <c r="GY39" s="72">
        <v>7</v>
      </c>
      <c r="GZ39" s="72">
        <v>6</v>
      </c>
      <c r="HA39" s="72">
        <v>5</v>
      </c>
      <c r="HB39" s="74">
        <v>44</v>
      </c>
      <c r="HC39" s="75">
        <v>63</v>
      </c>
      <c r="HD39" s="60">
        <v>0</v>
      </c>
      <c r="HE39" s="61">
        <v>0</v>
      </c>
      <c r="HF39" s="62">
        <v>0</v>
      </c>
      <c r="HG39" s="228"/>
      <c r="HH39" s="61">
        <v>0</v>
      </c>
      <c r="HI39" s="61">
        <v>1</v>
      </c>
      <c r="HJ39" s="61">
        <v>0</v>
      </c>
      <c r="HK39" s="61">
        <v>0</v>
      </c>
      <c r="HL39" s="61">
        <v>0</v>
      </c>
      <c r="HM39" s="62">
        <v>1</v>
      </c>
      <c r="HN39" s="63">
        <v>1</v>
      </c>
      <c r="HO39" s="60">
        <v>0</v>
      </c>
      <c r="HP39" s="61">
        <v>1</v>
      </c>
      <c r="HQ39" s="62">
        <v>1</v>
      </c>
      <c r="HR39" s="228"/>
      <c r="HS39" s="61">
        <v>0</v>
      </c>
      <c r="HT39" s="61">
        <v>2</v>
      </c>
      <c r="HU39" s="61">
        <v>0</v>
      </c>
      <c r="HV39" s="61">
        <v>0</v>
      </c>
      <c r="HW39" s="61">
        <v>0</v>
      </c>
      <c r="HX39" s="62">
        <v>2</v>
      </c>
      <c r="HY39" s="63">
        <v>3</v>
      </c>
      <c r="HZ39" s="60">
        <v>2</v>
      </c>
      <c r="IA39" s="61">
        <v>0</v>
      </c>
      <c r="IB39" s="62">
        <v>2</v>
      </c>
      <c r="IC39" s="228"/>
      <c r="ID39" s="61">
        <v>1</v>
      </c>
      <c r="IE39" s="61">
        <v>2</v>
      </c>
      <c r="IF39" s="61">
        <v>1</v>
      </c>
      <c r="IG39" s="61">
        <v>0</v>
      </c>
      <c r="IH39" s="61">
        <v>0</v>
      </c>
      <c r="II39" s="62">
        <v>4</v>
      </c>
      <c r="IJ39" s="63">
        <v>6</v>
      </c>
      <c r="IK39" s="60">
        <v>2</v>
      </c>
      <c r="IL39" s="61">
        <v>0</v>
      </c>
      <c r="IM39" s="62">
        <v>2</v>
      </c>
      <c r="IN39" s="228"/>
      <c r="IO39" s="61">
        <v>5</v>
      </c>
      <c r="IP39" s="61">
        <v>1</v>
      </c>
      <c r="IQ39" s="61">
        <v>1</v>
      </c>
      <c r="IR39" s="61">
        <v>2</v>
      </c>
      <c r="IS39" s="61">
        <v>1</v>
      </c>
      <c r="IT39" s="62">
        <v>10</v>
      </c>
      <c r="IU39" s="63">
        <v>12</v>
      </c>
      <c r="IV39" s="60">
        <v>2</v>
      </c>
      <c r="IW39" s="61">
        <v>7</v>
      </c>
      <c r="IX39" s="62">
        <v>9</v>
      </c>
      <c r="IY39" s="228"/>
      <c r="IZ39" s="61">
        <v>4</v>
      </c>
      <c r="JA39" s="61">
        <v>5</v>
      </c>
      <c r="JB39" s="61">
        <v>4</v>
      </c>
      <c r="JC39" s="61">
        <v>2</v>
      </c>
      <c r="JD39" s="61">
        <v>2</v>
      </c>
      <c r="JE39" s="62">
        <v>17</v>
      </c>
      <c r="JF39" s="63">
        <v>26</v>
      </c>
      <c r="JG39" s="60">
        <v>1</v>
      </c>
      <c r="JH39" s="61">
        <v>4</v>
      </c>
      <c r="JI39" s="62">
        <v>5</v>
      </c>
      <c r="JJ39" s="228"/>
      <c r="JK39" s="61">
        <v>0</v>
      </c>
      <c r="JL39" s="61">
        <v>5</v>
      </c>
      <c r="JM39" s="61">
        <v>1</v>
      </c>
      <c r="JN39" s="61">
        <v>2</v>
      </c>
      <c r="JO39" s="61">
        <v>2</v>
      </c>
      <c r="JP39" s="62">
        <v>10</v>
      </c>
      <c r="JQ39" s="63">
        <v>15</v>
      </c>
      <c r="JR39" s="60">
        <v>0</v>
      </c>
      <c r="JS39" s="61">
        <v>0</v>
      </c>
      <c r="JT39" s="62">
        <v>0</v>
      </c>
      <c r="JU39" s="228"/>
      <c r="JV39" s="61">
        <v>0</v>
      </c>
      <c r="JW39" s="61">
        <v>0</v>
      </c>
      <c r="JX39" s="61">
        <v>0</v>
      </c>
      <c r="JY39" s="61">
        <v>0</v>
      </c>
      <c r="JZ39" s="61">
        <v>0</v>
      </c>
      <c r="KA39" s="62">
        <v>0</v>
      </c>
      <c r="KB39" s="63">
        <v>0</v>
      </c>
      <c r="KC39" s="60">
        <v>7</v>
      </c>
      <c r="KD39" s="61">
        <v>12</v>
      </c>
      <c r="KE39" s="62">
        <v>19</v>
      </c>
      <c r="KF39" s="228"/>
      <c r="KG39" s="61">
        <v>10</v>
      </c>
      <c r="KH39" s="61">
        <v>16</v>
      </c>
      <c r="KI39" s="61">
        <v>7</v>
      </c>
      <c r="KJ39" s="61">
        <v>6</v>
      </c>
      <c r="KK39" s="61">
        <v>5</v>
      </c>
      <c r="KL39" s="62">
        <v>44</v>
      </c>
      <c r="KM39" s="63">
        <v>63</v>
      </c>
    </row>
    <row r="40" spans="2:299" ht="21" customHeight="1" thickBot="1" x14ac:dyDescent="0.25">
      <c r="B40" s="473" t="s">
        <v>37</v>
      </c>
      <c r="C40" s="294">
        <v>1</v>
      </c>
      <c r="D40" s="77">
        <v>0</v>
      </c>
      <c r="E40" s="78">
        <v>1</v>
      </c>
      <c r="F40" s="229"/>
      <c r="G40" s="77">
        <v>0</v>
      </c>
      <c r="H40" s="77">
        <v>0</v>
      </c>
      <c r="I40" s="77">
        <v>0</v>
      </c>
      <c r="J40" s="77">
        <v>2</v>
      </c>
      <c r="K40" s="77">
        <v>0</v>
      </c>
      <c r="L40" s="79">
        <v>2</v>
      </c>
      <c r="M40" s="80">
        <v>3</v>
      </c>
      <c r="N40" s="64">
        <v>0</v>
      </c>
      <c r="O40" s="65">
        <v>0</v>
      </c>
      <c r="P40" s="66">
        <v>0</v>
      </c>
      <c r="Q40" s="229"/>
      <c r="R40" s="65">
        <v>0</v>
      </c>
      <c r="S40" s="65">
        <v>0</v>
      </c>
      <c r="T40" s="65">
        <v>0</v>
      </c>
      <c r="U40" s="65">
        <v>0</v>
      </c>
      <c r="V40" s="65">
        <v>0</v>
      </c>
      <c r="W40" s="66">
        <v>0</v>
      </c>
      <c r="X40" s="67">
        <v>0</v>
      </c>
      <c r="Y40" s="64">
        <v>1</v>
      </c>
      <c r="Z40" s="65">
        <v>0</v>
      </c>
      <c r="AA40" s="66">
        <v>1</v>
      </c>
      <c r="AB40" s="229"/>
      <c r="AC40" s="65">
        <v>0</v>
      </c>
      <c r="AD40" s="65">
        <v>0</v>
      </c>
      <c r="AE40" s="65">
        <v>0</v>
      </c>
      <c r="AF40" s="65">
        <v>1</v>
      </c>
      <c r="AG40" s="65">
        <v>0</v>
      </c>
      <c r="AH40" s="66">
        <v>1</v>
      </c>
      <c r="AI40" s="67">
        <v>2</v>
      </c>
      <c r="AJ40" s="64">
        <v>0</v>
      </c>
      <c r="AK40" s="65">
        <v>0</v>
      </c>
      <c r="AL40" s="66">
        <v>0</v>
      </c>
      <c r="AM40" s="229"/>
      <c r="AN40" s="65">
        <v>0</v>
      </c>
      <c r="AO40" s="65">
        <v>0</v>
      </c>
      <c r="AP40" s="65">
        <v>0</v>
      </c>
      <c r="AQ40" s="65">
        <v>0</v>
      </c>
      <c r="AR40" s="65">
        <v>0</v>
      </c>
      <c r="AS40" s="66">
        <v>0</v>
      </c>
      <c r="AT40" s="67">
        <v>0</v>
      </c>
      <c r="AU40" s="64">
        <v>0</v>
      </c>
      <c r="AV40" s="65">
        <v>0</v>
      </c>
      <c r="AW40" s="66">
        <v>0</v>
      </c>
      <c r="AX40" s="229"/>
      <c r="AY40" s="65">
        <v>0</v>
      </c>
      <c r="AZ40" s="65">
        <v>0</v>
      </c>
      <c r="BA40" s="65">
        <v>0</v>
      </c>
      <c r="BB40" s="65">
        <v>1</v>
      </c>
      <c r="BC40" s="65">
        <v>0</v>
      </c>
      <c r="BD40" s="66">
        <v>1</v>
      </c>
      <c r="BE40" s="67">
        <v>1</v>
      </c>
      <c r="BF40" s="64">
        <v>0</v>
      </c>
      <c r="BG40" s="65">
        <v>0</v>
      </c>
      <c r="BH40" s="66">
        <v>0</v>
      </c>
      <c r="BI40" s="229"/>
      <c r="BJ40" s="65">
        <v>0</v>
      </c>
      <c r="BK40" s="65">
        <v>0</v>
      </c>
      <c r="BL40" s="65">
        <v>0</v>
      </c>
      <c r="BM40" s="65">
        <v>0</v>
      </c>
      <c r="BN40" s="65">
        <v>0</v>
      </c>
      <c r="BO40" s="66">
        <v>0</v>
      </c>
      <c r="BP40" s="67">
        <v>0</v>
      </c>
      <c r="BQ40" s="64">
        <v>0</v>
      </c>
      <c r="BR40" s="65">
        <v>0</v>
      </c>
      <c r="BS40" s="66">
        <v>0</v>
      </c>
      <c r="BT40" s="229"/>
      <c r="BU40" s="65">
        <v>0</v>
      </c>
      <c r="BV40" s="65">
        <v>0</v>
      </c>
      <c r="BW40" s="65">
        <v>0</v>
      </c>
      <c r="BX40" s="65">
        <v>0</v>
      </c>
      <c r="BY40" s="65">
        <v>0</v>
      </c>
      <c r="BZ40" s="66">
        <v>0</v>
      </c>
      <c r="CA40" s="67">
        <v>0</v>
      </c>
      <c r="CB40" s="64">
        <v>0</v>
      </c>
      <c r="CC40" s="65">
        <v>0</v>
      </c>
      <c r="CD40" s="66">
        <v>0</v>
      </c>
      <c r="CE40" s="229"/>
      <c r="CF40" s="65">
        <v>0</v>
      </c>
      <c r="CG40" s="65">
        <v>0</v>
      </c>
      <c r="CH40" s="65">
        <v>0</v>
      </c>
      <c r="CI40" s="65">
        <v>0</v>
      </c>
      <c r="CJ40" s="65">
        <v>0</v>
      </c>
      <c r="CK40" s="66">
        <v>0</v>
      </c>
      <c r="CL40" s="67">
        <v>0</v>
      </c>
      <c r="CM40" s="64">
        <v>1</v>
      </c>
      <c r="CN40" s="65">
        <v>0</v>
      </c>
      <c r="CO40" s="66">
        <v>1</v>
      </c>
      <c r="CP40" s="229"/>
      <c r="CQ40" s="65">
        <v>0</v>
      </c>
      <c r="CR40" s="65">
        <v>0</v>
      </c>
      <c r="CS40" s="65">
        <v>0</v>
      </c>
      <c r="CT40" s="65">
        <v>2</v>
      </c>
      <c r="CU40" s="65">
        <v>0</v>
      </c>
      <c r="CV40" s="66">
        <v>2</v>
      </c>
      <c r="CW40" s="67">
        <v>3</v>
      </c>
      <c r="CX40" s="114">
        <v>0</v>
      </c>
      <c r="CY40" s="77">
        <v>0</v>
      </c>
      <c r="CZ40" s="78">
        <v>0</v>
      </c>
      <c r="DA40" s="229"/>
      <c r="DB40" s="77">
        <v>0</v>
      </c>
      <c r="DC40" s="77">
        <v>0</v>
      </c>
      <c r="DD40" s="77">
        <v>0</v>
      </c>
      <c r="DE40" s="77">
        <v>0</v>
      </c>
      <c r="DF40" s="77">
        <v>1</v>
      </c>
      <c r="DG40" s="79">
        <v>1</v>
      </c>
      <c r="DH40" s="80">
        <v>1</v>
      </c>
      <c r="DI40" s="64">
        <v>0</v>
      </c>
      <c r="DJ40" s="65">
        <v>0</v>
      </c>
      <c r="DK40" s="66">
        <v>0</v>
      </c>
      <c r="DL40" s="229"/>
      <c r="DM40" s="65">
        <v>0</v>
      </c>
      <c r="DN40" s="65">
        <v>0</v>
      </c>
      <c r="DO40" s="65">
        <v>0</v>
      </c>
      <c r="DP40" s="65">
        <v>0</v>
      </c>
      <c r="DQ40" s="65">
        <v>0</v>
      </c>
      <c r="DR40" s="66">
        <v>0</v>
      </c>
      <c r="DS40" s="67">
        <v>0</v>
      </c>
      <c r="DT40" s="64">
        <v>0</v>
      </c>
      <c r="DU40" s="65">
        <v>0</v>
      </c>
      <c r="DV40" s="66">
        <v>0</v>
      </c>
      <c r="DW40" s="229"/>
      <c r="DX40" s="65">
        <v>0</v>
      </c>
      <c r="DY40" s="65">
        <v>0</v>
      </c>
      <c r="DZ40" s="65">
        <v>0</v>
      </c>
      <c r="EA40" s="65">
        <v>0</v>
      </c>
      <c r="EB40" s="65">
        <v>0</v>
      </c>
      <c r="EC40" s="66">
        <v>0</v>
      </c>
      <c r="ED40" s="67">
        <v>0</v>
      </c>
      <c r="EE40" s="64">
        <v>0</v>
      </c>
      <c r="EF40" s="65">
        <v>0</v>
      </c>
      <c r="EG40" s="66">
        <v>0</v>
      </c>
      <c r="EH40" s="229"/>
      <c r="EI40" s="65">
        <v>0</v>
      </c>
      <c r="EJ40" s="65">
        <v>0</v>
      </c>
      <c r="EK40" s="65">
        <v>0</v>
      </c>
      <c r="EL40" s="65">
        <v>0</v>
      </c>
      <c r="EM40" s="65">
        <v>0</v>
      </c>
      <c r="EN40" s="66">
        <v>0</v>
      </c>
      <c r="EO40" s="67">
        <v>0</v>
      </c>
      <c r="EP40" s="64">
        <v>0</v>
      </c>
      <c r="EQ40" s="65">
        <v>0</v>
      </c>
      <c r="ER40" s="66">
        <v>0</v>
      </c>
      <c r="ES40" s="229"/>
      <c r="ET40" s="65">
        <v>0</v>
      </c>
      <c r="EU40" s="65">
        <v>0</v>
      </c>
      <c r="EV40" s="65">
        <v>0</v>
      </c>
      <c r="EW40" s="65">
        <v>0</v>
      </c>
      <c r="EX40" s="65">
        <v>0</v>
      </c>
      <c r="EY40" s="66">
        <v>0</v>
      </c>
      <c r="EZ40" s="67">
        <v>0</v>
      </c>
      <c r="FA40" s="64">
        <v>0</v>
      </c>
      <c r="FB40" s="65">
        <v>0</v>
      </c>
      <c r="FC40" s="66">
        <v>0</v>
      </c>
      <c r="FD40" s="229"/>
      <c r="FE40" s="65">
        <v>0</v>
      </c>
      <c r="FF40" s="65">
        <v>0</v>
      </c>
      <c r="FG40" s="65">
        <v>0</v>
      </c>
      <c r="FH40" s="65">
        <v>0</v>
      </c>
      <c r="FI40" s="65">
        <v>0</v>
      </c>
      <c r="FJ40" s="66">
        <v>0</v>
      </c>
      <c r="FK40" s="67">
        <v>0</v>
      </c>
      <c r="FL40" s="64">
        <v>0</v>
      </c>
      <c r="FM40" s="65">
        <v>0</v>
      </c>
      <c r="FN40" s="66">
        <v>0</v>
      </c>
      <c r="FO40" s="229"/>
      <c r="FP40" s="65">
        <v>0</v>
      </c>
      <c r="FQ40" s="65">
        <v>0</v>
      </c>
      <c r="FR40" s="65">
        <v>0</v>
      </c>
      <c r="FS40" s="65">
        <v>0</v>
      </c>
      <c r="FT40" s="65">
        <v>1</v>
      </c>
      <c r="FU40" s="66">
        <v>1</v>
      </c>
      <c r="FV40" s="67">
        <v>1</v>
      </c>
      <c r="FW40" s="64">
        <v>0</v>
      </c>
      <c r="FX40" s="65">
        <v>0</v>
      </c>
      <c r="FY40" s="66">
        <v>0</v>
      </c>
      <c r="FZ40" s="229"/>
      <c r="GA40" s="65">
        <v>0</v>
      </c>
      <c r="GB40" s="65">
        <v>0</v>
      </c>
      <c r="GC40" s="65">
        <v>0</v>
      </c>
      <c r="GD40" s="65">
        <v>0</v>
      </c>
      <c r="GE40" s="65">
        <v>0</v>
      </c>
      <c r="GF40" s="66">
        <v>0</v>
      </c>
      <c r="GG40" s="67">
        <v>0</v>
      </c>
      <c r="GH40" s="64">
        <v>0</v>
      </c>
      <c r="GI40" s="65">
        <v>0</v>
      </c>
      <c r="GJ40" s="66">
        <v>0</v>
      </c>
      <c r="GK40" s="229"/>
      <c r="GL40" s="65">
        <v>0</v>
      </c>
      <c r="GM40" s="65">
        <v>0</v>
      </c>
      <c r="GN40" s="65">
        <v>0</v>
      </c>
      <c r="GO40" s="65">
        <v>0</v>
      </c>
      <c r="GP40" s="65">
        <v>1</v>
      </c>
      <c r="GQ40" s="66">
        <v>1</v>
      </c>
      <c r="GR40" s="67">
        <v>1</v>
      </c>
      <c r="GS40" s="114">
        <v>1</v>
      </c>
      <c r="GT40" s="77">
        <v>0</v>
      </c>
      <c r="GU40" s="78">
        <v>1</v>
      </c>
      <c r="GV40" s="229"/>
      <c r="GW40" s="77">
        <v>0</v>
      </c>
      <c r="GX40" s="77">
        <v>0</v>
      </c>
      <c r="GY40" s="77">
        <v>0</v>
      </c>
      <c r="GZ40" s="77">
        <v>2</v>
      </c>
      <c r="HA40" s="77">
        <v>1</v>
      </c>
      <c r="HB40" s="79">
        <v>3</v>
      </c>
      <c r="HC40" s="80">
        <v>4</v>
      </c>
      <c r="HD40" s="64">
        <v>0</v>
      </c>
      <c r="HE40" s="65">
        <v>0</v>
      </c>
      <c r="HF40" s="66">
        <v>0</v>
      </c>
      <c r="HG40" s="229"/>
      <c r="HH40" s="65">
        <v>0</v>
      </c>
      <c r="HI40" s="65">
        <v>0</v>
      </c>
      <c r="HJ40" s="65">
        <v>0</v>
      </c>
      <c r="HK40" s="65">
        <v>0</v>
      </c>
      <c r="HL40" s="65">
        <v>0</v>
      </c>
      <c r="HM40" s="66">
        <v>0</v>
      </c>
      <c r="HN40" s="67">
        <v>0</v>
      </c>
      <c r="HO40" s="64">
        <v>1</v>
      </c>
      <c r="HP40" s="65">
        <v>0</v>
      </c>
      <c r="HQ40" s="66">
        <v>1</v>
      </c>
      <c r="HR40" s="229"/>
      <c r="HS40" s="65">
        <v>0</v>
      </c>
      <c r="HT40" s="65">
        <v>0</v>
      </c>
      <c r="HU40" s="65">
        <v>0</v>
      </c>
      <c r="HV40" s="65">
        <v>1</v>
      </c>
      <c r="HW40" s="65">
        <v>0</v>
      </c>
      <c r="HX40" s="66">
        <v>1</v>
      </c>
      <c r="HY40" s="67">
        <v>2</v>
      </c>
      <c r="HZ40" s="64">
        <v>0</v>
      </c>
      <c r="IA40" s="65">
        <v>0</v>
      </c>
      <c r="IB40" s="66">
        <v>0</v>
      </c>
      <c r="IC40" s="229"/>
      <c r="ID40" s="65">
        <v>0</v>
      </c>
      <c r="IE40" s="65">
        <v>0</v>
      </c>
      <c r="IF40" s="65">
        <v>0</v>
      </c>
      <c r="IG40" s="65">
        <v>0</v>
      </c>
      <c r="IH40" s="65">
        <v>0</v>
      </c>
      <c r="II40" s="66">
        <v>0</v>
      </c>
      <c r="IJ40" s="67">
        <v>0</v>
      </c>
      <c r="IK40" s="64">
        <v>0</v>
      </c>
      <c r="IL40" s="65">
        <v>0</v>
      </c>
      <c r="IM40" s="66">
        <v>0</v>
      </c>
      <c r="IN40" s="229"/>
      <c r="IO40" s="65">
        <v>0</v>
      </c>
      <c r="IP40" s="65">
        <v>0</v>
      </c>
      <c r="IQ40" s="65">
        <v>0</v>
      </c>
      <c r="IR40" s="65">
        <v>1</v>
      </c>
      <c r="IS40" s="65">
        <v>0</v>
      </c>
      <c r="IT40" s="66">
        <v>1</v>
      </c>
      <c r="IU40" s="67">
        <v>1</v>
      </c>
      <c r="IV40" s="64">
        <v>0</v>
      </c>
      <c r="IW40" s="65">
        <v>0</v>
      </c>
      <c r="IX40" s="66">
        <v>0</v>
      </c>
      <c r="IY40" s="229"/>
      <c r="IZ40" s="65">
        <v>0</v>
      </c>
      <c r="JA40" s="65">
        <v>0</v>
      </c>
      <c r="JB40" s="65">
        <v>0</v>
      </c>
      <c r="JC40" s="65">
        <v>0</v>
      </c>
      <c r="JD40" s="65">
        <v>0</v>
      </c>
      <c r="JE40" s="66">
        <v>0</v>
      </c>
      <c r="JF40" s="67">
        <v>0</v>
      </c>
      <c r="JG40" s="64">
        <v>0</v>
      </c>
      <c r="JH40" s="65">
        <v>0</v>
      </c>
      <c r="JI40" s="66">
        <v>0</v>
      </c>
      <c r="JJ40" s="229"/>
      <c r="JK40" s="65">
        <v>0</v>
      </c>
      <c r="JL40" s="65">
        <v>0</v>
      </c>
      <c r="JM40" s="65">
        <v>0</v>
      </c>
      <c r="JN40" s="65">
        <v>0</v>
      </c>
      <c r="JO40" s="65">
        <v>1</v>
      </c>
      <c r="JP40" s="66">
        <v>1</v>
      </c>
      <c r="JQ40" s="67">
        <v>1</v>
      </c>
      <c r="JR40" s="64">
        <v>0</v>
      </c>
      <c r="JS40" s="65">
        <v>0</v>
      </c>
      <c r="JT40" s="66">
        <v>0</v>
      </c>
      <c r="JU40" s="229"/>
      <c r="JV40" s="65">
        <v>0</v>
      </c>
      <c r="JW40" s="65">
        <v>0</v>
      </c>
      <c r="JX40" s="65">
        <v>0</v>
      </c>
      <c r="JY40" s="65">
        <v>0</v>
      </c>
      <c r="JZ40" s="65">
        <v>0</v>
      </c>
      <c r="KA40" s="66">
        <v>0</v>
      </c>
      <c r="KB40" s="67">
        <v>0</v>
      </c>
      <c r="KC40" s="64">
        <v>1</v>
      </c>
      <c r="KD40" s="65">
        <v>0</v>
      </c>
      <c r="KE40" s="66">
        <v>1</v>
      </c>
      <c r="KF40" s="229"/>
      <c r="KG40" s="65">
        <v>0</v>
      </c>
      <c r="KH40" s="65">
        <v>0</v>
      </c>
      <c r="KI40" s="65">
        <v>0</v>
      </c>
      <c r="KJ40" s="65">
        <v>2</v>
      </c>
      <c r="KK40" s="65">
        <v>1</v>
      </c>
      <c r="KL40" s="66">
        <v>3</v>
      </c>
      <c r="KM40" s="67">
        <v>4</v>
      </c>
    </row>
    <row r="41" spans="2:299" ht="32.25" customHeight="1" x14ac:dyDescent="0.2">
      <c r="C41" s="289"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8" customWidth="1"/>
    <col min="2" max="2" width="9.77734375" style="18" customWidth="1"/>
    <col min="3" max="6" width="7.77734375" style="16" customWidth="1"/>
    <col min="7" max="7" width="8.109375" style="16" customWidth="1"/>
    <col min="8" max="8" width="7.44140625" style="16" customWidth="1"/>
    <col min="9" max="9" width="9.109375" style="16" customWidth="1"/>
    <col min="10" max="10" width="7.77734375" style="16" customWidth="1"/>
    <col min="11" max="11" width="8.6640625" style="16" customWidth="1"/>
    <col min="12" max="12" width="9.33203125" style="16" customWidth="1"/>
    <col min="13" max="13" width="8.33203125" style="16" customWidth="1"/>
    <col min="14" max="26" width="7.77734375" style="16" customWidth="1"/>
    <col min="27" max="33" width="7.77734375" style="18" customWidth="1"/>
    <col min="34" max="34" width="9" style="18"/>
    <col min="35" max="35" width="8.6640625" style="18" customWidth="1"/>
    <col min="36" max="16384" width="9" style="18"/>
  </cols>
  <sheetData>
    <row r="1" spans="2:35" ht="24" customHeight="1" x14ac:dyDescent="0.2">
      <c r="B1" s="15" t="s">
        <v>133</v>
      </c>
      <c r="F1" s="17"/>
      <c r="G1" s="500">
        <f>第１表!F2</f>
        <v>5</v>
      </c>
      <c r="H1" s="500"/>
      <c r="I1" s="235">
        <f>第１表!G2</f>
        <v>11</v>
      </c>
      <c r="J1" s="505">
        <f>IF(I1&lt;3,I1+12-2,I1-2)</f>
        <v>9</v>
      </c>
      <c r="K1" s="505"/>
    </row>
    <row r="2" spans="2:35" ht="24" customHeight="1" thickBot="1" x14ac:dyDescent="0.25">
      <c r="B2" s="272"/>
      <c r="J2" s="19"/>
      <c r="K2" s="19"/>
      <c r="L2" s="19"/>
      <c r="M2" s="19"/>
      <c r="N2" s="19"/>
      <c r="O2" s="19"/>
      <c r="P2" s="20"/>
      <c r="Q2" s="20"/>
      <c r="R2" s="20"/>
    </row>
    <row r="3" spans="2:35" s="39" customFormat="1" ht="21" customHeight="1" thickBot="1" x14ac:dyDescent="0.25">
      <c r="B3" s="46"/>
      <c r="C3" s="502" t="s">
        <v>53</v>
      </c>
      <c r="D3" s="503"/>
      <c r="E3" s="503"/>
      <c r="F3" s="503"/>
      <c r="G3" s="503"/>
      <c r="H3" s="503"/>
      <c r="I3" s="503"/>
      <c r="J3" s="503"/>
      <c r="K3" s="503"/>
      <c r="L3" s="503"/>
      <c r="M3" s="504"/>
      <c r="N3" s="502" t="s">
        <v>54</v>
      </c>
      <c r="O3" s="503"/>
      <c r="P3" s="503"/>
      <c r="Q3" s="503"/>
      <c r="R3" s="503"/>
      <c r="S3" s="503"/>
      <c r="T3" s="503"/>
      <c r="U3" s="503"/>
      <c r="V3" s="503"/>
      <c r="W3" s="503"/>
      <c r="X3" s="504"/>
      <c r="Y3" s="502" t="s">
        <v>55</v>
      </c>
      <c r="Z3" s="503"/>
      <c r="AA3" s="503"/>
      <c r="AB3" s="503"/>
      <c r="AC3" s="503"/>
      <c r="AD3" s="503"/>
      <c r="AE3" s="503"/>
      <c r="AF3" s="503"/>
      <c r="AG3" s="503"/>
      <c r="AH3" s="503"/>
      <c r="AI3" s="504"/>
    </row>
    <row r="4" spans="2:35" s="39" customFormat="1" ht="30" customHeight="1" thickBot="1" x14ac:dyDescent="0.25">
      <c r="B4" s="46" t="s">
        <v>42</v>
      </c>
      <c r="C4" s="47" t="s">
        <v>43</v>
      </c>
      <c r="D4" s="48" t="s">
        <v>44</v>
      </c>
      <c r="E4" s="49" t="s">
        <v>45</v>
      </c>
      <c r="F4" s="50" t="s">
        <v>46</v>
      </c>
      <c r="G4" s="48" t="s">
        <v>47</v>
      </c>
      <c r="H4" s="48" t="s">
        <v>48</v>
      </c>
      <c r="I4" s="48" t="s">
        <v>49</v>
      </c>
      <c r="J4" s="48" t="s">
        <v>50</v>
      </c>
      <c r="K4" s="48" t="s">
        <v>51</v>
      </c>
      <c r="L4" s="49" t="s">
        <v>45</v>
      </c>
      <c r="M4" s="40" t="s">
        <v>52</v>
      </c>
      <c r="N4" s="47" t="s">
        <v>43</v>
      </c>
      <c r="O4" s="48" t="s">
        <v>44</v>
      </c>
      <c r="P4" s="49" t="s">
        <v>45</v>
      </c>
      <c r="Q4" s="50" t="s">
        <v>46</v>
      </c>
      <c r="R4" s="48" t="s">
        <v>47</v>
      </c>
      <c r="S4" s="48" t="s">
        <v>48</v>
      </c>
      <c r="T4" s="48" t="s">
        <v>49</v>
      </c>
      <c r="U4" s="48" t="s">
        <v>50</v>
      </c>
      <c r="V4" s="48" t="s">
        <v>51</v>
      </c>
      <c r="W4" s="49" t="s">
        <v>45</v>
      </c>
      <c r="X4" s="40" t="s">
        <v>52</v>
      </c>
      <c r="Y4" s="47" t="s">
        <v>43</v>
      </c>
      <c r="Z4" s="48" t="s">
        <v>44</v>
      </c>
      <c r="AA4" s="49" t="s">
        <v>45</v>
      </c>
      <c r="AB4" s="50" t="s">
        <v>46</v>
      </c>
      <c r="AC4" s="48" t="s">
        <v>47</v>
      </c>
      <c r="AD4" s="48" t="s">
        <v>48</v>
      </c>
      <c r="AE4" s="48" t="s">
        <v>49</v>
      </c>
      <c r="AF4" s="48" t="s">
        <v>50</v>
      </c>
      <c r="AG4" s="48" t="s">
        <v>51</v>
      </c>
      <c r="AH4" s="49" t="s">
        <v>45</v>
      </c>
      <c r="AI4" s="40" t="s">
        <v>52</v>
      </c>
    </row>
    <row r="5" spans="2:35" ht="21" customHeight="1" x14ac:dyDescent="0.2">
      <c r="B5" s="470" t="s">
        <v>4</v>
      </c>
      <c r="C5" s="202">
        <v>17111</v>
      </c>
      <c r="D5" s="203">
        <v>30581</v>
      </c>
      <c r="E5" s="204">
        <v>47692</v>
      </c>
      <c r="F5" s="199">
        <v>0</v>
      </c>
      <c r="G5" s="203">
        <v>60417</v>
      </c>
      <c r="H5" s="203">
        <v>62242</v>
      </c>
      <c r="I5" s="203">
        <v>35971</v>
      </c>
      <c r="J5" s="203">
        <v>27708</v>
      </c>
      <c r="K5" s="203">
        <v>16629</v>
      </c>
      <c r="L5" s="204">
        <v>202967</v>
      </c>
      <c r="M5" s="205">
        <v>250659</v>
      </c>
      <c r="N5" s="206">
        <v>331</v>
      </c>
      <c r="O5" s="203">
        <v>884</v>
      </c>
      <c r="P5" s="204">
        <v>1215</v>
      </c>
      <c r="Q5" s="199">
        <v>0</v>
      </c>
      <c r="R5" s="203">
        <v>1070</v>
      </c>
      <c r="S5" s="203">
        <v>1935</v>
      </c>
      <c r="T5" s="203">
        <v>1007</v>
      </c>
      <c r="U5" s="203">
        <v>823</v>
      </c>
      <c r="V5" s="203">
        <v>774</v>
      </c>
      <c r="W5" s="204">
        <v>5609</v>
      </c>
      <c r="X5" s="205">
        <v>6824</v>
      </c>
      <c r="Y5" s="202">
        <v>17442</v>
      </c>
      <c r="Z5" s="203">
        <v>31465</v>
      </c>
      <c r="AA5" s="204">
        <v>48907</v>
      </c>
      <c r="AB5" s="199">
        <v>0</v>
      </c>
      <c r="AC5" s="203">
        <v>61487</v>
      </c>
      <c r="AD5" s="203">
        <v>64177</v>
      </c>
      <c r="AE5" s="203">
        <v>36978</v>
      </c>
      <c r="AF5" s="203">
        <v>28531</v>
      </c>
      <c r="AG5" s="203">
        <v>17403</v>
      </c>
      <c r="AH5" s="204">
        <v>208576</v>
      </c>
      <c r="AI5" s="205">
        <v>257483</v>
      </c>
    </row>
    <row r="6" spans="2:35" ht="21" customHeight="1" x14ac:dyDescent="0.2">
      <c r="B6" s="471" t="s">
        <v>5</v>
      </c>
      <c r="C6" s="207">
        <v>6338</v>
      </c>
      <c r="D6" s="208">
        <v>13666</v>
      </c>
      <c r="E6" s="209">
        <v>20004</v>
      </c>
      <c r="F6" s="200">
        <v>0</v>
      </c>
      <c r="G6" s="208">
        <v>15937</v>
      </c>
      <c r="H6" s="208">
        <v>23191</v>
      </c>
      <c r="I6" s="208">
        <v>11891</v>
      </c>
      <c r="J6" s="208">
        <v>9406</v>
      </c>
      <c r="K6" s="208">
        <v>5569</v>
      </c>
      <c r="L6" s="209">
        <v>65994</v>
      </c>
      <c r="M6" s="210">
        <v>85998</v>
      </c>
      <c r="N6" s="211">
        <v>116</v>
      </c>
      <c r="O6" s="208">
        <v>380</v>
      </c>
      <c r="P6" s="209">
        <v>496</v>
      </c>
      <c r="Q6" s="200">
        <v>0</v>
      </c>
      <c r="R6" s="208">
        <v>228</v>
      </c>
      <c r="S6" s="208">
        <v>796</v>
      </c>
      <c r="T6" s="208">
        <v>381</v>
      </c>
      <c r="U6" s="208">
        <v>287</v>
      </c>
      <c r="V6" s="208">
        <v>291</v>
      </c>
      <c r="W6" s="209">
        <v>1983</v>
      </c>
      <c r="X6" s="210">
        <v>2479</v>
      </c>
      <c r="Y6" s="207">
        <v>6454</v>
      </c>
      <c r="Z6" s="208">
        <v>14046</v>
      </c>
      <c r="AA6" s="209">
        <v>20500</v>
      </c>
      <c r="AB6" s="200">
        <v>0</v>
      </c>
      <c r="AC6" s="208">
        <v>16165</v>
      </c>
      <c r="AD6" s="208">
        <v>23987</v>
      </c>
      <c r="AE6" s="208">
        <v>12272</v>
      </c>
      <c r="AF6" s="208">
        <v>9693</v>
      </c>
      <c r="AG6" s="208">
        <v>5860</v>
      </c>
      <c r="AH6" s="209">
        <v>67977</v>
      </c>
      <c r="AI6" s="210">
        <v>88477</v>
      </c>
    </row>
    <row r="7" spans="2:35" ht="21" customHeight="1" x14ac:dyDescent="0.2">
      <c r="B7" s="472" t="s">
        <v>6</v>
      </c>
      <c r="C7" s="207">
        <v>2389</v>
      </c>
      <c r="D7" s="208">
        <v>3743</v>
      </c>
      <c r="E7" s="209">
        <v>6132</v>
      </c>
      <c r="F7" s="200">
        <v>0</v>
      </c>
      <c r="G7" s="208">
        <v>10839</v>
      </c>
      <c r="H7" s="208">
        <v>9112</v>
      </c>
      <c r="I7" s="208">
        <v>5728</v>
      </c>
      <c r="J7" s="208">
        <v>4491</v>
      </c>
      <c r="K7" s="208">
        <v>2944</v>
      </c>
      <c r="L7" s="209">
        <v>33114</v>
      </c>
      <c r="M7" s="210">
        <v>39246</v>
      </c>
      <c r="N7" s="211">
        <v>70</v>
      </c>
      <c r="O7" s="208">
        <v>120</v>
      </c>
      <c r="P7" s="209">
        <v>190</v>
      </c>
      <c r="Q7" s="200">
        <v>0</v>
      </c>
      <c r="R7" s="208">
        <v>233</v>
      </c>
      <c r="S7" s="208">
        <v>266</v>
      </c>
      <c r="T7" s="208">
        <v>154</v>
      </c>
      <c r="U7" s="208">
        <v>147</v>
      </c>
      <c r="V7" s="208">
        <v>141</v>
      </c>
      <c r="W7" s="209">
        <v>941</v>
      </c>
      <c r="X7" s="210">
        <v>1131</v>
      </c>
      <c r="Y7" s="207">
        <v>2459</v>
      </c>
      <c r="Z7" s="208">
        <v>3863</v>
      </c>
      <c r="AA7" s="209">
        <v>6322</v>
      </c>
      <c r="AB7" s="200">
        <v>0</v>
      </c>
      <c r="AC7" s="208">
        <v>11072</v>
      </c>
      <c r="AD7" s="208">
        <v>9378</v>
      </c>
      <c r="AE7" s="208">
        <v>5882</v>
      </c>
      <c r="AF7" s="208">
        <v>4638</v>
      </c>
      <c r="AG7" s="208">
        <v>3085</v>
      </c>
      <c r="AH7" s="209">
        <v>34055</v>
      </c>
      <c r="AI7" s="210">
        <v>40377</v>
      </c>
    </row>
    <row r="8" spans="2:35" ht="21" customHeight="1" x14ac:dyDescent="0.2">
      <c r="B8" s="472" t="s">
        <v>14</v>
      </c>
      <c r="C8" s="207">
        <v>1183</v>
      </c>
      <c r="D8" s="208">
        <v>2706</v>
      </c>
      <c r="E8" s="209">
        <v>3889</v>
      </c>
      <c r="F8" s="200">
        <v>0</v>
      </c>
      <c r="G8" s="208">
        <v>4578</v>
      </c>
      <c r="H8" s="208">
        <v>5698</v>
      </c>
      <c r="I8" s="208">
        <v>3582</v>
      </c>
      <c r="J8" s="208">
        <v>2413</v>
      </c>
      <c r="K8" s="208">
        <v>1369</v>
      </c>
      <c r="L8" s="209">
        <v>17640</v>
      </c>
      <c r="M8" s="210">
        <v>21529</v>
      </c>
      <c r="N8" s="211">
        <v>19</v>
      </c>
      <c r="O8" s="208">
        <v>102</v>
      </c>
      <c r="P8" s="209">
        <v>121</v>
      </c>
      <c r="Q8" s="200">
        <v>0</v>
      </c>
      <c r="R8" s="208">
        <v>54</v>
      </c>
      <c r="S8" s="208">
        <v>177</v>
      </c>
      <c r="T8" s="208">
        <v>83</v>
      </c>
      <c r="U8" s="208">
        <v>80</v>
      </c>
      <c r="V8" s="208">
        <v>69</v>
      </c>
      <c r="W8" s="209">
        <v>463</v>
      </c>
      <c r="X8" s="210">
        <v>584</v>
      </c>
      <c r="Y8" s="207">
        <v>1202</v>
      </c>
      <c r="Z8" s="208">
        <v>2808</v>
      </c>
      <c r="AA8" s="209">
        <v>4010</v>
      </c>
      <c r="AB8" s="200">
        <v>0</v>
      </c>
      <c r="AC8" s="208">
        <v>4632</v>
      </c>
      <c r="AD8" s="208">
        <v>5875</v>
      </c>
      <c r="AE8" s="208">
        <v>3665</v>
      </c>
      <c r="AF8" s="208">
        <v>2493</v>
      </c>
      <c r="AG8" s="208">
        <v>1438</v>
      </c>
      <c r="AH8" s="209">
        <v>18103</v>
      </c>
      <c r="AI8" s="210">
        <v>22113</v>
      </c>
    </row>
    <row r="9" spans="2:35" ht="21" customHeight="1" x14ac:dyDescent="0.2">
      <c r="B9" s="472" t="s">
        <v>7</v>
      </c>
      <c r="C9" s="207">
        <v>581</v>
      </c>
      <c r="D9" s="208">
        <v>885</v>
      </c>
      <c r="E9" s="209">
        <v>1466</v>
      </c>
      <c r="F9" s="200">
        <v>0</v>
      </c>
      <c r="G9" s="208">
        <v>5093</v>
      </c>
      <c r="H9" s="208">
        <v>3596</v>
      </c>
      <c r="I9" s="208">
        <v>1926</v>
      </c>
      <c r="J9" s="208">
        <v>1535</v>
      </c>
      <c r="K9" s="208">
        <v>891</v>
      </c>
      <c r="L9" s="209">
        <v>13041</v>
      </c>
      <c r="M9" s="210">
        <v>14507</v>
      </c>
      <c r="N9" s="211">
        <v>5</v>
      </c>
      <c r="O9" s="208">
        <v>16</v>
      </c>
      <c r="P9" s="209">
        <v>21</v>
      </c>
      <c r="Q9" s="200">
        <v>0</v>
      </c>
      <c r="R9" s="208">
        <v>96</v>
      </c>
      <c r="S9" s="208">
        <v>103</v>
      </c>
      <c r="T9" s="208">
        <v>43</v>
      </c>
      <c r="U9" s="208">
        <v>45</v>
      </c>
      <c r="V9" s="208">
        <v>26</v>
      </c>
      <c r="W9" s="209">
        <v>313</v>
      </c>
      <c r="X9" s="210">
        <v>334</v>
      </c>
      <c r="Y9" s="207">
        <v>586</v>
      </c>
      <c r="Z9" s="208">
        <v>901</v>
      </c>
      <c r="AA9" s="209">
        <v>1487</v>
      </c>
      <c r="AB9" s="200">
        <v>0</v>
      </c>
      <c r="AC9" s="208">
        <v>5189</v>
      </c>
      <c r="AD9" s="208">
        <v>3699</v>
      </c>
      <c r="AE9" s="208">
        <v>1969</v>
      </c>
      <c r="AF9" s="208">
        <v>1580</v>
      </c>
      <c r="AG9" s="208">
        <v>917</v>
      </c>
      <c r="AH9" s="209">
        <v>13354</v>
      </c>
      <c r="AI9" s="210">
        <v>14841</v>
      </c>
    </row>
    <row r="10" spans="2:35" ht="21" customHeight="1" x14ac:dyDescent="0.2">
      <c r="B10" s="472" t="s">
        <v>8</v>
      </c>
      <c r="C10" s="207">
        <v>600</v>
      </c>
      <c r="D10" s="208">
        <v>698</v>
      </c>
      <c r="E10" s="209">
        <v>1298</v>
      </c>
      <c r="F10" s="200">
        <v>0</v>
      </c>
      <c r="G10" s="208">
        <v>2121</v>
      </c>
      <c r="H10" s="208">
        <v>2156</v>
      </c>
      <c r="I10" s="208">
        <v>1270</v>
      </c>
      <c r="J10" s="208">
        <v>925</v>
      </c>
      <c r="K10" s="208">
        <v>537</v>
      </c>
      <c r="L10" s="209">
        <v>7009</v>
      </c>
      <c r="M10" s="210">
        <v>8307</v>
      </c>
      <c r="N10" s="211">
        <v>9</v>
      </c>
      <c r="O10" s="208">
        <v>23</v>
      </c>
      <c r="P10" s="209">
        <v>32</v>
      </c>
      <c r="Q10" s="200">
        <v>0</v>
      </c>
      <c r="R10" s="208">
        <v>40</v>
      </c>
      <c r="S10" s="208">
        <v>67</v>
      </c>
      <c r="T10" s="208">
        <v>32</v>
      </c>
      <c r="U10" s="208">
        <v>27</v>
      </c>
      <c r="V10" s="208">
        <v>18</v>
      </c>
      <c r="W10" s="209">
        <v>184</v>
      </c>
      <c r="X10" s="210">
        <v>216</v>
      </c>
      <c r="Y10" s="207">
        <v>609</v>
      </c>
      <c r="Z10" s="208">
        <v>721</v>
      </c>
      <c r="AA10" s="209">
        <v>1330</v>
      </c>
      <c r="AB10" s="200">
        <v>0</v>
      </c>
      <c r="AC10" s="208">
        <v>2161</v>
      </c>
      <c r="AD10" s="208">
        <v>2223</v>
      </c>
      <c r="AE10" s="208">
        <v>1302</v>
      </c>
      <c r="AF10" s="208">
        <v>952</v>
      </c>
      <c r="AG10" s="208">
        <v>555</v>
      </c>
      <c r="AH10" s="209">
        <v>7193</v>
      </c>
      <c r="AI10" s="210">
        <v>8523</v>
      </c>
    </row>
    <row r="11" spans="2:35" ht="21" customHeight="1" x14ac:dyDescent="0.2">
      <c r="B11" s="472" t="s">
        <v>9</v>
      </c>
      <c r="C11" s="207">
        <v>501</v>
      </c>
      <c r="D11" s="208">
        <v>597</v>
      </c>
      <c r="E11" s="209">
        <v>1098</v>
      </c>
      <c r="F11" s="200">
        <v>0</v>
      </c>
      <c r="G11" s="208">
        <v>2016</v>
      </c>
      <c r="H11" s="208">
        <v>1498</v>
      </c>
      <c r="I11" s="208">
        <v>996</v>
      </c>
      <c r="J11" s="208">
        <v>862</v>
      </c>
      <c r="K11" s="208">
        <v>525</v>
      </c>
      <c r="L11" s="209">
        <v>5897</v>
      </c>
      <c r="M11" s="210">
        <v>6995</v>
      </c>
      <c r="N11" s="211">
        <v>4</v>
      </c>
      <c r="O11" s="208">
        <v>15</v>
      </c>
      <c r="P11" s="209">
        <v>19</v>
      </c>
      <c r="Q11" s="200">
        <v>0</v>
      </c>
      <c r="R11" s="208">
        <v>28</v>
      </c>
      <c r="S11" s="208">
        <v>34</v>
      </c>
      <c r="T11" s="208">
        <v>23</v>
      </c>
      <c r="U11" s="208">
        <v>17</v>
      </c>
      <c r="V11" s="208">
        <v>14</v>
      </c>
      <c r="W11" s="209">
        <v>116</v>
      </c>
      <c r="X11" s="210">
        <v>135</v>
      </c>
      <c r="Y11" s="207">
        <v>505</v>
      </c>
      <c r="Z11" s="208">
        <v>612</v>
      </c>
      <c r="AA11" s="209">
        <v>1117</v>
      </c>
      <c r="AB11" s="200">
        <v>0</v>
      </c>
      <c r="AC11" s="208">
        <v>2044</v>
      </c>
      <c r="AD11" s="208">
        <v>1532</v>
      </c>
      <c r="AE11" s="208">
        <v>1019</v>
      </c>
      <c r="AF11" s="208">
        <v>879</v>
      </c>
      <c r="AG11" s="208">
        <v>539</v>
      </c>
      <c r="AH11" s="209">
        <v>6013</v>
      </c>
      <c r="AI11" s="210">
        <v>7130</v>
      </c>
    </row>
    <row r="12" spans="2:35" ht="21" customHeight="1" x14ac:dyDescent="0.2">
      <c r="B12" s="472" t="s">
        <v>10</v>
      </c>
      <c r="C12" s="207">
        <v>1327</v>
      </c>
      <c r="D12" s="208">
        <v>1600</v>
      </c>
      <c r="E12" s="209">
        <v>2927</v>
      </c>
      <c r="F12" s="200">
        <v>0</v>
      </c>
      <c r="G12" s="208">
        <v>4087</v>
      </c>
      <c r="H12" s="208">
        <v>2474</v>
      </c>
      <c r="I12" s="208">
        <v>1564</v>
      </c>
      <c r="J12" s="208">
        <v>1337</v>
      </c>
      <c r="K12" s="208">
        <v>883</v>
      </c>
      <c r="L12" s="209">
        <v>10345</v>
      </c>
      <c r="M12" s="210">
        <v>13272</v>
      </c>
      <c r="N12" s="211">
        <v>31</v>
      </c>
      <c r="O12" s="208">
        <v>39</v>
      </c>
      <c r="P12" s="209">
        <v>70</v>
      </c>
      <c r="Q12" s="200">
        <v>0</v>
      </c>
      <c r="R12" s="208">
        <v>105</v>
      </c>
      <c r="S12" s="208">
        <v>79</v>
      </c>
      <c r="T12" s="208">
        <v>41</v>
      </c>
      <c r="U12" s="208">
        <v>34</v>
      </c>
      <c r="V12" s="208">
        <v>41</v>
      </c>
      <c r="W12" s="209">
        <v>300</v>
      </c>
      <c r="X12" s="210">
        <v>370</v>
      </c>
      <c r="Y12" s="207">
        <v>1358</v>
      </c>
      <c r="Z12" s="208">
        <v>1639</v>
      </c>
      <c r="AA12" s="209">
        <v>2997</v>
      </c>
      <c r="AB12" s="200">
        <v>0</v>
      </c>
      <c r="AC12" s="208">
        <v>4192</v>
      </c>
      <c r="AD12" s="208">
        <v>2553</v>
      </c>
      <c r="AE12" s="208">
        <v>1605</v>
      </c>
      <c r="AF12" s="208">
        <v>1371</v>
      </c>
      <c r="AG12" s="208">
        <v>924</v>
      </c>
      <c r="AH12" s="209">
        <v>10645</v>
      </c>
      <c r="AI12" s="210">
        <v>13642</v>
      </c>
    </row>
    <row r="13" spans="2:35" ht="21" customHeight="1" x14ac:dyDescent="0.2">
      <c r="B13" s="472" t="s">
        <v>11</v>
      </c>
      <c r="C13" s="207">
        <v>547</v>
      </c>
      <c r="D13" s="208">
        <v>608</v>
      </c>
      <c r="E13" s="209">
        <v>1155</v>
      </c>
      <c r="F13" s="200">
        <v>0</v>
      </c>
      <c r="G13" s="208">
        <v>2143</v>
      </c>
      <c r="H13" s="208">
        <v>1367</v>
      </c>
      <c r="I13" s="208">
        <v>975</v>
      </c>
      <c r="J13" s="208">
        <v>779</v>
      </c>
      <c r="K13" s="208">
        <v>386</v>
      </c>
      <c r="L13" s="209">
        <v>5650</v>
      </c>
      <c r="M13" s="210">
        <v>6805</v>
      </c>
      <c r="N13" s="211">
        <v>11</v>
      </c>
      <c r="O13" s="208">
        <v>9</v>
      </c>
      <c r="P13" s="209">
        <v>20</v>
      </c>
      <c r="Q13" s="200">
        <v>0</v>
      </c>
      <c r="R13" s="208">
        <v>47</v>
      </c>
      <c r="S13" s="208">
        <v>31</v>
      </c>
      <c r="T13" s="208">
        <v>26</v>
      </c>
      <c r="U13" s="208">
        <v>19</v>
      </c>
      <c r="V13" s="208">
        <v>17</v>
      </c>
      <c r="W13" s="209">
        <v>140</v>
      </c>
      <c r="X13" s="210">
        <v>160</v>
      </c>
      <c r="Y13" s="207">
        <v>558</v>
      </c>
      <c r="Z13" s="208">
        <v>617</v>
      </c>
      <c r="AA13" s="209">
        <v>1175</v>
      </c>
      <c r="AB13" s="200">
        <v>0</v>
      </c>
      <c r="AC13" s="208">
        <v>2190</v>
      </c>
      <c r="AD13" s="208">
        <v>1398</v>
      </c>
      <c r="AE13" s="208">
        <v>1001</v>
      </c>
      <c r="AF13" s="208">
        <v>798</v>
      </c>
      <c r="AG13" s="208">
        <v>403</v>
      </c>
      <c r="AH13" s="209">
        <v>5790</v>
      </c>
      <c r="AI13" s="210">
        <v>6965</v>
      </c>
    </row>
    <row r="14" spans="2:35" ht="21" customHeight="1" x14ac:dyDescent="0.2">
      <c r="B14" s="472" t="s">
        <v>12</v>
      </c>
      <c r="C14" s="207">
        <v>727</v>
      </c>
      <c r="D14" s="208">
        <v>1116</v>
      </c>
      <c r="E14" s="209">
        <v>1843</v>
      </c>
      <c r="F14" s="200">
        <v>0</v>
      </c>
      <c r="G14" s="208">
        <v>1723</v>
      </c>
      <c r="H14" s="208">
        <v>1502</v>
      </c>
      <c r="I14" s="208">
        <v>980</v>
      </c>
      <c r="J14" s="208">
        <v>862</v>
      </c>
      <c r="K14" s="208">
        <v>491</v>
      </c>
      <c r="L14" s="209">
        <v>5558</v>
      </c>
      <c r="M14" s="210">
        <v>7401</v>
      </c>
      <c r="N14" s="211">
        <v>12</v>
      </c>
      <c r="O14" s="208">
        <v>33</v>
      </c>
      <c r="P14" s="209">
        <v>45</v>
      </c>
      <c r="Q14" s="200">
        <v>0</v>
      </c>
      <c r="R14" s="208">
        <v>23</v>
      </c>
      <c r="S14" s="208">
        <v>34</v>
      </c>
      <c r="T14" s="208">
        <v>23</v>
      </c>
      <c r="U14" s="208">
        <v>21</v>
      </c>
      <c r="V14" s="208">
        <v>16</v>
      </c>
      <c r="W14" s="209">
        <v>117</v>
      </c>
      <c r="X14" s="210">
        <v>162</v>
      </c>
      <c r="Y14" s="207">
        <v>739</v>
      </c>
      <c r="Z14" s="208">
        <v>1149</v>
      </c>
      <c r="AA14" s="209">
        <v>1888</v>
      </c>
      <c r="AB14" s="200">
        <v>0</v>
      </c>
      <c r="AC14" s="208">
        <v>1746</v>
      </c>
      <c r="AD14" s="208">
        <v>1536</v>
      </c>
      <c r="AE14" s="208">
        <v>1003</v>
      </c>
      <c r="AF14" s="208">
        <v>883</v>
      </c>
      <c r="AG14" s="208">
        <v>507</v>
      </c>
      <c r="AH14" s="209">
        <v>5675</v>
      </c>
      <c r="AI14" s="210">
        <v>7563</v>
      </c>
    </row>
    <row r="15" spans="2:35" ht="21" customHeight="1" x14ac:dyDescent="0.2">
      <c r="B15" s="472" t="s">
        <v>13</v>
      </c>
      <c r="C15" s="207">
        <v>126</v>
      </c>
      <c r="D15" s="208">
        <v>221</v>
      </c>
      <c r="E15" s="209">
        <v>347</v>
      </c>
      <c r="F15" s="200">
        <v>0</v>
      </c>
      <c r="G15" s="208">
        <v>651</v>
      </c>
      <c r="H15" s="208">
        <v>641</v>
      </c>
      <c r="I15" s="208">
        <v>382</v>
      </c>
      <c r="J15" s="208">
        <v>316</v>
      </c>
      <c r="K15" s="208">
        <v>213</v>
      </c>
      <c r="L15" s="209">
        <v>2203</v>
      </c>
      <c r="M15" s="210">
        <v>2550</v>
      </c>
      <c r="N15" s="211">
        <v>0</v>
      </c>
      <c r="O15" s="208">
        <v>3</v>
      </c>
      <c r="P15" s="209">
        <v>3</v>
      </c>
      <c r="Q15" s="200">
        <v>0</v>
      </c>
      <c r="R15" s="208">
        <v>14</v>
      </c>
      <c r="S15" s="208">
        <v>13</v>
      </c>
      <c r="T15" s="208">
        <v>9</v>
      </c>
      <c r="U15" s="208">
        <v>5</v>
      </c>
      <c r="V15" s="208">
        <v>10</v>
      </c>
      <c r="W15" s="209">
        <v>51</v>
      </c>
      <c r="X15" s="210">
        <v>54</v>
      </c>
      <c r="Y15" s="207">
        <v>126</v>
      </c>
      <c r="Z15" s="208">
        <v>224</v>
      </c>
      <c r="AA15" s="209">
        <v>350</v>
      </c>
      <c r="AB15" s="200">
        <v>0</v>
      </c>
      <c r="AC15" s="208">
        <v>665</v>
      </c>
      <c r="AD15" s="208">
        <v>654</v>
      </c>
      <c r="AE15" s="208">
        <v>391</v>
      </c>
      <c r="AF15" s="208">
        <v>321</v>
      </c>
      <c r="AG15" s="208">
        <v>223</v>
      </c>
      <c r="AH15" s="209">
        <v>2254</v>
      </c>
      <c r="AI15" s="210">
        <v>2604</v>
      </c>
    </row>
    <row r="16" spans="2:35" ht="21" customHeight="1" x14ac:dyDescent="0.2">
      <c r="B16" s="472" t="s">
        <v>15</v>
      </c>
      <c r="C16" s="207">
        <v>98</v>
      </c>
      <c r="D16" s="208">
        <v>183</v>
      </c>
      <c r="E16" s="209">
        <v>281</v>
      </c>
      <c r="F16" s="200">
        <v>0</v>
      </c>
      <c r="G16" s="208">
        <v>540</v>
      </c>
      <c r="H16" s="208">
        <v>588</v>
      </c>
      <c r="I16" s="208">
        <v>317</v>
      </c>
      <c r="J16" s="208">
        <v>197</v>
      </c>
      <c r="K16" s="208">
        <v>126</v>
      </c>
      <c r="L16" s="209">
        <v>1768</v>
      </c>
      <c r="M16" s="210">
        <v>2049</v>
      </c>
      <c r="N16" s="211">
        <v>0</v>
      </c>
      <c r="O16" s="208">
        <v>5</v>
      </c>
      <c r="P16" s="209">
        <v>5</v>
      </c>
      <c r="Q16" s="200">
        <v>0</v>
      </c>
      <c r="R16" s="208">
        <v>9</v>
      </c>
      <c r="S16" s="208">
        <v>12</v>
      </c>
      <c r="T16" s="208">
        <v>1</v>
      </c>
      <c r="U16" s="208">
        <v>3</v>
      </c>
      <c r="V16" s="208">
        <v>7</v>
      </c>
      <c r="W16" s="209">
        <v>32</v>
      </c>
      <c r="X16" s="210">
        <v>37</v>
      </c>
      <c r="Y16" s="207">
        <v>98</v>
      </c>
      <c r="Z16" s="208">
        <v>188</v>
      </c>
      <c r="AA16" s="209">
        <v>286</v>
      </c>
      <c r="AB16" s="200">
        <v>0</v>
      </c>
      <c r="AC16" s="208">
        <v>549</v>
      </c>
      <c r="AD16" s="208">
        <v>600</v>
      </c>
      <c r="AE16" s="208">
        <v>318</v>
      </c>
      <c r="AF16" s="208">
        <v>200</v>
      </c>
      <c r="AG16" s="208">
        <v>133</v>
      </c>
      <c r="AH16" s="209">
        <v>1800</v>
      </c>
      <c r="AI16" s="210">
        <v>2086</v>
      </c>
    </row>
    <row r="17" spans="2:35" ht="21" customHeight="1" x14ac:dyDescent="0.2">
      <c r="B17" s="472" t="s">
        <v>16</v>
      </c>
      <c r="C17" s="207">
        <v>248</v>
      </c>
      <c r="D17" s="208">
        <v>478</v>
      </c>
      <c r="E17" s="209">
        <v>726</v>
      </c>
      <c r="F17" s="200">
        <v>0</v>
      </c>
      <c r="G17" s="208">
        <v>976</v>
      </c>
      <c r="H17" s="208">
        <v>1346</v>
      </c>
      <c r="I17" s="208">
        <v>698</v>
      </c>
      <c r="J17" s="208">
        <v>531</v>
      </c>
      <c r="K17" s="208">
        <v>327</v>
      </c>
      <c r="L17" s="209">
        <v>3878</v>
      </c>
      <c r="M17" s="210">
        <v>4604</v>
      </c>
      <c r="N17" s="211">
        <v>6</v>
      </c>
      <c r="O17" s="208">
        <v>12</v>
      </c>
      <c r="P17" s="209">
        <v>18</v>
      </c>
      <c r="Q17" s="200">
        <v>0</v>
      </c>
      <c r="R17" s="208">
        <v>16</v>
      </c>
      <c r="S17" s="208">
        <v>37</v>
      </c>
      <c r="T17" s="208">
        <v>24</v>
      </c>
      <c r="U17" s="208">
        <v>12</v>
      </c>
      <c r="V17" s="208">
        <v>15</v>
      </c>
      <c r="W17" s="209">
        <v>104</v>
      </c>
      <c r="X17" s="210">
        <v>122</v>
      </c>
      <c r="Y17" s="207">
        <v>254</v>
      </c>
      <c r="Z17" s="208">
        <v>490</v>
      </c>
      <c r="AA17" s="209">
        <v>744</v>
      </c>
      <c r="AB17" s="200">
        <v>0</v>
      </c>
      <c r="AC17" s="208">
        <v>992</v>
      </c>
      <c r="AD17" s="208">
        <v>1383</v>
      </c>
      <c r="AE17" s="208">
        <v>722</v>
      </c>
      <c r="AF17" s="208">
        <v>543</v>
      </c>
      <c r="AG17" s="208">
        <v>342</v>
      </c>
      <c r="AH17" s="209">
        <v>3982</v>
      </c>
      <c r="AI17" s="210">
        <v>4726</v>
      </c>
    </row>
    <row r="18" spans="2:35" ht="21" customHeight="1" x14ac:dyDescent="0.2">
      <c r="B18" s="472" t="s">
        <v>17</v>
      </c>
      <c r="C18" s="207">
        <v>304</v>
      </c>
      <c r="D18" s="208">
        <v>603</v>
      </c>
      <c r="E18" s="209">
        <v>907</v>
      </c>
      <c r="F18" s="200">
        <v>0</v>
      </c>
      <c r="G18" s="208">
        <v>1160</v>
      </c>
      <c r="H18" s="208">
        <v>1709</v>
      </c>
      <c r="I18" s="208">
        <v>1014</v>
      </c>
      <c r="J18" s="208">
        <v>737</v>
      </c>
      <c r="K18" s="208">
        <v>444</v>
      </c>
      <c r="L18" s="209">
        <v>5064</v>
      </c>
      <c r="M18" s="210">
        <v>5971</v>
      </c>
      <c r="N18" s="211">
        <v>3</v>
      </c>
      <c r="O18" s="208">
        <v>27</v>
      </c>
      <c r="P18" s="209">
        <v>30</v>
      </c>
      <c r="Q18" s="200">
        <v>0</v>
      </c>
      <c r="R18" s="208">
        <v>18</v>
      </c>
      <c r="S18" s="208">
        <v>56</v>
      </c>
      <c r="T18" s="208">
        <v>38</v>
      </c>
      <c r="U18" s="208">
        <v>25</v>
      </c>
      <c r="V18" s="208">
        <v>22</v>
      </c>
      <c r="W18" s="209">
        <v>159</v>
      </c>
      <c r="X18" s="210">
        <v>189</v>
      </c>
      <c r="Y18" s="207">
        <v>307</v>
      </c>
      <c r="Z18" s="208">
        <v>630</v>
      </c>
      <c r="AA18" s="209">
        <v>937</v>
      </c>
      <c r="AB18" s="200">
        <v>0</v>
      </c>
      <c r="AC18" s="208">
        <v>1178</v>
      </c>
      <c r="AD18" s="208">
        <v>1765</v>
      </c>
      <c r="AE18" s="208">
        <v>1052</v>
      </c>
      <c r="AF18" s="208">
        <v>762</v>
      </c>
      <c r="AG18" s="208">
        <v>466</v>
      </c>
      <c r="AH18" s="209">
        <v>5223</v>
      </c>
      <c r="AI18" s="210">
        <v>6160</v>
      </c>
    </row>
    <row r="19" spans="2:35" ht="21" customHeight="1" x14ac:dyDescent="0.2">
      <c r="B19" s="472" t="s">
        <v>18</v>
      </c>
      <c r="C19" s="207">
        <v>375</v>
      </c>
      <c r="D19" s="208">
        <v>679</v>
      </c>
      <c r="E19" s="209">
        <v>1054</v>
      </c>
      <c r="F19" s="200">
        <v>0</v>
      </c>
      <c r="G19" s="208">
        <v>1828</v>
      </c>
      <c r="H19" s="208">
        <v>1734</v>
      </c>
      <c r="I19" s="208">
        <v>1086</v>
      </c>
      <c r="J19" s="208">
        <v>771</v>
      </c>
      <c r="K19" s="208">
        <v>442</v>
      </c>
      <c r="L19" s="209">
        <v>5861</v>
      </c>
      <c r="M19" s="210">
        <v>6915</v>
      </c>
      <c r="N19" s="211">
        <v>13</v>
      </c>
      <c r="O19" s="208">
        <v>24</v>
      </c>
      <c r="P19" s="209">
        <v>37</v>
      </c>
      <c r="Q19" s="200">
        <v>0</v>
      </c>
      <c r="R19" s="208">
        <v>45</v>
      </c>
      <c r="S19" s="208">
        <v>54</v>
      </c>
      <c r="T19" s="208">
        <v>27</v>
      </c>
      <c r="U19" s="208">
        <v>32</v>
      </c>
      <c r="V19" s="208">
        <v>26</v>
      </c>
      <c r="W19" s="209">
        <v>184</v>
      </c>
      <c r="X19" s="210">
        <v>221</v>
      </c>
      <c r="Y19" s="207">
        <v>388</v>
      </c>
      <c r="Z19" s="208">
        <v>703</v>
      </c>
      <c r="AA19" s="209">
        <v>1091</v>
      </c>
      <c r="AB19" s="200">
        <v>0</v>
      </c>
      <c r="AC19" s="208">
        <v>1873</v>
      </c>
      <c r="AD19" s="208">
        <v>1788</v>
      </c>
      <c r="AE19" s="208">
        <v>1113</v>
      </c>
      <c r="AF19" s="208">
        <v>803</v>
      </c>
      <c r="AG19" s="208">
        <v>468</v>
      </c>
      <c r="AH19" s="209">
        <v>6045</v>
      </c>
      <c r="AI19" s="210">
        <v>7136</v>
      </c>
    </row>
    <row r="20" spans="2:35" ht="21" customHeight="1" x14ac:dyDescent="0.2">
      <c r="B20" s="472" t="s">
        <v>19</v>
      </c>
      <c r="C20" s="207">
        <v>230</v>
      </c>
      <c r="D20" s="208">
        <v>314</v>
      </c>
      <c r="E20" s="209">
        <v>544</v>
      </c>
      <c r="F20" s="200">
        <v>0</v>
      </c>
      <c r="G20" s="208">
        <v>865</v>
      </c>
      <c r="H20" s="208">
        <v>699</v>
      </c>
      <c r="I20" s="208">
        <v>455</v>
      </c>
      <c r="J20" s="208">
        <v>294</v>
      </c>
      <c r="K20" s="208">
        <v>205</v>
      </c>
      <c r="L20" s="209">
        <v>2518</v>
      </c>
      <c r="M20" s="210">
        <v>3062</v>
      </c>
      <c r="N20" s="211">
        <v>4</v>
      </c>
      <c r="O20" s="208">
        <v>6</v>
      </c>
      <c r="P20" s="209">
        <v>10</v>
      </c>
      <c r="Q20" s="200">
        <v>0</v>
      </c>
      <c r="R20" s="208">
        <v>16</v>
      </c>
      <c r="S20" s="208">
        <v>16</v>
      </c>
      <c r="T20" s="208">
        <v>13</v>
      </c>
      <c r="U20" s="208">
        <v>10</v>
      </c>
      <c r="V20" s="208">
        <v>11</v>
      </c>
      <c r="W20" s="209">
        <v>66</v>
      </c>
      <c r="X20" s="210">
        <v>76</v>
      </c>
      <c r="Y20" s="207">
        <v>234</v>
      </c>
      <c r="Z20" s="208">
        <v>320</v>
      </c>
      <c r="AA20" s="209">
        <v>554</v>
      </c>
      <c r="AB20" s="200">
        <v>0</v>
      </c>
      <c r="AC20" s="208">
        <v>881</v>
      </c>
      <c r="AD20" s="208">
        <v>715</v>
      </c>
      <c r="AE20" s="208">
        <v>468</v>
      </c>
      <c r="AF20" s="208">
        <v>304</v>
      </c>
      <c r="AG20" s="208">
        <v>216</v>
      </c>
      <c r="AH20" s="209">
        <v>2584</v>
      </c>
      <c r="AI20" s="210">
        <v>3138</v>
      </c>
    </row>
    <row r="21" spans="2:35" ht="21" customHeight="1" x14ac:dyDescent="0.2">
      <c r="B21" s="472" t="s">
        <v>20</v>
      </c>
      <c r="C21" s="207">
        <v>225</v>
      </c>
      <c r="D21" s="208">
        <v>439</v>
      </c>
      <c r="E21" s="209">
        <v>664</v>
      </c>
      <c r="F21" s="200">
        <v>0</v>
      </c>
      <c r="G21" s="208">
        <v>1107</v>
      </c>
      <c r="H21" s="208">
        <v>764</v>
      </c>
      <c r="I21" s="208">
        <v>543</v>
      </c>
      <c r="J21" s="208">
        <v>356</v>
      </c>
      <c r="K21" s="208">
        <v>186</v>
      </c>
      <c r="L21" s="209">
        <v>2956</v>
      </c>
      <c r="M21" s="210">
        <v>3620</v>
      </c>
      <c r="N21" s="211">
        <v>3</v>
      </c>
      <c r="O21" s="208">
        <v>22</v>
      </c>
      <c r="P21" s="209">
        <v>25</v>
      </c>
      <c r="Q21" s="200">
        <v>0</v>
      </c>
      <c r="R21" s="208">
        <v>27</v>
      </c>
      <c r="S21" s="208">
        <v>22</v>
      </c>
      <c r="T21" s="208">
        <v>14</v>
      </c>
      <c r="U21" s="208">
        <v>17</v>
      </c>
      <c r="V21" s="208">
        <v>10</v>
      </c>
      <c r="W21" s="209">
        <v>90</v>
      </c>
      <c r="X21" s="210">
        <v>115</v>
      </c>
      <c r="Y21" s="207">
        <v>228</v>
      </c>
      <c r="Z21" s="208">
        <v>461</v>
      </c>
      <c r="AA21" s="209">
        <v>689</v>
      </c>
      <c r="AB21" s="200">
        <v>0</v>
      </c>
      <c r="AC21" s="208">
        <v>1134</v>
      </c>
      <c r="AD21" s="208">
        <v>786</v>
      </c>
      <c r="AE21" s="208">
        <v>557</v>
      </c>
      <c r="AF21" s="208">
        <v>373</v>
      </c>
      <c r="AG21" s="208">
        <v>196</v>
      </c>
      <c r="AH21" s="209">
        <v>3046</v>
      </c>
      <c r="AI21" s="210">
        <v>3735</v>
      </c>
    </row>
    <row r="22" spans="2:35" ht="21" customHeight="1" x14ac:dyDescent="0.2">
      <c r="B22" s="472" t="s">
        <v>21</v>
      </c>
      <c r="C22" s="207">
        <v>327</v>
      </c>
      <c r="D22" s="208">
        <v>435</v>
      </c>
      <c r="E22" s="209">
        <v>762</v>
      </c>
      <c r="F22" s="200">
        <v>0</v>
      </c>
      <c r="G22" s="208">
        <v>974</v>
      </c>
      <c r="H22" s="208">
        <v>1069</v>
      </c>
      <c r="I22" s="208">
        <v>628</v>
      </c>
      <c r="J22" s="208">
        <v>444</v>
      </c>
      <c r="K22" s="208">
        <v>269</v>
      </c>
      <c r="L22" s="209">
        <v>3384</v>
      </c>
      <c r="M22" s="210">
        <v>4146</v>
      </c>
      <c r="N22" s="211">
        <v>7</v>
      </c>
      <c r="O22" s="208">
        <v>15</v>
      </c>
      <c r="P22" s="209">
        <v>22</v>
      </c>
      <c r="Q22" s="200">
        <v>0</v>
      </c>
      <c r="R22" s="208">
        <v>6</v>
      </c>
      <c r="S22" s="208">
        <v>39</v>
      </c>
      <c r="T22" s="208">
        <v>26</v>
      </c>
      <c r="U22" s="208">
        <v>13</v>
      </c>
      <c r="V22" s="208">
        <v>11</v>
      </c>
      <c r="W22" s="209">
        <v>95</v>
      </c>
      <c r="X22" s="210">
        <v>117</v>
      </c>
      <c r="Y22" s="207">
        <v>334</v>
      </c>
      <c r="Z22" s="208">
        <v>450</v>
      </c>
      <c r="AA22" s="209">
        <v>784</v>
      </c>
      <c r="AB22" s="200">
        <v>0</v>
      </c>
      <c r="AC22" s="208">
        <v>980</v>
      </c>
      <c r="AD22" s="208">
        <v>1108</v>
      </c>
      <c r="AE22" s="208">
        <v>654</v>
      </c>
      <c r="AF22" s="208">
        <v>457</v>
      </c>
      <c r="AG22" s="208">
        <v>280</v>
      </c>
      <c r="AH22" s="209">
        <v>3479</v>
      </c>
      <c r="AI22" s="210">
        <v>4263</v>
      </c>
    </row>
    <row r="23" spans="2:35" ht="21" customHeight="1" x14ac:dyDescent="0.2">
      <c r="B23" s="472" t="s">
        <v>22</v>
      </c>
      <c r="C23" s="207">
        <v>60</v>
      </c>
      <c r="D23" s="208">
        <v>174</v>
      </c>
      <c r="E23" s="209">
        <v>234</v>
      </c>
      <c r="F23" s="200">
        <v>0</v>
      </c>
      <c r="G23" s="208">
        <v>385</v>
      </c>
      <c r="H23" s="208">
        <v>366</v>
      </c>
      <c r="I23" s="208">
        <v>209</v>
      </c>
      <c r="J23" s="208">
        <v>147</v>
      </c>
      <c r="K23" s="208">
        <v>88</v>
      </c>
      <c r="L23" s="209">
        <v>1195</v>
      </c>
      <c r="M23" s="210">
        <v>1429</v>
      </c>
      <c r="N23" s="211">
        <v>2</v>
      </c>
      <c r="O23" s="208">
        <v>4</v>
      </c>
      <c r="P23" s="209">
        <v>6</v>
      </c>
      <c r="Q23" s="200">
        <v>0</v>
      </c>
      <c r="R23" s="208">
        <v>7</v>
      </c>
      <c r="S23" s="208">
        <v>12</v>
      </c>
      <c r="T23" s="208">
        <v>5</v>
      </c>
      <c r="U23" s="208">
        <v>3</v>
      </c>
      <c r="V23" s="208">
        <v>3</v>
      </c>
      <c r="W23" s="209">
        <v>30</v>
      </c>
      <c r="X23" s="210">
        <v>36</v>
      </c>
      <c r="Y23" s="207">
        <v>62</v>
      </c>
      <c r="Z23" s="208">
        <v>178</v>
      </c>
      <c r="AA23" s="209">
        <v>240</v>
      </c>
      <c r="AB23" s="200">
        <v>0</v>
      </c>
      <c r="AC23" s="208">
        <v>392</v>
      </c>
      <c r="AD23" s="208">
        <v>378</v>
      </c>
      <c r="AE23" s="208">
        <v>214</v>
      </c>
      <c r="AF23" s="208">
        <v>150</v>
      </c>
      <c r="AG23" s="208">
        <v>91</v>
      </c>
      <c r="AH23" s="209">
        <v>1225</v>
      </c>
      <c r="AI23" s="210">
        <v>1465</v>
      </c>
    </row>
    <row r="24" spans="2:35" ht="21" customHeight="1" x14ac:dyDescent="0.2">
      <c r="B24" s="472" t="s">
        <v>23</v>
      </c>
      <c r="C24" s="207">
        <v>136</v>
      </c>
      <c r="D24" s="208">
        <v>281</v>
      </c>
      <c r="E24" s="209">
        <v>417</v>
      </c>
      <c r="F24" s="200">
        <v>0</v>
      </c>
      <c r="G24" s="208">
        <v>626</v>
      </c>
      <c r="H24" s="208">
        <v>588</v>
      </c>
      <c r="I24" s="208">
        <v>324</v>
      </c>
      <c r="J24" s="208">
        <v>287</v>
      </c>
      <c r="K24" s="208">
        <v>150</v>
      </c>
      <c r="L24" s="209">
        <v>1975</v>
      </c>
      <c r="M24" s="210">
        <v>2392</v>
      </c>
      <c r="N24" s="211">
        <v>5</v>
      </c>
      <c r="O24" s="208">
        <v>7</v>
      </c>
      <c r="P24" s="209">
        <v>12</v>
      </c>
      <c r="Q24" s="200">
        <v>0</v>
      </c>
      <c r="R24" s="208">
        <v>9</v>
      </c>
      <c r="S24" s="208">
        <v>22</v>
      </c>
      <c r="T24" s="208">
        <v>11</v>
      </c>
      <c r="U24" s="208">
        <v>6</v>
      </c>
      <c r="V24" s="208">
        <v>4</v>
      </c>
      <c r="W24" s="209">
        <v>52</v>
      </c>
      <c r="X24" s="210">
        <v>64</v>
      </c>
      <c r="Y24" s="207">
        <v>141</v>
      </c>
      <c r="Z24" s="208">
        <v>288</v>
      </c>
      <c r="AA24" s="209">
        <v>429</v>
      </c>
      <c r="AB24" s="200">
        <v>0</v>
      </c>
      <c r="AC24" s="208">
        <v>635</v>
      </c>
      <c r="AD24" s="208">
        <v>610</v>
      </c>
      <c r="AE24" s="208">
        <v>335</v>
      </c>
      <c r="AF24" s="208">
        <v>293</v>
      </c>
      <c r="AG24" s="208">
        <v>154</v>
      </c>
      <c r="AH24" s="209">
        <v>2027</v>
      </c>
      <c r="AI24" s="210">
        <v>2456</v>
      </c>
    </row>
    <row r="25" spans="2:35" ht="21" customHeight="1" x14ac:dyDescent="0.2">
      <c r="B25" s="472" t="s">
        <v>24</v>
      </c>
      <c r="C25" s="207">
        <v>135</v>
      </c>
      <c r="D25" s="208">
        <v>124</v>
      </c>
      <c r="E25" s="209">
        <v>259</v>
      </c>
      <c r="F25" s="200">
        <v>0</v>
      </c>
      <c r="G25" s="208">
        <v>328</v>
      </c>
      <c r="H25" s="208">
        <v>259</v>
      </c>
      <c r="I25" s="208">
        <v>160</v>
      </c>
      <c r="J25" s="208">
        <v>131</v>
      </c>
      <c r="K25" s="208">
        <v>74</v>
      </c>
      <c r="L25" s="209">
        <v>952</v>
      </c>
      <c r="M25" s="210">
        <v>1211</v>
      </c>
      <c r="N25" s="211">
        <v>1</v>
      </c>
      <c r="O25" s="208">
        <v>0</v>
      </c>
      <c r="P25" s="209">
        <v>1</v>
      </c>
      <c r="Q25" s="200">
        <v>0</v>
      </c>
      <c r="R25" s="208">
        <v>3</v>
      </c>
      <c r="S25" s="208">
        <v>7</v>
      </c>
      <c r="T25" s="208">
        <v>3</v>
      </c>
      <c r="U25" s="208">
        <v>2</v>
      </c>
      <c r="V25" s="208">
        <v>2</v>
      </c>
      <c r="W25" s="209">
        <v>17</v>
      </c>
      <c r="X25" s="210">
        <v>18</v>
      </c>
      <c r="Y25" s="207">
        <v>136</v>
      </c>
      <c r="Z25" s="208">
        <v>124</v>
      </c>
      <c r="AA25" s="209">
        <v>260</v>
      </c>
      <c r="AB25" s="200">
        <v>0</v>
      </c>
      <c r="AC25" s="208">
        <v>331</v>
      </c>
      <c r="AD25" s="208">
        <v>266</v>
      </c>
      <c r="AE25" s="208">
        <v>163</v>
      </c>
      <c r="AF25" s="208">
        <v>133</v>
      </c>
      <c r="AG25" s="208">
        <v>76</v>
      </c>
      <c r="AH25" s="209">
        <v>969</v>
      </c>
      <c r="AI25" s="210">
        <v>1229</v>
      </c>
    </row>
    <row r="26" spans="2:35" ht="21" customHeight="1" x14ac:dyDescent="0.2">
      <c r="B26" s="472" t="s">
        <v>25</v>
      </c>
      <c r="C26" s="207">
        <v>109</v>
      </c>
      <c r="D26" s="208">
        <v>174</v>
      </c>
      <c r="E26" s="209">
        <v>283</v>
      </c>
      <c r="F26" s="200">
        <v>0</v>
      </c>
      <c r="G26" s="208">
        <v>383</v>
      </c>
      <c r="H26" s="208">
        <v>297</v>
      </c>
      <c r="I26" s="208">
        <v>174</v>
      </c>
      <c r="J26" s="208">
        <v>142</v>
      </c>
      <c r="K26" s="208">
        <v>60</v>
      </c>
      <c r="L26" s="209">
        <v>1056</v>
      </c>
      <c r="M26" s="210">
        <v>1339</v>
      </c>
      <c r="N26" s="211">
        <v>1</v>
      </c>
      <c r="O26" s="208">
        <v>6</v>
      </c>
      <c r="P26" s="209">
        <v>7</v>
      </c>
      <c r="Q26" s="200">
        <v>0</v>
      </c>
      <c r="R26" s="208">
        <v>6</v>
      </c>
      <c r="S26" s="208">
        <v>12</v>
      </c>
      <c r="T26" s="208">
        <v>3</v>
      </c>
      <c r="U26" s="208">
        <v>2</v>
      </c>
      <c r="V26" s="208">
        <v>3</v>
      </c>
      <c r="W26" s="209">
        <v>26</v>
      </c>
      <c r="X26" s="210">
        <v>33</v>
      </c>
      <c r="Y26" s="207">
        <v>110</v>
      </c>
      <c r="Z26" s="208">
        <v>180</v>
      </c>
      <c r="AA26" s="209">
        <v>290</v>
      </c>
      <c r="AB26" s="200">
        <v>0</v>
      </c>
      <c r="AC26" s="208">
        <v>389</v>
      </c>
      <c r="AD26" s="208">
        <v>309</v>
      </c>
      <c r="AE26" s="208">
        <v>177</v>
      </c>
      <c r="AF26" s="208">
        <v>144</v>
      </c>
      <c r="AG26" s="208">
        <v>63</v>
      </c>
      <c r="AH26" s="209">
        <v>1082</v>
      </c>
      <c r="AI26" s="210">
        <v>1372</v>
      </c>
    </row>
    <row r="27" spans="2:35" ht="21" customHeight="1" x14ac:dyDescent="0.2">
      <c r="B27" s="472" t="s">
        <v>26</v>
      </c>
      <c r="C27" s="207">
        <v>71</v>
      </c>
      <c r="D27" s="208">
        <v>120</v>
      </c>
      <c r="E27" s="209">
        <v>191</v>
      </c>
      <c r="F27" s="200">
        <v>0</v>
      </c>
      <c r="G27" s="208">
        <v>316</v>
      </c>
      <c r="H27" s="208">
        <v>277</v>
      </c>
      <c r="I27" s="208">
        <v>189</v>
      </c>
      <c r="J27" s="208">
        <v>111</v>
      </c>
      <c r="K27" s="208">
        <v>76</v>
      </c>
      <c r="L27" s="209">
        <v>969</v>
      </c>
      <c r="M27" s="210">
        <v>1160</v>
      </c>
      <c r="N27" s="211">
        <v>2</v>
      </c>
      <c r="O27" s="208">
        <v>1</v>
      </c>
      <c r="P27" s="209">
        <v>3</v>
      </c>
      <c r="Q27" s="200">
        <v>0</v>
      </c>
      <c r="R27" s="208">
        <v>8</v>
      </c>
      <c r="S27" s="208">
        <v>5</v>
      </c>
      <c r="T27" s="208">
        <v>5</v>
      </c>
      <c r="U27" s="208">
        <v>3</v>
      </c>
      <c r="V27" s="208">
        <v>2</v>
      </c>
      <c r="W27" s="209">
        <v>23</v>
      </c>
      <c r="X27" s="210">
        <v>26</v>
      </c>
      <c r="Y27" s="207">
        <v>73</v>
      </c>
      <c r="Z27" s="208">
        <v>121</v>
      </c>
      <c r="AA27" s="209">
        <v>194</v>
      </c>
      <c r="AB27" s="200">
        <v>0</v>
      </c>
      <c r="AC27" s="208">
        <v>324</v>
      </c>
      <c r="AD27" s="208">
        <v>282</v>
      </c>
      <c r="AE27" s="208">
        <v>194</v>
      </c>
      <c r="AF27" s="208">
        <v>114</v>
      </c>
      <c r="AG27" s="208">
        <v>78</v>
      </c>
      <c r="AH27" s="209">
        <v>992</v>
      </c>
      <c r="AI27" s="210">
        <v>1186</v>
      </c>
    </row>
    <row r="28" spans="2:35" ht="21" customHeight="1" x14ac:dyDescent="0.2">
      <c r="B28" s="472" t="s">
        <v>27</v>
      </c>
      <c r="C28" s="207">
        <v>135</v>
      </c>
      <c r="D28" s="208">
        <v>188</v>
      </c>
      <c r="E28" s="209">
        <v>323</v>
      </c>
      <c r="F28" s="200">
        <v>0</v>
      </c>
      <c r="G28" s="208">
        <v>268</v>
      </c>
      <c r="H28" s="208">
        <v>189</v>
      </c>
      <c r="I28" s="208">
        <v>134</v>
      </c>
      <c r="J28" s="208">
        <v>99</v>
      </c>
      <c r="K28" s="208">
        <v>76</v>
      </c>
      <c r="L28" s="209">
        <v>766</v>
      </c>
      <c r="M28" s="210">
        <v>1089</v>
      </c>
      <c r="N28" s="211">
        <v>4</v>
      </c>
      <c r="O28" s="208">
        <v>2</v>
      </c>
      <c r="P28" s="209">
        <v>6</v>
      </c>
      <c r="Q28" s="200">
        <v>0</v>
      </c>
      <c r="R28" s="208">
        <v>6</v>
      </c>
      <c r="S28" s="208">
        <v>7</v>
      </c>
      <c r="T28" s="208">
        <v>3</v>
      </c>
      <c r="U28" s="208">
        <v>1</v>
      </c>
      <c r="V28" s="208">
        <v>3</v>
      </c>
      <c r="W28" s="209">
        <v>20</v>
      </c>
      <c r="X28" s="210">
        <v>26</v>
      </c>
      <c r="Y28" s="207">
        <v>139</v>
      </c>
      <c r="Z28" s="208">
        <v>190</v>
      </c>
      <c r="AA28" s="209">
        <v>329</v>
      </c>
      <c r="AB28" s="200">
        <v>0</v>
      </c>
      <c r="AC28" s="208">
        <v>274</v>
      </c>
      <c r="AD28" s="208">
        <v>196</v>
      </c>
      <c r="AE28" s="208">
        <v>137</v>
      </c>
      <c r="AF28" s="208">
        <v>100</v>
      </c>
      <c r="AG28" s="208">
        <v>79</v>
      </c>
      <c r="AH28" s="209">
        <v>786</v>
      </c>
      <c r="AI28" s="210">
        <v>1115</v>
      </c>
    </row>
    <row r="29" spans="2:35" ht="21" customHeight="1" x14ac:dyDescent="0.2">
      <c r="B29" s="472" t="s">
        <v>28</v>
      </c>
      <c r="C29" s="207">
        <v>10</v>
      </c>
      <c r="D29" s="208">
        <v>19</v>
      </c>
      <c r="E29" s="209">
        <v>29</v>
      </c>
      <c r="F29" s="200">
        <v>0</v>
      </c>
      <c r="G29" s="208">
        <v>85</v>
      </c>
      <c r="H29" s="208">
        <v>92</v>
      </c>
      <c r="I29" s="208">
        <v>49</v>
      </c>
      <c r="J29" s="208">
        <v>36</v>
      </c>
      <c r="K29" s="208">
        <v>17</v>
      </c>
      <c r="L29" s="209">
        <v>279</v>
      </c>
      <c r="M29" s="210">
        <v>308</v>
      </c>
      <c r="N29" s="211">
        <v>1</v>
      </c>
      <c r="O29" s="208">
        <v>0</v>
      </c>
      <c r="P29" s="209">
        <v>1</v>
      </c>
      <c r="Q29" s="200">
        <v>0</v>
      </c>
      <c r="R29" s="208">
        <v>0</v>
      </c>
      <c r="S29" s="208">
        <v>4</v>
      </c>
      <c r="T29" s="208">
        <v>0</v>
      </c>
      <c r="U29" s="208">
        <v>0</v>
      </c>
      <c r="V29" s="208">
        <v>2</v>
      </c>
      <c r="W29" s="209">
        <v>6</v>
      </c>
      <c r="X29" s="210">
        <v>7</v>
      </c>
      <c r="Y29" s="207">
        <v>11</v>
      </c>
      <c r="Z29" s="208">
        <v>19</v>
      </c>
      <c r="AA29" s="209">
        <v>30</v>
      </c>
      <c r="AB29" s="200">
        <v>0</v>
      </c>
      <c r="AC29" s="208">
        <v>85</v>
      </c>
      <c r="AD29" s="208">
        <v>96</v>
      </c>
      <c r="AE29" s="208">
        <v>49</v>
      </c>
      <c r="AF29" s="208">
        <v>36</v>
      </c>
      <c r="AG29" s="208">
        <v>19</v>
      </c>
      <c r="AH29" s="209">
        <v>285</v>
      </c>
      <c r="AI29" s="210">
        <v>315</v>
      </c>
    </row>
    <row r="30" spans="2:35" ht="21" customHeight="1" x14ac:dyDescent="0.2">
      <c r="B30" s="472" t="s">
        <v>29</v>
      </c>
      <c r="C30" s="207">
        <v>28</v>
      </c>
      <c r="D30" s="208">
        <v>38</v>
      </c>
      <c r="E30" s="209">
        <v>66</v>
      </c>
      <c r="F30" s="200">
        <v>0</v>
      </c>
      <c r="G30" s="208">
        <v>105</v>
      </c>
      <c r="H30" s="208">
        <v>98</v>
      </c>
      <c r="I30" s="208">
        <v>79</v>
      </c>
      <c r="J30" s="208">
        <v>42</v>
      </c>
      <c r="K30" s="208">
        <v>30</v>
      </c>
      <c r="L30" s="209">
        <v>354</v>
      </c>
      <c r="M30" s="210">
        <v>420</v>
      </c>
      <c r="N30" s="211">
        <v>1</v>
      </c>
      <c r="O30" s="208">
        <v>2</v>
      </c>
      <c r="P30" s="209">
        <v>3</v>
      </c>
      <c r="Q30" s="200">
        <v>0</v>
      </c>
      <c r="R30" s="208">
        <v>3</v>
      </c>
      <c r="S30" s="208">
        <v>4</v>
      </c>
      <c r="T30" s="208">
        <v>3</v>
      </c>
      <c r="U30" s="208">
        <v>1</v>
      </c>
      <c r="V30" s="208">
        <v>0</v>
      </c>
      <c r="W30" s="209">
        <v>11</v>
      </c>
      <c r="X30" s="210">
        <v>14</v>
      </c>
      <c r="Y30" s="207">
        <v>29</v>
      </c>
      <c r="Z30" s="208">
        <v>40</v>
      </c>
      <c r="AA30" s="209">
        <v>69</v>
      </c>
      <c r="AB30" s="200">
        <v>0</v>
      </c>
      <c r="AC30" s="208">
        <v>108</v>
      </c>
      <c r="AD30" s="208">
        <v>102</v>
      </c>
      <c r="AE30" s="208">
        <v>82</v>
      </c>
      <c r="AF30" s="208">
        <v>43</v>
      </c>
      <c r="AG30" s="208">
        <v>30</v>
      </c>
      <c r="AH30" s="209">
        <v>365</v>
      </c>
      <c r="AI30" s="210">
        <v>434</v>
      </c>
    </row>
    <row r="31" spans="2:35" ht="21" customHeight="1" x14ac:dyDescent="0.2">
      <c r="B31" s="472" t="s">
        <v>30</v>
      </c>
      <c r="C31" s="207">
        <v>46</v>
      </c>
      <c r="D31" s="208">
        <v>28</v>
      </c>
      <c r="E31" s="209">
        <v>74</v>
      </c>
      <c r="F31" s="200">
        <v>0</v>
      </c>
      <c r="G31" s="208">
        <v>96</v>
      </c>
      <c r="H31" s="208">
        <v>73</v>
      </c>
      <c r="I31" s="208">
        <v>56</v>
      </c>
      <c r="J31" s="208">
        <v>45</v>
      </c>
      <c r="K31" s="208">
        <v>13</v>
      </c>
      <c r="L31" s="209">
        <v>283</v>
      </c>
      <c r="M31" s="210">
        <v>357</v>
      </c>
      <c r="N31" s="211">
        <v>0</v>
      </c>
      <c r="O31" s="208">
        <v>0</v>
      </c>
      <c r="P31" s="209">
        <v>0</v>
      </c>
      <c r="Q31" s="200">
        <v>0</v>
      </c>
      <c r="R31" s="208">
        <v>2</v>
      </c>
      <c r="S31" s="208">
        <v>1</v>
      </c>
      <c r="T31" s="208">
        <v>2</v>
      </c>
      <c r="U31" s="208">
        <v>2</v>
      </c>
      <c r="V31" s="208">
        <v>1</v>
      </c>
      <c r="W31" s="209">
        <v>8</v>
      </c>
      <c r="X31" s="210">
        <v>8</v>
      </c>
      <c r="Y31" s="207">
        <v>46</v>
      </c>
      <c r="Z31" s="208">
        <v>28</v>
      </c>
      <c r="AA31" s="209">
        <v>74</v>
      </c>
      <c r="AB31" s="200">
        <v>0</v>
      </c>
      <c r="AC31" s="208">
        <v>98</v>
      </c>
      <c r="AD31" s="208">
        <v>74</v>
      </c>
      <c r="AE31" s="208">
        <v>58</v>
      </c>
      <c r="AF31" s="208">
        <v>47</v>
      </c>
      <c r="AG31" s="208">
        <v>14</v>
      </c>
      <c r="AH31" s="209">
        <v>291</v>
      </c>
      <c r="AI31" s="210">
        <v>365</v>
      </c>
    </row>
    <row r="32" spans="2:35" ht="21" customHeight="1" x14ac:dyDescent="0.2">
      <c r="B32" s="472" t="s">
        <v>31</v>
      </c>
      <c r="C32" s="207">
        <v>24</v>
      </c>
      <c r="D32" s="208">
        <v>59</v>
      </c>
      <c r="E32" s="209">
        <v>83</v>
      </c>
      <c r="F32" s="200">
        <v>0</v>
      </c>
      <c r="G32" s="208">
        <v>105</v>
      </c>
      <c r="H32" s="208">
        <v>92</v>
      </c>
      <c r="I32" s="208">
        <v>63</v>
      </c>
      <c r="J32" s="208">
        <v>42</v>
      </c>
      <c r="K32" s="208">
        <v>14</v>
      </c>
      <c r="L32" s="209">
        <v>316</v>
      </c>
      <c r="M32" s="210">
        <v>399</v>
      </c>
      <c r="N32" s="211">
        <v>0</v>
      </c>
      <c r="O32" s="208">
        <v>3</v>
      </c>
      <c r="P32" s="209">
        <v>3</v>
      </c>
      <c r="Q32" s="200">
        <v>0</v>
      </c>
      <c r="R32" s="208">
        <v>2</v>
      </c>
      <c r="S32" s="208">
        <v>1</v>
      </c>
      <c r="T32" s="208">
        <v>0</v>
      </c>
      <c r="U32" s="208">
        <v>2</v>
      </c>
      <c r="V32" s="208">
        <v>1</v>
      </c>
      <c r="W32" s="209">
        <v>6</v>
      </c>
      <c r="X32" s="210">
        <v>9</v>
      </c>
      <c r="Y32" s="207">
        <v>24</v>
      </c>
      <c r="Z32" s="208">
        <v>62</v>
      </c>
      <c r="AA32" s="209">
        <v>86</v>
      </c>
      <c r="AB32" s="200">
        <v>0</v>
      </c>
      <c r="AC32" s="208">
        <v>107</v>
      </c>
      <c r="AD32" s="208">
        <v>93</v>
      </c>
      <c r="AE32" s="208">
        <v>63</v>
      </c>
      <c r="AF32" s="208">
        <v>44</v>
      </c>
      <c r="AG32" s="208">
        <v>15</v>
      </c>
      <c r="AH32" s="209">
        <v>322</v>
      </c>
      <c r="AI32" s="210">
        <v>408</v>
      </c>
    </row>
    <row r="33" spans="2:35" ht="21" customHeight="1" x14ac:dyDescent="0.2">
      <c r="B33" s="472" t="s">
        <v>32</v>
      </c>
      <c r="C33" s="207">
        <v>25</v>
      </c>
      <c r="D33" s="208">
        <v>49</v>
      </c>
      <c r="E33" s="209">
        <v>74</v>
      </c>
      <c r="F33" s="200">
        <v>0</v>
      </c>
      <c r="G33" s="208">
        <v>141</v>
      </c>
      <c r="H33" s="208">
        <v>128</v>
      </c>
      <c r="I33" s="208">
        <v>80</v>
      </c>
      <c r="J33" s="208">
        <v>52</v>
      </c>
      <c r="K33" s="208">
        <v>34</v>
      </c>
      <c r="L33" s="209">
        <v>435</v>
      </c>
      <c r="M33" s="210">
        <v>509</v>
      </c>
      <c r="N33" s="211">
        <v>0</v>
      </c>
      <c r="O33" s="208">
        <v>2</v>
      </c>
      <c r="P33" s="209">
        <v>2</v>
      </c>
      <c r="Q33" s="200">
        <v>0</v>
      </c>
      <c r="R33" s="208">
        <v>6</v>
      </c>
      <c r="S33" s="208">
        <v>6</v>
      </c>
      <c r="T33" s="208">
        <v>2</v>
      </c>
      <c r="U33" s="208">
        <v>1</v>
      </c>
      <c r="V33" s="208">
        <v>2</v>
      </c>
      <c r="W33" s="209">
        <v>17</v>
      </c>
      <c r="X33" s="210">
        <v>19</v>
      </c>
      <c r="Y33" s="207">
        <v>25</v>
      </c>
      <c r="Z33" s="208">
        <v>51</v>
      </c>
      <c r="AA33" s="209">
        <v>76</v>
      </c>
      <c r="AB33" s="200">
        <v>0</v>
      </c>
      <c r="AC33" s="208">
        <v>147</v>
      </c>
      <c r="AD33" s="208">
        <v>134</v>
      </c>
      <c r="AE33" s="208">
        <v>82</v>
      </c>
      <c r="AF33" s="208">
        <v>53</v>
      </c>
      <c r="AG33" s="208">
        <v>36</v>
      </c>
      <c r="AH33" s="209">
        <v>452</v>
      </c>
      <c r="AI33" s="210">
        <v>528</v>
      </c>
    </row>
    <row r="34" spans="2:35" ht="21" customHeight="1" x14ac:dyDescent="0.2">
      <c r="B34" s="472" t="s">
        <v>33</v>
      </c>
      <c r="C34" s="207">
        <v>35</v>
      </c>
      <c r="D34" s="208">
        <v>63</v>
      </c>
      <c r="E34" s="209">
        <v>98</v>
      </c>
      <c r="F34" s="200">
        <v>0</v>
      </c>
      <c r="G34" s="208">
        <v>132</v>
      </c>
      <c r="H34" s="208">
        <v>84</v>
      </c>
      <c r="I34" s="208">
        <v>69</v>
      </c>
      <c r="J34" s="208">
        <v>22</v>
      </c>
      <c r="K34" s="208">
        <v>29</v>
      </c>
      <c r="L34" s="209">
        <v>336</v>
      </c>
      <c r="M34" s="210">
        <v>434</v>
      </c>
      <c r="N34" s="211">
        <v>0</v>
      </c>
      <c r="O34" s="208">
        <v>0</v>
      </c>
      <c r="P34" s="209">
        <v>0</v>
      </c>
      <c r="Q34" s="200">
        <v>0</v>
      </c>
      <c r="R34" s="208">
        <v>2</v>
      </c>
      <c r="S34" s="208">
        <v>1</v>
      </c>
      <c r="T34" s="208">
        <v>0</v>
      </c>
      <c r="U34" s="208">
        <v>0</v>
      </c>
      <c r="V34" s="208">
        <v>1</v>
      </c>
      <c r="W34" s="209">
        <v>4</v>
      </c>
      <c r="X34" s="210">
        <v>4</v>
      </c>
      <c r="Y34" s="207">
        <v>35</v>
      </c>
      <c r="Z34" s="208">
        <v>63</v>
      </c>
      <c r="AA34" s="209">
        <v>98</v>
      </c>
      <c r="AB34" s="200">
        <v>0</v>
      </c>
      <c r="AC34" s="208">
        <v>134</v>
      </c>
      <c r="AD34" s="208">
        <v>85</v>
      </c>
      <c r="AE34" s="208">
        <v>69</v>
      </c>
      <c r="AF34" s="208">
        <v>22</v>
      </c>
      <c r="AG34" s="208">
        <v>30</v>
      </c>
      <c r="AH34" s="209">
        <v>340</v>
      </c>
      <c r="AI34" s="210">
        <v>438</v>
      </c>
    </row>
    <row r="35" spans="2:35" ht="21" customHeight="1" x14ac:dyDescent="0.2">
      <c r="B35" s="472" t="s">
        <v>34</v>
      </c>
      <c r="C35" s="207">
        <v>18</v>
      </c>
      <c r="D35" s="208">
        <v>31</v>
      </c>
      <c r="E35" s="209">
        <v>49</v>
      </c>
      <c r="F35" s="200">
        <v>0</v>
      </c>
      <c r="G35" s="208">
        <v>106</v>
      </c>
      <c r="H35" s="208">
        <v>61</v>
      </c>
      <c r="I35" s="208">
        <v>33</v>
      </c>
      <c r="J35" s="208">
        <v>36</v>
      </c>
      <c r="K35" s="208">
        <v>18</v>
      </c>
      <c r="L35" s="209">
        <v>254</v>
      </c>
      <c r="M35" s="210">
        <v>303</v>
      </c>
      <c r="N35" s="211">
        <v>0</v>
      </c>
      <c r="O35" s="208">
        <v>0</v>
      </c>
      <c r="P35" s="209">
        <v>0</v>
      </c>
      <c r="Q35" s="200">
        <v>0</v>
      </c>
      <c r="R35" s="208">
        <v>3</v>
      </c>
      <c r="S35" s="208">
        <v>2</v>
      </c>
      <c r="T35" s="208">
        <v>1</v>
      </c>
      <c r="U35" s="208">
        <v>2</v>
      </c>
      <c r="V35" s="208">
        <v>1</v>
      </c>
      <c r="W35" s="209">
        <v>9</v>
      </c>
      <c r="X35" s="210">
        <v>9</v>
      </c>
      <c r="Y35" s="207">
        <v>18</v>
      </c>
      <c r="Z35" s="208">
        <v>31</v>
      </c>
      <c r="AA35" s="209">
        <v>49</v>
      </c>
      <c r="AB35" s="200">
        <v>0</v>
      </c>
      <c r="AC35" s="208">
        <v>109</v>
      </c>
      <c r="AD35" s="208">
        <v>63</v>
      </c>
      <c r="AE35" s="208">
        <v>34</v>
      </c>
      <c r="AF35" s="208">
        <v>38</v>
      </c>
      <c r="AG35" s="208">
        <v>19</v>
      </c>
      <c r="AH35" s="209">
        <v>263</v>
      </c>
      <c r="AI35" s="210">
        <v>312</v>
      </c>
    </row>
    <row r="36" spans="2:35" ht="21" customHeight="1" x14ac:dyDescent="0.2">
      <c r="B36" s="472" t="s">
        <v>35</v>
      </c>
      <c r="C36" s="207">
        <v>82</v>
      </c>
      <c r="D36" s="208">
        <v>125</v>
      </c>
      <c r="E36" s="209">
        <v>207</v>
      </c>
      <c r="F36" s="200">
        <v>0</v>
      </c>
      <c r="G36" s="208">
        <v>381</v>
      </c>
      <c r="H36" s="208">
        <v>203</v>
      </c>
      <c r="I36" s="208">
        <v>149</v>
      </c>
      <c r="J36" s="208">
        <v>127</v>
      </c>
      <c r="K36" s="208">
        <v>56</v>
      </c>
      <c r="L36" s="209">
        <v>916</v>
      </c>
      <c r="M36" s="210">
        <v>1123</v>
      </c>
      <c r="N36" s="211">
        <v>0</v>
      </c>
      <c r="O36" s="208">
        <v>1</v>
      </c>
      <c r="P36" s="209">
        <v>1</v>
      </c>
      <c r="Q36" s="200">
        <v>0</v>
      </c>
      <c r="R36" s="208">
        <v>3</v>
      </c>
      <c r="S36" s="208">
        <v>5</v>
      </c>
      <c r="T36" s="208">
        <v>3</v>
      </c>
      <c r="U36" s="208">
        <v>2</v>
      </c>
      <c r="V36" s="208">
        <v>2</v>
      </c>
      <c r="W36" s="209">
        <v>15</v>
      </c>
      <c r="X36" s="210">
        <v>16</v>
      </c>
      <c r="Y36" s="207">
        <v>82</v>
      </c>
      <c r="Z36" s="208">
        <v>126</v>
      </c>
      <c r="AA36" s="209">
        <v>208</v>
      </c>
      <c r="AB36" s="200">
        <v>0</v>
      </c>
      <c r="AC36" s="208">
        <v>384</v>
      </c>
      <c r="AD36" s="208">
        <v>208</v>
      </c>
      <c r="AE36" s="208">
        <v>152</v>
      </c>
      <c r="AF36" s="208">
        <v>129</v>
      </c>
      <c r="AG36" s="208">
        <v>58</v>
      </c>
      <c r="AH36" s="209">
        <v>931</v>
      </c>
      <c r="AI36" s="210">
        <v>1139</v>
      </c>
    </row>
    <row r="37" spans="2:35" ht="21" customHeight="1" x14ac:dyDescent="0.2">
      <c r="B37" s="472" t="s">
        <v>36</v>
      </c>
      <c r="C37" s="207">
        <v>49</v>
      </c>
      <c r="D37" s="208">
        <v>135</v>
      </c>
      <c r="E37" s="209">
        <v>184</v>
      </c>
      <c r="F37" s="200">
        <v>0</v>
      </c>
      <c r="G37" s="208">
        <v>297</v>
      </c>
      <c r="H37" s="208">
        <v>272</v>
      </c>
      <c r="I37" s="208">
        <v>150</v>
      </c>
      <c r="J37" s="208">
        <v>119</v>
      </c>
      <c r="K37" s="208">
        <v>80</v>
      </c>
      <c r="L37" s="209">
        <v>918</v>
      </c>
      <c r="M37" s="210">
        <v>1102</v>
      </c>
      <c r="N37" s="211">
        <v>1</v>
      </c>
      <c r="O37" s="208">
        <v>5</v>
      </c>
      <c r="P37" s="209">
        <v>6</v>
      </c>
      <c r="Q37" s="200">
        <v>0</v>
      </c>
      <c r="R37" s="208">
        <v>5</v>
      </c>
      <c r="S37" s="208">
        <v>7</v>
      </c>
      <c r="T37" s="208">
        <v>8</v>
      </c>
      <c r="U37" s="208">
        <v>1</v>
      </c>
      <c r="V37" s="208">
        <v>2</v>
      </c>
      <c r="W37" s="209">
        <v>23</v>
      </c>
      <c r="X37" s="210">
        <v>29</v>
      </c>
      <c r="Y37" s="207">
        <v>50</v>
      </c>
      <c r="Z37" s="208">
        <v>140</v>
      </c>
      <c r="AA37" s="209">
        <v>190</v>
      </c>
      <c r="AB37" s="200">
        <v>0</v>
      </c>
      <c r="AC37" s="208">
        <v>302</v>
      </c>
      <c r="AD37" s="208">
        <v>279</v>
      </c>
      <c r="AE37" s="208">
        <v>158</v>
      </c>
      <c r="AF37" s="208">
        <v>120</v>
      </c>
      <c r="AG37" s="208">
        <v>82</v>
      </c>
      <c r="AH37" s="209">
        <v>941</v>
      </c>
      <c r="AI37" s="210">
        <v>1131</v>
      </c>
    </row>
    <row r="38" spans="2:35" ht="21" customHeight="1" thickBot="1" x14ac:dyDescent="0.25">
      <c r="B38" s="473" t="s">
        <v>37</v>
      </c>
      <c r="C38" s="212">
        <v>22</v>
      </c>
      <c r="D38" s="213">
        <v>2</v>
      </c>
      <c r="E38" s="214">
        <v>24</v>
      </c>
      <c r="F38" s="201">
        <v>0</v>
      </c>
      <c r="G38" s="213">
        <v>25</v>
      </c>
      <c r="H38" s="213">
        <v>19</v>
      </c>
      <c r="I38" s="213">
        <v>18</v>
      </c>
      <c r="J38" s="213">
        <v>14</v>
      </c>
      <c r="K38" s="213">
        <v>7</v>
      </c>
      <c r="L38" s="214">
        <v>83</v>
      </c>
      <c r="M38" s="215">
        <v>107</v>
      </c>
      <c r="N38" s="216">
        <v>0</v>
      </c>
      <c r="O38" s="213">
        <v>0</v>
      </c>
      <c r="P38" s="214">
        <v>0</v>
      </c>
      <c r="Q38" s="201">
        <v>0</v>
      </c>
      <c r="R38" s="213">
        <v>0</v>
      </c>
      <c r="S38" s="213">
        <v>3</v>
      </c>
      <c r="T38" s="213">
        <v>0</v>
      </c>
      <c r="U38" s="213">
        <v>1</v>
      </c>
      <c r="V38" s="213">
        <v>0</v>
      </c>
      <c r="W38" s="214">
        <v>4</v>
      </c>
      <c r="X38" s="215">
        <v>4</v>
      </c>
      <c r="Y38" s="212">
        <v>22</v>
      </c>
      <c r="Z38" s="213">
        <v>2</v>
      </c>
      <c r="AA38" s="214">
        <v>24</v>
      </c>
      <c r="AB38" s="201">
        <v>0</v>
      </c>
      <c r="AC38" s="213">
        <v>25</v>
      </c>
      <c r="AD38" s="213">
        <v>22</v>
      </c>
      <c r="AE38" s="213">
        <v>18</v>
      </c>
      <c r="AF38" s="213">
        <v>15</v>
      </c>
      <c r="AG38" s="213">
        <v>7</v>
      </c>
      <c r="AH38" s="214">
        <v>87</v>
      </c>
      <c r="AI38" s="215">
        <v>111</v>
      </c>
    </row>
    <row r="39" spans="2:35" x14ac:dyDescent="0.2">
      <c r="AA39" s="16"/>
      <c r="AB39" s="16"/>
      <c r="AC39" s="16"/>
      <c r="AD39" s="16"/>
      <c r="AE39" s="16"/>
      <c r="AF39" s="16"/>
      <c r="AG39" s="16"/>
      <c r="AH39" s="16"/>
      <c r="AI39" s="16"/>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500">
        <f>第１表!F2</f>
        <v>5</v>
      </c>
      <c r="J1" s="500"/>
      <c r="K1" s="235">
        <f>第１表!G2</f>
        <v>11</v>
      </c>
      <c r="L1" s="505">
        <f>IF(K1&lt;3,K1+12-2,K1-2)</f>
        <v>9</v>
      </c>
      <c r="M1" s="505"/>
    </row>
    <row r="2" spans="2:156" ht="24" customHeight="1" thickBot="1" x14ac:dyDescent="0.25">
      <c r="B2" s="271" t="s">
        <v>137</v>
      </c>
      <c r="G2" s="234"/>
      <c r="H2" s="235"/>
      <c r="J2" s="241"/>
      <c r="K2" s="241"/>
    </row>
    <row r="3" spans="2:156" ht="21" customHeight="1" thickBot="1" x14ac:dyDescent="0.25">
      <c r="B3" s="513"/>
      <c r="C3" s="516" t="s">
        <v>70</v>
      </c>
      <c r="D3" s="517"/>
      <c r="E3" s="517"/>
      <c r="F3" s="517"/>
      <c r="G3" s="517"/>
      <c r="H3" s="517"/>
      <c r="I3" s="517"/>
      <c r="J3" s="517"/>
      <c r="K3" s="517"/>
      <c r="L3" s="517"/>
      <c r="M3" s="518"/>
      <c r="N3" s="516" t="s">
        <v>71</v>
      </c>
      <c r="O3" s="517"/>
      <c r="P3" s="517"/>
      <c r="Q3" s="517"/>
      <c r="R3" s="517"/>
      <c r="S3" s="517"/>
      <c r="T3" s="517"/>
      <c r="U3" s="517"/>
      <c r="V3" s="517"/>
      <c r="W3" s="517"/>
      <c r="X3" s="518"/>
      <c r="Y3" s="516" t="s">
        <v>72</v>
      </c>
      <c r="Z3" s="517"/>
      <c r="AA3" s="517"/>
      <c r="AB3" s="517"/>
      <c r="AC3" s="517"/>
      <c r="AD3" s="517"/>
      <c r="AE3" s="517"/>
      <c r="AF3" s="517"/>
      <c r="AG3" s="517"/>
      <c r="AH3" s="517"/>
      <c r="AI3" s="518"/>
      <c r="AJ3" s="516" t="s">
        <v>73</v>
      </c>
      <c r="AK3" s="517"/>
      <c r="AL3" s="517"/>
      <c r="AM3" s="517"/>
      <c r="AN3" s="517"/>
      <c r="AO3" s="517"/>
      <c r="AP3" s="517"/>
      <c r="AQ3" s="517"/>
      <c r="AR3" s="517"/>
      <c r="AS3" s="517"/>
      <c r="AT3" s="518"/>
      <c r="AU3" s="516" t="s">
        <v>74</v>
      </c>
      <c r="AV3" s="517"/>
      <c r="AW3" s="517"/>
      <c r="AX3" s="517"/>
      <c r="AY3" s="517"/>
      <c r="AZ3" s="517"/>
      <c r="BA3" s="517"/>
      <c r="BB3" s="517"/>
      <c r="BC3" s="517"/>
      <c r="BD3" s="517"/>
      <c r="BE3" s="518"/>
      <c r="BF3" s="516" t="s">
        <v>75</v>
      </c>
      <c r="BG3" s="517"/>
      <c r="BH3" s="517"/>
      <c r="BI3" s="517"/>
      <c r="BJ3" s="517"/>
      <c r="BK3" s="517"/>
      <c r="BL3" s="517"/>
      <c r="BM3" s="517"/>
      <c r="BN3" s="517"/>
      <c r="BO3" s="517"/>
      <c r="BP3" s="518"/>
      <c r="BQ3" s="516" t="s">
        <v>76</v>
      </c>
      <c r="BR3" s="517"/>
      <c r="BS3" s="517"/>
      <c r="BT3" s="517"/>
      <c r="BU3" s="517"/>
      <c r="BV3" s="517"/>
      <c r="BW3" s="517"/>
      <c r="BX3" s="517"/>
      <c r="BY3" s="517"/>
      <c r="BZ3" s="517"/>
      <c r="CA3" s="518"/>
      <c r="CB3" s="516" t="s">
        <v>77</v>
      </c>
      <c r="CC3" s="517"/>
      <c r="CD3" s="517"/>
      <c r="CE3" s="517"/>
      <c r="CF3" s="517"/>
      <c r="CG3" s="517"/>
      <c r="CH3" s="517"/>
      <c r="CI3" s="517"/>
      <c r="CJ3" s="517"/>
      <c r="CK3" s="517"/>
      <c r="CL3" s="518"/>
      <c r="CM3" s="516" t="s">
        <v>78</v>
      </c>
      <c r="CN3" s="517"/>
      <c r="CO3" s="517"/>
      <c r="CP3" s="517"/>
      <c r="CQ3" s="517"/>
      <c r="CR3" s="517"/>
      <c r="CS3" s="517"/>
      <c r="CT3" s="517"/>
      <c r="CU3" s="517"/>
      <c r="CV3" s="517"/>
      <c r="CW3" s="518"/>
      <c r="CX3" s="516" t="s">
        <v>79</v>
      </c>
      <c r="CY3" s="517"/>
      <c r="CZ3" s="517"/>
      <c r="DA3" s="517"/>
      <c r="DB3" s="517"/>
      <c r="DC3" s="517"/>
      <c r="DD3" s="517"/>
      <c r="DE3" s="517"/>
      <c r="DF3" s="517"/>
      <c r="DG3" s="517"/>
      <c r="DH3" s="518"/>
      <c r="DI3" s="516" t="s">
        <v>151</v>
      </c>
      <c r="DJ3" s="517"/>
      <c r="DK3" s="517"/>
      <c r="DL3" s="517"/>
      <c r="DM3" s="517"/>
      <c r="DN3" s="517"/>
      <c r="DO3" s="517"/>
      <c r="DP3" s="517"/>
      <c r="DQ3" s="517"/>
      <c r="DR3" s="517"/>
      <c r="DS3" s="518"/>
      <c r="DT3" s="516" t="s">
        <v>80</v>
      </c>
      <c r="DU3" s="517"/>
      <c r="DV3" s="517"/>
      <c r="DW3" s="517"/>
      <c r="DX3" s="517"/>
      <c r="DY3" s="517"/>
      <c r="DZ3" s="517"/>
      <c r="EA3" s="517"/>
      <c r="EB3" s="517"/>
      <c r="EC3" s="517"/>
      <c r="ED3" s="518"/>
      <c r="EE3" s="516" t="s">
        <v>68</v>
      </c>
      <c r="EF3" s="517"/>
      <c r="EG3" s="517"/>
      <c r="EH3" s="517"/>
      <c r="EI3" s="517"/>
      <c r="EJ3" s="517"/>
      <c r="EK3" s="517"/>
      <c r="EL3" s="517"/>
      <c r="EM3" s="517"/>
      <c r="EN3" s="517"/>
      <c r="EO3" s="518"/>
      <c r="EP3" s="519" t="s">
        <v>69</v>
      </c>
      <c r="EQ3" s="520"/>
      <c r="ER3" s="520"/>
      <c r="ES3" s="520"/>
      <c r="ET3" s="520"/>
      <c r="EU3" s="520"/>
      <c r="EV3" s="520"/>
      <c r="EW3" s="520"/>
      <c r="EX3" s="520"/>
      <c r="EY3" s="520"/>
      <c r="EZ3" s="521"/>
    </row>
    <row r="4" spans="2:156"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0"/>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c r="DI4" s="508" t="s">
        <v>61</v>
      </c>
      <c r="DJ4" s="509"/>
      <c r="DK4" s="510"/>
      <c r="DL4" s="511" t="s">
        <v>62</v>
      </c>
      <c r="DM4" s="509"/>
      <c r="DN4" s="509"/>
      <c r="DO4" s="509"/>
      <c r="DP4" s="509"/>
      <c r="DQ4" s="509"/>
      <c r="DR4" s="510"/>
      <c r="DS4" s="506" t="s">
        <v>52</v>
      </c>
      <c r="DT4" s="508" t="s">
        <v>61</v>
      </c>
      <c r="DU4" s="509"/>
      <c r="DV4" s="510"/>
      <c r="DW4" s="511" t="s">
        <v>62</v>
      </c>
      <c r="DX4" s="509"/>
      <c r="DY4" s="509"/>
      <c r="DZ4" s="509"/>
      <c r="EA4" s="509"/>
      <c r="EB4" s="509"/>
      <c r="EC4" s="510"/>
      <c r="ED4" s="506" t="s">
        <v>52</v>
      </c>
      <c r="EE4" s="508" t="s">
        <v>61</v>
      </c>
      <c r="EF4" s="509"/>
      <c r="EG4" s="510"/>
      <c r="EH4" s="511" t="s">
        <v>62</v>
      </c>
      <c r="EI4" s="509"/>
      <c r="EJ4" s="509"/>
      <c r="EK4" s="509"/>
      <c r="EL4" s="509"/>
      <c r="EM4" s="509"/>
      <c r="EN4" s="510"/>
      <c r="EO4" s="506" t="s">
        <v>52</v>
      </c>
      <c r="EP4" s="508" t="s">
        <v>61</v>
      </c>
      <c r="EQ4" s="509"/>
      <c r="ER4" s="510"/>
      <c r="ES4" s="511" t="s">
        <v>62</v>
      </c>
      <c r="ET4" s="509"/>
      <c r="EU4" s="509"/>
      <c r="EV4" s="509"/>
      <c r="EW4" s="509"/>
      <c r="EX4" s="509"/>
      <c r="EY4" s="510"/>
      <c r="EZ4" s="506" t="s">
        <v>52</v>
      </c>
    </row>
    <row r="5" spans="2:156" ht="30" customHeight="1" thickBot="1" x14ac:dyDescent="0.25">
      <c r="B5" s="515"/>
      <c r="C5" s="244" t="s">
        <v>43</v>
      </c>
      <c r="D5" s="243" t="s">
        <v>44</v>
      </c>
      <c r="E5" s="356" t="s">
        <v>45</v>
      </c>
      <c r="F5" s="248" t="s">
        <v>83</v>
      </c>
      <c r="G5" s="243" t="s">
        <v>47</v>
      </c>
      <c r="H5" s="243" t="s">
        <v>48</v>
      </c>
      <c r="I5" s="243" t="s">
        <v>49</v>
      </c>
      <c r="J5" s="243" t="s">
        <v>50</v>
      </c>
      <c r="K5" s="243" t="s">
        <v>51</v>
      </c>
      <c r="L5" s="249" t="s">
        <v>45</v>
      </c>
      <c r="M5" s="507"/>
      <c r="N5" s="244" t="s">
        <v>43</v>
      </c>
      <c r="O5" s="243" t="s">
        <v>44</v>
      </c>
      <c r="P5" s="246" t="s">
        <v>45</v>
      </c>
      <c r="Q5" s="248" t="s">
        <v>83</v>
      </c>
      <c r="R5" s="243" t="s">
        <v>47</v>
      </c>
      <c r="S5" s="243" t="s">
        <v>48</v>
      </c>
      <c r="T5" s="243" t="s">
        <v>49</v>
      </c>
      <c r="U5" s="243" t="s">
        <v>50</v>
      </c>
      <c r="V5" s="243" t="s">
        <v>51</v>
      </c>
      <c r="W5" s="246" t="s">
        <v>45</v>
      </c>
      <c r="X5" s="507"/>
      <c r="Y5" s="244" t="s">
        <v>43</v>
      </c>
      <c r="Z5" s="243" t="s">
        <v>44</v>
      </c>
      <c r="AA5" s="246" t="s">
        <v>45</v>
      </c>
      <c r="AB5" s="248" t="s">
        <v>83</v>
      </c>
      <c r="AC5" s="243" t="s">
        <v>47</v>
      </c>
      <c r="AD5" s="243" t="s">
        <v>48</v>
      </c>
      <c r="AE5" s="243" t="s">
        <v>49</v>
      </c>
      <c r="AF5" s="243" t="s">
        <v>50</v>
      </c>
      <c r="AG5" s="243" t="s">
        <v>51</v>
      </c>
      <c r="AH5" s="246" t="s">
        <v>45</v>
      </c>
      <c r="AI5" s="507"/>
      <c r="AJ5" s="244" t="s">
        <v>43</v>
      </c>
      <c r="AK5" s="243" t="s">
        <v>44</v>
      </c>
      <c r="AL5" s="246" t="s">
        <v>45</v>
      </c>
      <c r="AM5" s="248" t="s">
        <v>83</v>
      </c>
      <c r="AN5" s="243" t="s">
        <v>47</v>
      </c>
      <c r="AO5" s="243" t="s">
        <v>48</v>
      </c>
      <c r="AP5" s="243" t="s">
        <v>49</v>
      </c>
      <c r="AQ5" s="243" t="s">
        <v>50</v>
      </c>
      <c r="AR5" s="243" t="s">
        <v>51</v>
      </c>
      <c r="AS5" s="246" t="s">
        <v>45</v>
      </c>
      <c r="AT5" s="507"/>
      <c r="AU5" s="244" t="s">
        <v>43</v>
      </c>
      <c r="AV5" s="243" t="s">
        <v>44</v>
      </c>
      <c r="AW5" s="246" t="s">
        <v>45</v>
      </c>
      <c r="AX5" s="248" t="s">
        <v>83</v>
      </c>
      <c r="AY5" s="243" t="s">
        <v>47</v>
      </c>
      <c r="AZ5" s="243" t="s">
        <v>48</v>
      </c>
      <c r="BA5" s="243" t="s">
        <v>49</v>
      </c>
      <c r="BB5" s="243" t="s">
        <v>50</v>
      </c>
      <c r="BC5" s="243" t="s">
        <v>51</v>
      </c>
      <c r="BD5" s="249" t="s">
        <v>45</v>
      </c>
      <c r="BE5" s="507"/>
      <c r="BF5" s="244" t="s">
        <v>43</v>
      </c>
      <c r="BG5" s="243" t="s">
        <v>44</v>
      </c>
      <c r="BH5" s="246" t="s">
        <v>45</v>
      </c>
      <c r="BI5" s="248" t="s">
        <v>83</v>
      </c>
      <c r="BJ5" s="243" t="s">
        <v>47</v>
      </c>
      <c r="BK5" s="243" t="s">
        <v>48</v>
      </c>
      <c r="BL5" s="243" t="s">
        <v>49</v>
      </c>
      <c r="BM5" s="243" t="s">
        <v>50</v>
      </c>
      <c r="BN5" s="243" t="s">
        <v>51</v>
      </c>
      <c r="BO5" s="246" t="s">
        <v>45</v>
      </c>
      <c r="BP5" s="507"/>
      <c r="BQ5" s="244" t="s">
        <v>43</v>
      </c>
      <c r="BR5" s="243" t="s">
        <v>44</v>
      </c>
      <c r="BS5" s="246" t="s">
        <v>45</v>
      </c>
      <c r="BT5" s="248" t="s">
        <v>83</v>
      </c>
      <c r="BU5" s="243" t="s">
        <v>47</v>
      </c>
      <c r="BV5" s="243" t="s">
        <v>48</v>
      </c>
      <c r="BW5" s="243" t="s">
        <v>49</v>
      </c>
      <c r="BX5" s="243" t="s">
        <v>50</v>
      </c>
      <c r="BY5" s="243" t="s">
        <v>51</v>
      </c>
      <c r="BZ5" s="246" t="s">
        <v>45</v>
      </c>
      <c r="CA5" s="507"/>
      <c r="CB5" s="244" t="s">
        <v>43</v>
      </c>
      <c r="CC5" s="243" t="s">
        <v>44</v>
      </c>
      <c r="CD5" s="246" t="s">
        <v>45</v>
      </c>
      <c r="CE5" s="248" t="s">
        <v>83</v>
      </c>
      <c r="CF5" s="243" t="s">
        <v>47</v>
      </c>
      <c r="CG5" s="243" t="s">
        <v>48</v>
      </c>
      <c r="CH5" s="243" t="s">
        <v>49</v>
      </c>
      <c r="CI5" s="243" t="s">
        <v>50</v>
      </c>
      <c r="CJ5" s="243" t="s">
        <v>51</v>
      </c>
      <c r="CK5" s="246" t="s">
        <v>45</v>
      </c>
      <c r="CL5" s="507"/>
      <c r="CM5" s="244" t="s">
        <v>43</v>
      </c>
      <c r="CN5" s="243" t="s">
        <v>44</v>
      </c>
      <c r="CO5" s="246" t="s">
        <v>45</v>
      </c>
      <c r="CP5" s="248" t="s">
        <v>83</v>
      </c>
      <c r="CQ5" s="243" t="s">
        <v>47</v>
      </c>
      <c r="CR5" s="243" t="s">
        <v>48</v>
      </c>
      <c r="CS5" s="243" t="s">
        <v>49</v>
      </c>
      <c r="CT5" s="243" t="s">
        <v>50</v>
      </c>
      <c r="CU5" s="243" t="s">
        <v>51</v>
      </c>
      <c r="CV5" s="246" t="s">
        <v>45</v>
      </c>
      <c r="CW5" s="507"/>
      <c r="CX5" s="244" t="s">
        <v>43</v>
      </c>
      <c r="CY5" s="243" t="s">
        <v>44</v>
      </c>
      <c r="CZ5" s="246" t="s">
        <v>45</v>
      </c>
      <c r="DA5" s="248" t="s">
        <v>83</v>
      </c>
      <c r="DB5" s="243" t="s">
        <v>47</v>
      </c>
      <c r="DC5" s="243" t="s">
        <v>48</v>
      </c>
      <c r="DD5" s="243" t="s">
        <v>49</v>
      </c>
      <c r="DE5" s="243" t="s">
        <v>50</v>
      </c>
      <c r="DF5" s="243" t="s">
        <v>51</v>
      </c>
      <c r="DG5" s="246" t="s">
        <v>45</v>
      </c>
      <c r="DH5" s="507"/>
      <c r="DI5" s="321" t="s">
        <v>43</v>
      </c>
      <c r="DJ5" s="243" t="s">
        <v>44</v>
      </c>
      <c r="DK5" s="246" t="s">
        <v>45</v>
      </c>
      <c r="DL5" s="248" t="s">
        <v>83</v>
      </c>
      <c r="DM5" s="243" t="s">
        <v>47</v>
      </c>
      <c r="DN5" s="243" t="s">
        <v>48</v>
      </c>
      <c r="DO5" s="243" t="s">
        <v>49</v>
      </c>
      <c r="DP5" s="243" t="s">
        <v>50</v>
      </c>
      <c r="DQ5" s="243" t="s">
        <v>51</v>
      </c>
      <c r="DR5" s="246" t="s">
        <v>45</v>
      </c>
      <c r="DS5" s="507"/>
      <c r="DT5" s="244" t="s">
        <v>43</v>
      </c>
      <c r="DU5" s="243" t="s">
        <v>44</v>
      </c>
      <c r="DV5" s="246" t="s">
        <v>45</v>
      </c>
      <c r="DW5" s="248" t="s">
        <v>83</v>
      </c>
      <c r="DX5" s="243" t="s">
        <v>47</v>
      </c>
      <c r="DY5" s="243" t="s">
        <v>48</v>
      </c>
      <c r="DZ5" s="243" t="s">
        <v>49</v>
      </c>
      <c r="EA5" s="243" t="s">
        <v>50</v>
      </c>
      <c r="EB5" s="243" t="s">
        <v>51</v>
      </c>
      <c r="EC5" s="246" t="s">
        <v>45</v>
      </c>
      <c r="ED5" s="507"/>
      <c r="EE5" s="244" t="s">
        <v>43</v>
      </c>
      <c r="EF5" s="243" t="s">
        <v>44</v>
      </c>
      <c r="EG5" s="246" t="s">
        <v>45</v>
      </c>
      <c r="EH5" s="248" t="s">
        <v>83</v>
      </c>
      <c r="EI5" s="243" t="s">
        <v>47</v>
      </c>
      <c r="EJ5" s="243" t="s">
        <v>48</v>
      </c>
      <c r="EK5" s="243" t="s">
        <v>49</v>
      </c>
      <c r="EL5" s="243" t="s">
        <v>50</v>
      </c>
      <c r="EM5" s="243" t="s">
        <v>51</v>
      </c>
      <c r="EN5" s="246" t="s">
        <v>45</v>
      </c>
      <c r="EO5" s="507"/>
      <c r="EP5" s="244" t="s">
        <v>43</v>
      </c>
      <c r="EQ5" s="243" t="s">
        <v>44</v>
      </c>
      <c r="ER5" s="246" t="s">
        <v>45</v>
      </c>
      <c r="ES5" s="248" t="s">
        <v>83</v>
      </c>
      <c r="ET5" s="243" t="s">
        <v>47</v>
      </c>
      <c r="EU5" s="243" t="s">
        <v>48</v>
      </c>
      <c r="EV5" s="243" t="s">
        <v>49</v>
      </c>
      <c r="EW5" s="243" t="s">
        <v>50</v>
      </c>
      <c r="EX5" s="243" t="s">
        <v>51</v>
      </c>
      <c r="EY5" s="246" t="s">
        <v>45</v>
      </c>
      <c r="EZ5" s="507"/>
    </row>
    <row r="6" spans="2:156" ht="21" customHeight="1" x14ac:dyDescent="0.2">
      <c r="B6" s="470" t="s">
        <v>4</v>
      </c>
      <c r="C6" s="250">
        <v>0</v>
      </c>
      <c r="D6" s="254">
        <v>0</v>
      </c>
      <c r="E6" s="357">
        <v>0</v>
      </c>
      <c r="F6" s="253">
        <v>0</v>
      </c>
      <c r="G6" s="254">
        <v>19091</v>
      </c>
      <c r="H6" s="254">
        <v>23060</v>
      </c>
      <c r="I6" s="254">
        <v>12593</v>
      </c>
      <c r="J6" s="254">
        <v>10084</v>
      </c>
      <c r="K6" s="254">
        <v>7558</v>
      </c>
      <c r="L6" s="255">
        <v>72386</v>
      </c>
      <c r="M6" s="256">
        <v>72386</v>
      </c>
      <c r="N6" s="250">
        <v>4</v>
      </c>
      <c r="O6" s="254">
        <v>13</v>
      </c>
      <c r="P6" s="251">
        <v>17</v>
      </c>
      <c r="Q6" s="253">
        <v>0</v>
      </c>
      <c r="R6" s="254">
        <v>111</v>
      </c>
      <c r="S6" s="254">
        <v>433</v>
      </c>
      <c r="T6" s="254">
        <v>781</v>
      </c>
      <c r="U6" s="254">
        <v>1963</v>
      </c>
      <c r="V6" s="254">
        <v>3450</v>
      </c>
      <c r="W6" s="251">
        <v>6738</v>
      </c>
      <c r="X6" s="256">
        <v>6755</v>
      </c>
      <c r="Y6" s="250">
        <v>2433</v>
      </c>
      <c r="Z6" s="254">
        <v>5872</v>
      </c>
      <c r="AA6" s="251">
        <v>8305</v>
      </c>
      <c r="AB6" s="253">
        <v>0</v>
      </c>
      <c r="AC6" s="254">
        <v>11981</v>
      </c>
      <c r="AD6" s="254">
        <v>17203</v>
      </c>
      <c r="AE6" s="254">
        <v>10260</v>
      </c>
      <c r="AF6" s="254">
        <v>8743</v>
      </c>
      <c r="AG6" s="254">
        <v>6644</v>
      </c>
      <c r="AH6" s="251">
        <v>54831</v>
      </c>
      <c r="AI6" s="256">
        <v>63136</v>
      </c>
      <c r="AJ6" s="250">
        <v>271</v>
      </c>
      <c r="AK6" s="254">
        <v>806</v>
      </c>
      <c r="AL6" s="251">
        <v>1077</v>
      </c>
      <c r="AM6" s="253">
        <v>0</v>
      </c>
      <c r="AN6" s="254">
        <v>1100</v>
      </c>
      <c r="AO6" s="254">
        <v>1724</v>
      </c>
      <c r="AP6" s="254">
        <v>1094</v>
      </c>
      <c r="AQ6" s="254">
        <v>949</v>
      </c>
      <c r="AR6" s="254">
        <v>590</v>
      </c>
      <c r="AS6" s="251">
        <v>5457</v>
      </c>
      <c r="AT6" s="256">
        <v>6534</v>
      </c>
      <c r="AU6" s="250">
        <v>2937</v>
      </c>
      <c r="AV6" s="254">
        <v>4005</v>
      </c>
      <c r="AW6" s="251">
        <v>6942</v>
      </c>
      <c r="AX6" s="253">
        <v>0</v>
      </c>
      <c r="AY6" s="254">
        <v>18372</v>
      </c>
      <c r="AZ6" s="254">
        <v>23287</v>
      </c>
      <c r="BA6" s="254">
        <v>20207</v>
      </c>
      <c r="BB6" s="254">
        <v>19742</v>
      </c>
      <c r="BC6" s="254">
        <v>14952</v>
      </c>
      <c r="BD6" s="255">
        <v>96560</v>
      </c>
      <c r="BE6" s="256">
        <v>103502</v>
      </c>
      <c r="BF6" s="250">
        <v>0</v>
      </c>
      <c r="BG6" s="254">
        <v>1</v>
      </c>
      <c r="BH6" s="251">
        <v>1</v>
      </c>
      <c r="BI6" s="253">
        <v>0</v>
      </c>
      <c r="BJ6" s="254">
        <v>22070</v>
      </c>
      <c r="BK6" s="254">
        <v>21196</v>
      </c>
      <c r="BL6" s="254">
        <v>11116</v>
      </c>
      <c r="BM6" s="254">
        <v>6452</v>
      </c>
      <c r="BN6" s="254">
        <v>3111</v>
      </c>
      <c r="BO6" s="251">
        <v>63945</v>
      </c>
      <c r="BP6" s="256">
        <v>63946</v>
      </c>
      <c r="BQ6" s="250">
        <v>1668</v>
      </c>
      <c r="BR6" s="254">
        <v>2687</v>
      </c>
      <c r="BS6" s="251">
        <v>4355</v>
      </c>
      <c r="BT6" s="253">
        <v>0</v>
      </c>
      <c r="BU6" s="254">
        <v>4380</v>
      </c>
      <c r="BV6" s="254">
        <v>6471</v>
      </c>
      <c r="BW6" s="254">
        <v>3731</v>
      </c>
      <c r="BX6" s="254">
        <v>2357</v>
      </c>
      <c r="BY6" s="254">
        <v>826</v>
      </c>
      <c r="BZ6" s="251">
        <v>17765</v>
      </c>
      <c r="CA6" s="256">
        <v>22120</v>
      </c>
      <c r="CB6" s="250">
        <v>69</v>
      </c>
      <c r="CC6" s="254">
        <v>240</v>
      </c>
      <c r="CD6" s="251">
        <v>309</v>
      </c>
      <c r="CE6" s="253">
        <v>0</v>
      </c>
      <c r="CF6" s="254">
        <v>2190</v>
      </c>
      <c r="CG6" s="254">
        <v>3724</v>
      </c>
      <c r="CH6" s="254">
        <v>4395</v>
      </c>
      <c r="CI6" s="254">
        <v>3173</v>
      </c>
      <c r="CJ6" s="254">
        <v>1772</v>
      </c>
      <c r="CK6" s="251">
        <v>15254</v>
      </c>
      <c r="CL6" s="256">
        <v>15563</v>
      </c>
      <c r="CM6" s="250">
        <v>4</v>
      </c>
      <c r="CN6" s="254">
        <v>18</v>
      </c>
      <c r="CO6" s="251">
        <v>22</v>
      </c>
      <c r="CP6" s="253">
        <v>0</v>
      </c>
      <c r="CQ6" s="254">
        <v>203</v>
      </c>
      <c r="CR6" s="254">
        <v>499</v>
      </c>
      <c r="CS6" s="254">
        <v>524</v>
      </c>
      <c r="CT6" s="254">
        <v>549</v>
      </c>
      <c r="CU6" s="254">
        <v>339</v>
      </c>
      <c r="CV6" s="251">
        <v>2114</v>
      </c>
      <c r="CW6" s="256">
        <v>2136</v>
      </c>
      <c r="CX6" s="250">
        <v>0</v>
      </c>
      <c r="CY6" s="254">
        <v>0</v>
      </c>
      <c r="CZ6" s="251">
        <v>0</v>
      </c>
      <c r="DA6" s="253">
        <v>0</v>
      </c>
      <c r="DB6" s="254">
        <v>0</v>
      </c>
      <c r="DC6" s="254">
        <v>0</v>
      </c>
      <c r="DD6" s="254">
        <v>0</v>
      </c>
      <c r="DE6" s="254">
        <v>1</v>
      </c>
      <c r="DF6" s="254">
        <v>1</v>
      </c>
      <c r="DG6" s="251">
        <v>2</v>
      </c>
      <c r="DH6" s="256">
        <v>2</v>
      </c>
      <c r="DI6" s="250">
        <v>0</v>
      </c>
      <c r="DJ6" s="254">
        <v>0</v>
      </c>
      <c r="DK6" s="251">
        <v>0</v>
      </c>
      <c r="DL6" s="253">
        <v>0</v>
      </c>
      <c r="DM6" s="254">
        <v>0</v>
      </c>
      <c r="DN6" s="254">
        <v>0</v>
      </c>
      <c r="DO6" s="254">
        <v>0</v>
      </c>
      <c r="DP6" s="254">
        <v>0</v>
      </c>
      <c r="DQ6" s="254">
        <v>0</v>
      </c>
      <c r="DR6" s="251">
        <v>0</v>
      </c>
      <c r="DS6" s="256">
        <v>0</v>
      </c>
      <c r="DT6" s="250">
        <v>11166</v>
      </c>
      <c r="DU6" s="254">
        <v>23905</v>
      </c>
      <c r="DV6" s="251">
        <v>35071</v>
      </c>
      <c r="DW6" s="253">
        <v>0</v>
      </c>
      <c r="DX6" s="254">
        <v>27240</v>
      </c>
      <c r="DY6" s="254">
        <v>46474</v>
      </c>
      <c r="DZ6" s="254">
        <v>26923</v>
      </c>
      <c r="EA6" s="254">
        <v>20755</v>
      </c>
      <c r="EB6" s="254">
        <v>13158</v>
      </c>
      <c r="EC6" s="251">
        <v>134550</v>
      </c>
      <c r="ED6" s="256">
        <v>169621</v>
      </c>
      <c r="EE6" s="250">
        <v>1625</v>
      </c>
      <c r="EF6" s="254">
        <v>1252</v>
      </c>
      <c r="EG6" s="251">
        <v>2877</v>
      </c>
      <c r="EH6" s="253">
        <v>0</v>
      </c>
      <c r="EI6" s="254">
        <v>6033</v>
      </c>
      <c r="EJ6" s="254">
        <v>5604</v>
      </c>
      <c r="EK6" s="254">
        <v>4905</v>
      </c>
      <c r="EL6" s="254">
        <v>5588</v>
      </c>
      <c r="EM6" s="254">
        <v>3209</v>
      </c>
      <c r="EN6" s="251">
        <v>25339</v>
      </c>
      <c r="EO6" s="256">
        <v>28216</v>
      </c>
      <c r="EP6" s="250">
        <v>14476</v>
      </c>
      <c r="EQ6" s="254">
        <v>28526</v>
      </c>
      <c r="ER6" s="251">
        <v>43002</v>
      </c>
      <c r="ES6" s="253">
        <v>0</v>
      </c>
      <c r="ET6" s="254">
        <v>57614</v>
      </c>
      <c r="EU6" s="254">
        <v>61836</v>
      </c>
      <c r="EV6" s="254">
        <v>31964</v>
      </c>
      <c r="EW6" s="254">
        <v>22181</v>
      </c>
      <c r="EX6" s="254">
        <v>13451</v>
      </c>
      <c r="EY6" s="251">
        <v>187046</v>
      </c>
      <c r="EZ6" s="256">
        <v>230048</v>
      </c>
    </row>
    <row r="7" spans="2:156" ht="21" customHeight="1" x14ac:dyDescent="0.2">
      <c r="B7" s="471" t="s">
        <v>5</v>
      </c>
      <c r="C7" s="257">
        <v>0</v>
      </c>
      <c r="D7" s="261">
        <v>0</v>
      </c>
      <c r="E7" s="358">
        <v>0</v>
      </c>
      <c r="F7" s="260">
        <v>0</v>
      </c>
      <c r="G7" s="261">
        <v>6627</v>
      </c>
      <c r="H7" s="261">
        <v>11347</v>
      </c>
      <c r="I7" s="261">
        <v>5544</v>
      </c>
      <c r="J7" s="261">
        <v>4129</v>
      </c>
      <c r="K7" s="261">
        <v>3093</v>
      </c>
      <c r="L7" s="262">
        <v>30740</v>
      </c>
      <c r="M7" s="263">
        <v>30740</v>
      </c>
      <c r="N7" s="257">
        <v>2</v>
      </c>
      <c r="O7" s="261">
        <v>5</v>
      </c>
      <c r="P7" s="258">
        <v>7</v>
      </c>
      <c r="Q7" s="260">
        <v>0</v>
      </c>
      <c r="R7" s="261">
        <v>24</v>
      </c>
      <c r="S7" s="261">
        <v>156</v>
      </c>
      <c r="T7" s="261">
        <v>287</v>
      </c>
      <c r="U7" s="261">
        <v>782</v>
      </c>
      <c r="V7" s="261">
        <v>1497</v>
      </c>
      <c r="W7" s="258">
        <v>2746</v>
      </c>
      <c r="X7" s="263">
        <v>2753</v>
      </c>
      <c r="Y7" s="257">
        <v>1067</v>
      </c>
      <c r="Z7" s="261">
        <v>3050</v>
      </c>
      <c r="AA7" s="258">
        <v>4117</v>
      </c>
      <c r="AB7" s="260">
        <v>0</v>
      </c>
      <c r="AC7" s="261">
        <v>4208</v>
      </c>
      <c r="AD7" s="261">
        <v>8621</v>
      </c>
      <c r="AE7" s="261">
        <v>4893</v>
      </c>
      <c r="AF7" s="261">
        <v>3849</v>
      </c>
      <c r="AG7" s="261">
        <v>2918</v>
      </c>
      <c r="AH7" s="258">
        <v>24489</v>
      </c>
      <c r="AI7" s="263">
        <v>28606</v>
      </c>
      <c r="AJ7" s="257">
        <v>103</v>
      </c>
      <c r="AK7" s="261">
        <v>406</v>
      </c>
      <c r="AL7" s="258">
        <v>509</v>
      </c>
      <c r="AM7" s="260">
        <v>0</v>
      </c>
      <c r="AN7" s="261">
        <v>268</v>
      </c>
      <c r="AO7" s="261">
        <v>681</v>
      </c>
      <c r="AP7" s="261">
        <v>448</v>
      </c>
      <c r="AQ7" s="261">
        <v>381</v>
      </c>
      <c r="AR7" s="261">
        <v>222</v>
      </c>
      <c r="AS7" s="258">
        <v>2000</v>
      </c>
      <c r="AT7" s="263">
        <v>2509</v>
      </c>
      <c r="AU7" s="257">
        <v>1232</v>
      </c>
      <c r="AV7" s="261">
        <v>1971</v>
      </c>
      <c r="AW7" s="258">
        <v>3203</v>
      </c>
      <c r="AX7" s="260">
        <v>0</v>
      </c>
      <c r="AY7" s="261">
        <v>6648</v>
      </c>
      <c r="AZ7" s="261">
        <v>10197</v>
      </c>
      <c r="BA7" s="261">
        <v>8277</v>
      </c>
      <c r="BB7" s="261">
        <v>7974</v>
      </c>
      <c r="BC7" s="261">
        <v>6169</v>
      </c>
      <c r="BD7" s="262">
        <v>39265</v>
      </c>
      <c r="BE7" s="263">
        <v>42468</v>
      </c>
      <c r="BF7" s="257">
        <v>0</v>
      </c>
      <c r="BG7" s="261">
        <v>0</v>
      </c>
      <c r="BH7" s="258">
        <v>0</v>
      </c>
      <c r="BI7" s="260">
        <v>0</v>
      </c>
      <c r="BJ7" s="261">
        <v>6841</v>
      </c>
      <c r="BK7" s="261">
        <v>8723</v>
      </c>
      <c r="BL7" s="261">
        <v>4201</v>
      </c>
      <c r="BM7" s="261">
        <v>2301</v>
      </c>
      <c r="BN7" s="261">
        <v>1132</v>
      </c>
      <c r="BO7" s="258">
        <v>23198</v>
      </c>
      <c r="BP7" s="263">
        <v>23198</v>
      </c>
      <c r="BQ7" s="257">
        <v>711</v>
      </c>
      <c r="BR7" s="261">
        <v>1233</v>
      </c>
      <c r="BS7" s="258">
        <v>1944</v>
      </c>
      <c r="BT7" s="260">
        <v>0</v>
      </c>
      <c r="BU7" s="261">
        <v>1298</v>
      </c>
      <c r="BV7" s="261">
        <v>2905</v>
      </c>
      <c r="BW7" s="261">
        <v>1650</v>
      </c>
      <c r="BX7" s="261">
        <v>1042</v>
      </c>
      <c r="BY7" s="261">
        <v>359</v>
      </c>
      <c r="BZ7" s="258">
        <v>7254</v>
      </c>
      <c r="CA7" s="263">
        <v>9198</v>
      </c>
      <c r="CB7" s="257">
        <v>21</v>
      </c>
      <c r="CC7" s="261">
        <v>113</v>
      </c>
      <c r="CD7" s="258">
        <v>134</v>
      </c>
      <c r="CE7" s="260">
        <v>0</v>
      </c>
      <c r="CF7" s="261">
        <v>606</v>
      </c>
      <c r="CG7" s="261">
        <v>1319</v>
      </c>
      <c r="CH7" s="261">
        <v>1629</v>
      </c>
      <c r="CI7" s="261">
        <v>1116</v>
      </c>
      <c r="CJ7" s="261">
        <v>641</v>
      </c>
      <c r="CK7" s="258">
        <v>5311</v>
      </c>
      <c r="CL7" s="263">
        <v>5445</v>
      </c>
      <c r="CM7" s="257">
        <v>3</v>
      </c>
      <c r="CN7" s="261">
        <v>12</v>
      </c>
      <c r="CO7" s="258">
        <v>15</v>
      </c>
      <c r="CP7" s="260">
        <v>0</v>
      </c>
      <c r="CQ7" s="261">
        <v>100</v>
      </c>
      <c r="CR7" s="261">
        <v>292</v>
      </c>
      <c r="CS7" s="261">
        <v>291</v>
      </c>
      <c r="CT7" s="261">
        <v>305</v>
      </c>
      <c r="CU7" s="261">
        <v>197</v>
      </c>
      <c r="CV7" s="258">
        <v>1185</v>
      </c>
      <c r="CW7" s="263">
        <v>1200</v>
      </c>
      <c r="CX7" s="257">
        <v>0</v>
      </c>
      <c r="CY7" s="261">
        <v>0</v>
      </c>
      <c r="CZ7" s="258">
        <v>0</v>
      </c>
      <c r="DA7" s="260">
        <v>0</v>
      </c>
      <c r="DB7" s="261">
        <v>0</v>
      </c>
      <c r="DC7" s="261">
        <v>0</v>
      </c>
      <c r="DD7" s="261">
        <v>0</v>
      </c>
      <c r="DE7" s="261">
        <v>0</v>
      </c>
      <c r="DF7" s="261">
        <v>1</v>
      </c>
      <c r="DG7" s="258">
        <v>1</v>
      </c>
      <c r="DH7" s="263">
        <v>1</v>
      </c>
      <c r="DI7" s="257">
        <v>0</v>
      </c>
      <c r="DJ7" s="261">
        <v>0</v>
      </c>
      <c r="DK7" s="258">
        <v>0</v>
      </c>
      <c r="DL7" s="260">
        <v>0</v>
      </c>
      <c r="DM7" s="261">
        <v>0</v>
      </c>
      <c r="DN7" s="261">
        <v>0</v>
      </c>
      <c r="DO7" s="261">
        <v>0</v>
      </c>
      <c r="DP7" s="261">
        <v>0</v>
      </c>
      <c r="DQ7" s="261">
        <v>0</v>
      </c>
      <c r="DR7" s="258">
        <v>0</v>
      </c>
      <c r="DS7" s="263">
        <v>0</v>
      </c>
      <c r="DT7" s="257">
        <v>3755</v>
      </c>
      <c r="DU7" s="261">
        <v>10287</v>
      </c>
      <c r="DV7" s="258">
        <v>14042</v>
      </c>
      <c r="DW7" s="260">
        <v>0</v>
      </c>
      <c r="DX7" s="261">
        <v>7574</v>
      </c>
      <c r="DY7" s="261">
        <v>20587</v>
      </c>
      <c r="DZ7" s="261">
        <v>11053</v>
      </c>
      <c r="EA7" s="261">
        <v>8248</v>
      </c>
      <c r="EB7" s="261">
        <v>5361</v>
      </c>
      <c r="EC7" s="258">
        <v>52823</v>
      </c>
      <c r="ED7" s="263">
        <v>66865</v>
      </c>
      <c r="EE7" s="257">
        <v>692</v>
      </c>
      <c r="EF7" s="261">
        <v>573</v>
      </c>
      <c r="EG7" s="258">
        <v>1265</v>
      </c>
      <c r="EH7" s="260">
        <v>0</v>
      </c>
      <c r="EI7" s="261">
        <v>2410</v>
      </c>
      <c r="EJ7" s="261">
        <v>2617</v>
      </c>
      <c r="EK7" s="261">
        <v>2145</v>
      </c>
      <c r="EL7" s="261">
        <v>2508</v>
      </c>
      <c r="EM7" s="261">
        <v>1396</v>
      </c>
      <c r="EN7" s="258">
        <v>11076</v>
      </c>
      <c r="EO7" s="263">
        <v>12341</v>
      </c>
      <c r="EP7" s="257">
        <v>5215</v>
      </c>
      <c r="EQ7" s="261">
        <v>12694</v>
      </c>
      <c r="ER7" s="258">
        <v>17909</v>
      </c>
      <c r="ES7" s="260">
        <v>0</v>
      </c>
      <c r="ET7" s="261">
        <v>18640</v>
      </c>
      <c r="EU7" s="261">
        <v>27909</v>
      </c>
      <c r="EV7" s="261">
        <v>13398</v>
      </c>
      <c r="EW7" s="261">
        <v>8964</v>
      </c>
      <c r="EX7" s="261">
        <v>5510</v>
      </c>
      <c r="EY7" s="258">
        <v>74421</v>
      </c>
      <c r="EZ7" s="263">
        <v>92330</v>
      </c>
    </row>
    <row r="8" spans="2:156" ht="21" customHeight="1" x14ac:dyDescent="0.2">
      <c r="B8" s="472" t="s">
        <v>6</v>
      </c>
      <c r="C8" s="257">
        <v>0</v>
      </c>
      <c r="D8" s="261">
        <v>0</v>
      </c>
      <c r="E8" s="358">
        <v>0</v>
      </c>
      <c r="F8" s="260">
        <v>0</v>
      </c>
      <c r="G8" s="261">
        <v>3426</v>
      </c>
      <c r="H8" s="261">
        <v>3036</v>
      </c>
      <c r="I8" s="261">
        <v>1785</v>
      </c>
      <c r="J8" s="261">
        <v>1516</v>
      </c>
      <c r="K8" s="261">
        <v>1227</v>
      </c>
      <c r="L8" s="262">
        <v>10990</v>
      </c>
      <c r="M8" s="263">
        <v>10990</v>
      </c>
      <c r="N8" s="257">
        <v>1</v>
      </c>
      <c r="O8" s="261">
        <v>1</v>
      </c>
      <c r="P8" s="258">
        <v>2</v>
      </c>
      <c r="Q8" s="260">
        <v>0</v>
      </c>
      <c r="R8" s="261">
        <v>21</v>
      </c>
      <c r="S8" s="261">
        <v>54</v>
      </c>
      <c r="T8" s="261">
        <v>109</v>
      </c>
      <c r="U8" s="261">
        <v>259</v>
      </c>
      <c r="V8" s="261">
        <v>509</v>
      </c>
      <c r="W8" s="258">
        <v>952</v>
      </c>
      <c r="X8" s="263">
        <v>954</v>
      </c>
      <c r="Y8" s="257">
        <v>373</v>
      </c>
      <c r="Z8" s="261">
        <v>778</v>
      </c>
      <c r="AA8" s="258">
        <v>1151</v>
      </c>
      <c r="AB8" s="260">
        <v>0</v>
      </c>
      <c r="AC8" s="261">
        <v>2234</v>
      </c>
      <c r="AD8" s="261">
        <v>2321</v>
      </c>
      <c r="AE8" s="261">
        <v>1406</v>
      </c>
      <c r="AF8" s="261">
        <v>1225</v>
      </c>
      <c r="AG8" s="261">
        <v>984</v>
      </c>
      <c r="AH8" s="258">
        <v>8170</v>
      </c>
      <c r="AI8" s="263">
        <v>9321</v>
      </c>
      <c r="AJ8" s="257">
        <v>25</v>
      </c>
      <c r="AK8" s="261">
        <v>56</v>
      </c>
      <c r="AL8" s="258">
        <v>81</v>
      </c>
      <c r="AM8" s="260">
        <v>0</v>
      </c>
      <c r="AN8" s="261">
        <v>184</v>
      </c>
      <c r="AO8" s="261">
        <v>216</v>
      </c>
      <c r="AP8" s="261">
        <v>114</v>
      </c>
      <c r="AQ8" s="261">
        <v>121</v>
      </c>
      <c r="AR8" s="261">
        <v>67</v>
      </c>
      <c r="AS8" s="258">
        <v>702</v>
      </c>
      <c r="AT8" s="263">
        <v>783</v>
      </c>
      <c r="AU8" s="257">
        <v>488</v>
      </c>
      <c r="AV8" s="261">
        <v>574</v>
      </c>
      <c r="AW8" s="258">
        <v>1062</v>
      </c>
      <c r="AX8" s="260">
        <v>0</v>
      </c>
      <c r="AY8" s="261">
        <v>3471</v>
      </c>
      <c r="AZ8" s="261">
        <v>3706</v>
      </c>
      <c r="BA8" s="261">
        <v>3229</v>
      </c>
      <c r="BB8" s="261">
        <v>3176</v>
      </c>
      <c r="BC8" s="261">
        <v>2553</v>
      </c>
      <c r="BD8" s="262">
        <v>16135</v>
      </c>
      <c r="BE8" s="263">
        <v>17197</v>
      </c>
      <c r="BF8" s="257">
        <v>0</v>
      </c>
      <c r="BG8" s="261">
        <v>0</v>
      </c>
      <c r="BH8" s="258">
        <v>0</v>
      </c>
      <c r="BI8" s="260">
        <v>0</v>
      </c>
      <c r="BJ8" s="261">
        <v>3652</v>
      </c>
      <c r="BK8" s="261">
        <v>2865</v>
      </c>
      <c r="BL8" s="261">
        <v>1552</v>
      </c>
      <c r="BM8" s="261">
        <v>993</v>
      </c>
      <c r="BN8" s="261">
        <v>512</v>
      </c>
      <c r="BO8" s="258">
        <v>9574</v>
      </c>
      <c r="BP8" s="263">
        <v>9574</v>
      </c>
      <c r="BQ8" s="257">
        <v>125</v>
      </c>
      <c r="BR8" s="261">
        <v>210</v>
      </c>
      <c r="BS8" s="258">
        <v>335</v>
      </c>
      <c r="BT8" s="260">
        <v>0</v>
      </c>
      <c r="BU8" s="261">
        <v>610</v>
      </c>
      <c r="BV8" s="261">
        <v>710</v>
      </c>
      <c r="BW8" s="261">
        <v>465</v>
      </c>
      <c r="BX8" s="261">
        <v>325</v>
      </c>
      <c r="BY8" s="261">
        <v>115</v>
      </c>
      <c r="BZ8" s="258">
        <v>2225</v>
      </c>
      <c r="CA8" s="263">
        <v>2560</v>
      </c>
      <c r="CB8" s="257">
        <v>4</v>
      </c>
      <c r="CC8" s="261">
        <v>20</v>
      </c>
      <c r="CD8" s="258">
        <v>24</v>
      </c>
      <c r="CE8" s="260">
        <v>0</v>
      </c>
      <c r="CF8" s="261">
        <v>284</v>
      </c>
      <c r="CG8" s="261">
        <v>416</v>
      </c>
      <c r="CH8" s="261">
        <v>526</v>
      </c>
      <c r="CI8" s="261">
        <v>403</v>
      </c>
      <c r="CJ8" s="261">
        <v>252</v>
      </c>
      <c r="CK8" s="258">
        <v>1881</v>
      </c>
      <c r="CL8" s="263">
        <v>1905</v>
      </c>
      <c r="CM8" s="257">
        <v>0</v>
      </c>
      <c r="CN8" s="261">
        <v>1</v>
      </c>
      <c r="CO8" s="258">
        <v>1</v>
      </c>
      <c r="CP8" s="260">
        <v>0</v>
      </c>
      <c r="CQ8" s="261">
        <v>26</v>
      </c>
      <c r="CR8" s="261">
        <v>53</v>
      </c>
      <c r="CS8" s="261">
        <v>60</v>
      </c>
      <c r="CT8" s="261">
        <v>85</v>
      </c>
      <c r="CU8" s="261">
        <v>50</v>
      </c>
      <c r="CV8" s="258">
        <v>274</v>
      </c>
      <c r="CW8" s="263">
        <v>275</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670</v>
      </c>
      <c r="DU8" s="261">
        <v>2963</v>
      </c>
      <c r="DV8" s="258">
        <v>4633</v>
      </c>
      <c r="DW8" s="260">
        <v>0</v>
      </c>
      <c r="DX8" s="261">
        <v>4966</v>
      </c>
      <c r="DY8" s="261">
        <v>5999</v>
      </c>
      <c r="DZ8" s="261">
        <v>3831</v>
      </c>
      <c r="EA8" s="261">
        <v>3125</v>
      </c>
      <c r="EB8" s="261">
        <v>2087</v>
      </c>
      <c r="EC8" s="258">
        <v>20008</v>
      </c>
      <c r="ED8" s="263">
        <v>24641</v>
      </c>
      <c r="EE8" s="257">
        <v>227</v>
      </c>
      <c r="EF8" s="261">
        <v>155</v>
      </c>
      <c r="EG8" s="258">
        <v>382</v>
      </c>
      <c r="EH8" s="260">
        <v>0</v>
      </c>
      <c r="EI8" s="261">
        <v>896</v>
      </c>
      <c r="EJ8" s="261">
        <v>705</v>
      </c>
      <c r="EK8" s="261">
        <v>694</v>
      </c>
      <c r="EL8" s="261">
        <v>804</v>
      </c>
      <c r="EM8" s="261">
        <v>498</v>
      </c>
      <c r="EN8" s="258">
        <v>3597</v>
      </c>
      <c r="EO8" s="263">
        <v>3979</v>
      </c>
      <c r="EP8" s="257">
        <v>2065</v>
      </c>
      <c r="EQ8" s="261">
        <v>3468</v>
      </c>
      <c r="ER8" s="258">
        <v>5533</v>
      </c>
      <c r="ES8" s="260">
        <v>0</v>
      </c>
      <c r="ET8" s="261">
        <v>9473</v>
      </c>
      <c r="EU8" s="261">
        <v>7766</v>
      </c>
      <c r="EV8" s="261">
        <v>4395</v>
      </c>
      <c r="EW8" s="261">
        <v>3241</v>
      </c>
      <c r="EX8" s="261">
        <v>2127</v>
      </c>
      <c r="EY8" s="258">
        <v>27002</v>
      </c>
      <c r="EZ8" s="263">
        <v>32535</v>
      </c>
    </row>
    <row r="9" spans="2:156" ht="21" customHeight="1" x14ac:dyDescent="0.2">
      <c r="B9" s="472" t="s">
        <v>14</v>
      </c>
      <c r="C9" s="257">
        <v>0</v>
      </c>
      <c r="D9" s="261">
        <v>0</v>
      </c>
      <c r="E9" s="358">
        <v>0</v>
      </c>
      <c r="F9" s="260">
        <v>0</v>
      </c>
      <c r="G9" s="261">
        <v>1164</v>
      </c>
      <c r="H9" s="261">
        <v>1731</v>
      </c>
      <c r="I9" s="261">
        <v>1023</v>
      </c>
      <c r="J9" s="261">
        <v>769</v>
      </c>
      <c r="K9" s="261">
        <v>517</v>
      </c>
      <c r="L9" s="262">
        <v>5204</v>
      </c>
      <c r="M9" s="263">
        <v>5204</v>
      </c>
      <c r="N9" s="257">
        <v>0</v>
      </c>
      <c r="O9" s="261">
        <v>1</v>
      </c>
      <c r="P9" s="258">
        <v>1</v>
      </c>
      <c r="Q9" s="260">
        <v>0</v>
      </c>
      <c r="R9" s="261">
        <v>0</v>
      </c>
      <c r="S9" s="261">
        <v>20</v>
      </c>
      <c r="T9" s="261">
        <v>57</v>
      </c>
      <c r="U9" s="261">
        <v>144</v>
      </c>
      <c r="V9" s="261">
        <v>218</v>
      </c>
      <c r="W9" s="258">
        <v>439</v>
      </c>
      <c r="X9" s="263">
        <v>440</v>
      </c>
      <c r="Y9" s="257">
        <v>113</v>
      </c>
      <c r="Z9" s="261">
        <v>416</v>
      </c>
      <c r="AA9" s="258">
        <v>529</v>
      </c>
      <c r="AB9" s="260">
        <v>0</v>
      </c>
      <c r="AC9" s="261">
        <v>710</v>
      </c>
      <c r="AD9" s="261">
        <v>1229</v>
      </c>
      <c r="AE9" s="261">
        <v>795</v>
      </c>
      <c r="AF9" s="261">
        <v>680</v>
      </c>
      <c r="AG9" s="261">
        <v>468</v>
      </c>
      <c r="AH9" s="258">
        <v>3882</v>
      </c>
      <c r="AI9" s="263">
        <v>4411</v>
      </c>
      <c r="AJ9" s="257">
        <v>7</v>
      </c>
      <c r="AK9" s="261">
        <v>43</v>
      </c>
      <c r="AL9" s="258">
        <v>50</v>
      </c>
      <c r="AM9" s="260">
        <v>0</v>
      </c>
      <c r="AN9" s="261">
        <v>28</v>
      </c>
      <c r="AO9" s="261">
        <v>77</v>
      </c>
      <c r="AP9" s="261">
        <v>53</v>
      </c>
      <c r="AQ9" s="261">
        <v>41</v>
      </c>
      <c r="AR9" s="261">
        <v>24</v>
      </c>
      <c r="AS9" s="258">
        <v>223</v>
      </c>
      <c r="AT9" s="263">
        <v>273</v>
      </c>
      <c r="AU9" s="257">
        <v>201</v>
      </c>
      <c r="AV9" s="261">
        <v>353</v>
      </c>
      <c r="AW9" s="258">
        <v>554</v>
      </c>
      <c r="AX9" s="260">
        <v>0</v>
      </c>
      <c r="AY9" s="261">
        <v>1307</v>
      </c>
      <c r="AZ9" s="261">
        <v>1744</v>
      </c>
      <c r="BA9" s="261">
        <v>1744</v>
      </c>
      <c r="BB9" s="261">
        <v>1494</v>
      </c>
      <c r="BC9" s="261">
        <v>1084</v>
      </c>
      <c r="BD9" s="262">
        <v>7373</v>
      </c>
      <c r="BE9" s="263">
        <v>7927</v>
      </c>
      <c r="BF9" s="257">
        <v>0</v>
      </c>
      <c r="BG9" s="261">
        <v>0</v>
      </c>
      <c r="BH9" s="258">
        <v>0</v>
      </c>
      <c r="BI9" s="260">
        <v>0</v>
      </c>
      <c r="BJ9" s="261">
        <v>1630</v>
      </c>
      <c r="BK9" s="261">
        <v>1852</v>
      </c>
      <c r="BL9" s="261">
        <v>1143</v>
      </c>
      <c r="BM9" s="261">
        <v>584</v>
      </c>
      <c r="BN9" s="261">
        <v>281</v>
      </c>
      <c r="BO9" s="258">
        <v>5490</v>
      </c>
      <c r="BP9" s="263">
        <v>5490</v>
      </c>
      <c r="BQ9" s="257">
        <v>85</v>
      </c>
      <c r="BR9" s="261">
        <v>161</v>
      </c>
      <c r="BS9" s="258">
        <v>246</v>
      </c>
      <c r="BT9" s="260">
        <v>0</v>
      </c>
      <c r="BU9" s="261">
        <v>153</v>
      </c>
      <c r="BV9" s="261">
        <v>417</v>
      </c>
      <c r="BW9" s="261">
        <v>253</v>
      </c>
      <c r="BX9" s="261">
        <v>145</v>
      </c>
      <c r="BY9" s="261">
        <v>40</v>
      </c>
      <c r="BZ9" s="258">
        <v>1008</v>
      </c>
      <c r="CA9" s="263">
        <v>1254</v>
      </c>
      <c r="CB9" s="257">
        <v>3</v>
      </c>
      <c r="CC9" s="261">
        <v>13</v>
      </c>
      <c r="CD9" s="258">
        <v>16</v>
      </c>
      <c r="CE9" s="260">
        <v>0</v>
      </c>
      <c r="CF9" s="261">
        <v>136</v>
      </c>
      <c r="CG9" s="261">
        <v>271</v>
      </c>
      <c r="CH9" s="261">
        <v>356</v>
      </c>
      <c r="CI9" s="261">
        <v>281</v>
      </c>
      <c r="CJ9" s="261">
        <v>147</v>
      </c>
      <c r="CK9" s="258">
        <v>1191</v>
      </c>
      <c r="CL9" s="263">
        <v>1207</v>
      </c>
      <c r="CM9" s="257">
        <v>0</v>
      </c>
      <c r="CN9" s="261">
        <v>0</v>
      </c>
      <c r="CO9" s="258">
        <v>0</v>
      </c>
      <c r="CP9" s="260">
        <v>0</v>
      </c>
      <c r="CQ9" s="261">
        <v>0</v>
      </c>
      <c r="CR9" s="261">
        <v>9</v>
      </c>
      <c r="CS9" s="261">
        <v>12</v>
      </c>
      <c r="CT9" s="261">
        <v>9</v>
      </c>
      <c r="CU9" s="261">
        <v>6</v>
      </c>
      <c r="CV9" s="258">
        <v>36</v>
      </c>
      <c r="CW9" s="263">
        <v>36</v>
      </c>
      <c r="CX9" s="257">
        <v>0</v>
      </c>
      <c r="CY9" s="261">
        <v>0</v>
      </c>
      <c r="CZ9" s="258">
        <v>0</v>
      </c>
      <c r="DA9" s="260">
        <v>0</v>
      </c>
      <c r="DB9" s="261">
        <v>0</v>
      </c>
      <c r="DC9" s="261">
        <v>0</v>
      </c>
      <c r="DD9" s="261">
        <v>0</v>
      </c>
      <c r="DE9" s="261">
        <v>1</v>
      </c>
      <c r="DF9" s="261">
        <v>0</v>
      </c>
      <c r="DG9" s="258">
        <v>1</v>
      </c>
      <c r="DH9" s="263">
        <v>1</v>
      </c>
      <c r="DI9" s="257">
        <v>0</v>
      </c>
      <c r="DJ9" s="261">
        <v>0</v>
      </c>
      <c r="DK9" s="258">
        <v>0</v>
      </c>
      <c r="DL9" s="260">
        <v>0</v>
      </c>
      <c r="DM9" s="261">
        <v>0</v>
      </c>
      <c r="DN9" s="261">
        <v>0</v>
      </c>
      <c r="DO9" s="261">
        <v>0</v>
      </c>
      <c r="DP9" s="261">
        <v>0</v>
      </c>
      <c r="DQ9" s="261">
        <v>0</v>
      </c>
      <c r="DR9" s="258">
        <v>0</v>
      </c>
      <c r="DS9" s="263">
        <v>0</v>
      </c>
      <c r="DT9" s="257">
        <v>861</v>
      </c>
      <c r="DU9" s="261">
        <v>2327</v>
      </c>
      <c r="DV9" s="258">
        <v>3188</v>
      </c>
      <c r="DW9" s="260">
        <v>0</v>
      </c>
      <c r="DX9" s="261">
        <v>1836</v>
      </c>
      <c r="DY9" s="261">
        <v>3870</v>
      </c>
      <c r="DZ9" s="261">
        <v>2369</v>
      </c>
      <c r="EA9" s="261">
        <v>1710</v>
      </c>
      <c r="EB9" s="261">
        <v>982</v>
      </c>
      <c r="EC9" s="258">
        <v>10767</v>
      </c>
      <c r="ED9" s="263">
        <v>13955</v>
      </c>
      <c r="EE9" s="257">
        <v>117</v>
      </c>
      <c r="EF9" s="261">
        <v>109</v>
      </c>
      <c r="EG9" s="258">
        <v>226</v>
      </c>
      <c r="EH9" s="260">
        <v>0</v>
      </c>
      <c r="EI9" s="261">
        <v>342</v>
      </c>
      <c r="EJ9" s="261">
        <v>281</v>
      </c>
      <c r="EK9" s="261">
        <v>287</v>
      </c>
      <c r="EL9" s="261">
        <v>318</v>
      </c>
      <c r="EM9" s="261">
        <v>164</v>
      </c>
      <c r="EN9" s="258">
        <v>1392</v>
      </c>
      <c r="EO9" s="263">
        <v>1618</v>
      </c>
      <c r="EP9" s="257">
        <v>1002</v>
      </c>
      <c r="EQ9" s="261">
        <v>2595</v>
      </c>
      <c r="ER9" s="258">
        <v>3597</v>
      </c>
      <c r="ES9" s="260">
        <v>0</v>
      </c>
      <c r="ET9" s="261">
        <v>3924</v>
      </c>
      <c r="EU9" s="261">
        <v>5087</v>
      </c>
      <c r="EV9" s="261">
        <v>2809</v>
      </c>
      <c r="EW9" s="261">
        <v>1825</v>
      </c>
      <c r="EX9" s="261">
        <v>1020</v>
      </c>
      <c r="EY9" s="258">
        <v>14665</v>
      </c>
      <c r="EZ9" s="263">
        <v>18262</v>
      </c>
    </row>
    <row r="10" spans="2:156" ht="21" customHeight="1" x14ac:dyDescent="0.2">
      <c r="B10" s="472" t="s">
        <v>7</v>
      </c>
      <c r="C10" s="257">
        <v>0</v>
      </c>
      <c r="D10" s="261">
        <v>0</v>
      </c>
      <c r="E10" s="358">
        <v>0</v>
      </c>
      <c r="F10" s="260">
        <v>0</v>
      </c>
      <c r="G10" s="261">
        <v>1513</v>
      </c>
      <c r="H10" s="261">
        <v>1124</v>
      </c>
      <c r="I10" s="261">
        <v>579</v>
      </c>
      <c r="J10" s="261">
        <v>555</v>
      </c>
      <c r="K10" s="261">
        <v>389</v>
      </c>
      <c r="L10" s="262">
        <v>4160</v>
      </c>
      <c r="M10" s="263">
        <v>4160</v>
      </c>
      <c r="N10" s="257">
        <v>0</v>
      </c>
      <c r="O10" s="261">
        <v>0</v>
      </c>
      <c r="P10" s="258">
        <v>0</v>
      </c>
      <c r="Q10" s="260">
        <v>0</v>
      </c>
      <c r="R10" s="261">
        <v>13</v>
      </c>
      <c r="S10" s="261">
        <v>43</v>
      </c>
      <c r="T10" s="261">
        <v>53</v>
      </c>
      <c r="U10" s="261">
        <v>135</v>
      </c>
      <c r="V10" s="261">
        <v>190</v>
      </c>
      <c r="W10" s="258">
        <v>434</v>
      </c>
      <c r="X10" s="263">
        <v>434</v>
      </c>
      <c r="Y10" s="257">
        <v>16</v>
      </c>
      <c r="Z10" s="261">
        <v>24</v>
      </c>
      <c r="AA10" s="258">
        <v>40</v>
      </c>
      <c r="AB10" s="260">
        <v>0</v>
      </c>
      <c r="AC10" s="261">
        <v>478</v>
      </c>
      <c r="AD10" s="261">
        <v>489</v>
      </c>
      <c r="AE10" s="261">
        <v>287</v>
      </c>
      <c r="AF10" s="261">
        <v>332</v>
      </c>
      <c r="AG10" s="261">
        <v>250</v>
      </c>
      <c r="AH10" s="258">
        <v>1836</v>
      </c>
      <c r="AI10" s="263">
        <v>1876</v>
      </c>
      <c r="AJ10" s="257">
        <v>5</v>
      </c>
      <c r="AK10" s="261">
        <v>8</v>
      </c>
      <c r="AL10" s="258">
        <v>13</v>
      </c>
      <c r="AM10" s="260">
        <v>0</v>
      </c>
      <c r="AN10" s="261">
        <v>73</v>
      </c>
      <c r="AO10" s="261">
        <v>83</v>
      </c>
      <c r="AP10" s="261">
        <v>54</v>
      </c>
      <c r="AQ10" s="261">
        <v>59</v>
      </c>
      <c r="AR10" s="261">
        <v>27</v>
      </c>
      <c r="AS10" s="258">
        <v>296</v>
      </c>
      <c r="AT10" s="263">
        <v>309</v>
      </c>
      <c r="AU10" s="257">
        <v>132</v>
      </c>
      <c r="AV10" s="261">
        <v>103</v>
      </c>
      <c r="AW10" s="258">
        <v>235</v>
      </c>
      <c r="AX10" s="260">
        <v>0</v>
      </c>
      <c r="AY10" s="261">
        <v>1177</v>
      </c>
      <c r="AZ10" s="261">
        <v>1187</v>
      </c>
      <c r="BA10" s="261">
        <v>974</v>
      </c>
      <c r="BB10" s="261">
        <v>1033</v>
      </c>
      <c r="BC10" s="261">
        <v>693</v>
      </c>
      <c r="BD10" s="262">
        <v>5064</v>
      </c>
      <c r="BE10" s="263">
        <v>5299</v>
      </c>
      <c r="BF10" s="257">
        <v>0</v>
      </c>
      <c r="BG10" s="261">
        <v>0</v>
      </c>
      <c r="BH10" s="258">
        <v>0</v>
      </c>
      <c r="BI10" s="260">
        <v>0</v>
      </c>
      <c r="BJ10" s="261">
        <v>1779</v>
      </c>
      <c r="BK10" s="261">
        <v>1115</v>
      </c>
      <c r="BL10" s="261">
        <v>498</v>
      </c>
      <c r="BM10" s="261">
        <v>308</v>
      </c>
      <c r="BN10" s="261">
        <v>147</v>
      </c>
      <c r="BO10" s="258">
        <v>3847</v>
      </c>
      <c r="BP10" s="263">
        <v>3847</v>
      </c>
      <c r="BQ10" s="257">
        <v>50</v>
      </c>
      <c r="BR10" s="261">
        <v>63</v>
      </c>
      <c r="BS10" s="258">
        <v>113</v>
      </c>
      <c r="BT10" s="260">
        <v>0</v>
      </c>
      <c r="BU10" s="261">
        <v>270</v>
      </c>
      <c r="BV10" s="261">
        <v>231</v>
      </c>
      <c r="BW10" s="261">
        <v>145</v>
      </c>
      <c r="BX10" s="261">
        <v>77</v>
      </c>
      <c r="BY10" s="261">
        <v>23</v>
      </c>
      <c r="BZ10" s="258">
        <v>746</v>
      </c>
      <c r="CA10" s="263">
        <v>859</v>
      </c>
      <c r="CB10" s="257">
        <v>1</v>
      </c>
      <c r="CC10" s="261">
        <v>4</v>
      </c>
      <c r="CD10" s="258">
        <v>5</v>
      </c>
      <c r="CE10" s="260">
        <v>0</v>
      </c>
      <c r="CF10" s="261">
        <v>235</v>
      </c>
      <c r="CG10" s="261">
        <v>322</v>
      </c>
      <c r="CH10" s="261">
        <v>275</v>
      </c>
      <c r="CI10" s="261">
        <v>201</v>
      </c>
      <c r="CJ10" s="261">
        <v>110</v>
      </c>
      <c r="CK10" s="258">
        <v>1143</v>
      </c>
      <c r="CL10" s="263">
        <v>1148</v>
      </c>
      <c r="CM10" s="257">
        <v>0</v>
      </c>
      <c r="CN10" s="261">
        <v>0</v>
      </c>
      <c r="CO10" s="258">
        <v>0</v>
      </c>
      <c r="CP10" s="260">
        <v>0</v>
      </c>
      <c r="CQ10" s="261">
        <v>8</v>
      </c>
      <c r="CR10" s="261">
        <v>13</v>
      </c>
      <c r="CS10" s="261">
        <v>8</v>
      </c>
      <c r="CT10" s="261">
        <v>12</v>
      </c>
      <c r="CU10" s="261">
        <v>6</v>
      </c>
      <c r="CV10" s="258">
        <v>47</v>
      </c>
      <c r="CW10" s="263">
        <v>47</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362</v>
      </c>
      <c r="DU10" s="261">
        <v>726</v>
      </c>
      <c r="DV10" s="258">
        <v>1088</v>
      </c>
      <c r="DW10" s="260">
        <v>0</v>
      </c>
      <c r="DX10" s="261">
        <v>2079</v>
      </c>
      <c r="DY10" s="261">
        <v>2313</v>
      </c>
      <c r="DZ10" s="261">
        <v>1221</v>
      </c>
      <c r="EA10" s="261">
        <v>1022</v>
      </c>
      <c r="EB10" s="261">
        <v>630</v>
      </c>
      <c r="EC10" s="258">
        <v>7265</v>
      </c>
      <c r="ED10" s="263">
        <v>8353</v>
      </c>
      <c r="EE10" s="257">
        <v>89</v>
      </c>
      <c r="EF10" s="261">
        <v>47</v>
      </c>
      <c r="EG10" s="258">
        <v>136</v>
      </c>
      <c r="EH10" s="260">
        <v>0</v>
      </c>
      <c r="EI10" s="261">
        <v>471</v>
      </c>
      <c r="EJ10" s="261">
        <v>313</v>
      </c>
      <c r="EK10" s="261">
        <v>262</v>
      </c>
      <c r="EL10" s="261">
        <v>269</v>
      </c>
      <c r="EM10" s="261">
        <v>145</v>
      </c>
      <c r="EN10" s="258">
        <v>1460</v>
      </c>
      <c r="EO10" s="263">
        <v>1596</v>
      </c>
      <c r="EP10" s="257">
        <v>430</v>
      </c>
      <c r="EQ10" s="261">
        <v>789</v>
      </c>
      <c r="ER10" s="258">
        <v>1219</v>
      </c>
      <c r="ES10" s="260">
        <v>0</v>
      </c>
      <c r="ET10" s="261">
        <v>4499</v>
      </c>
      <c r="EU10" s="261">
        <v>3142</v>
      </c>
      <c r="EV10" s="261">
        <v>1484</v>
      </c>
      <c r="EW10" s="261">
        <v>1101</v>
      </c>
      <c r="EX10" s="261">
        <v>641</v>
      </c>
      <c r="EY10" s="258">
        <v>10867</v>
      </c>
      <c r="EZ10" s="263">
        <v>12086</v>
      </c>
    </row>
    <row r="11" spans="2:156" ht="21" customHeight="1" x14ac:dyDescent="0.2">
      <c r="B11" s="472" t="s">
        <v>8</v>
      </c>
      <c r="C11" s="257">
        <v>0</v>
      </c>
      <c r="D11" s="261">
        <v>0</v>
      </c>
      <c r="E11" s="358">
        <v>0</v>
      </c>
      <c r="F11" s="260">
        <v>0</v>
      </c>
      <c r="G11" s="261">
        <v>481</v>
      </c>
      <c r="H11" s="261">
        <v>648</v>
      </c>
      <c r="I11" s="261">
        <v>379</v>
      </c>
      <c r="J11" s="261">
        <v>319</v>
      </c>
      <c r="K11" s="261">
        <v>252</v>
      </c>
      <c r="L11" s="262">
        <v>2079</v>
      </c>
      <c r="M11" s="263">
        <v>2079</v>
      </c>
      <c r="N11" s="257">
        <v>0</v>
      </c>
      <c r="O11" s="261">
        <v>0</v>
      </c>
      <c r="P11" s="258">
        <v>0</v>
      </c>
      <c r="Q11" s="260">
        <v>0</v>
      </c>
      <c r="R11" s="261">
        <v>4</v>
      </c>
      <c r="S11" s="261">
        <v>23</v>
      </c>
      <c r="T11" s="261">
        <v>27</v>
      </c>
      <c r="U11" s="261">
        <v>61</v>
      </c>
      <c r="V11" s="261">
        <v>90</v>
      </c>
      <c r="W11" s="258">
        <v>205</v>
      </c>
      <c r="X11" s="263">
        <v>205</v>
      </c>
      <c r="Y11" s="257">
        <v>58</v>
      </c>
      <c r="Z11" s="261">
        <v>73</v>
      </c>
      <c r="AA11" s="258">
        <v>131</v>
      </c>
      <c r="AB11" s="260">
        <v>0</v>
      </c>
      <c r="AC11" s="261">
        <v>301</v>
      </c>
      <c r="AD11" s="261">
        <v>417</v>
      </c>
      <c r="AE11" s="261">
        <v>251</v>
      </c>
      <c r="AF11" s="261">
        <v>227</v>
      </c>
      <c r="AG11" s="261">
        <v>191</v>
      </c>
      <c r="AH11" s="258">
        <v>1387</v>
      </c>
      <c r="AI11" s="263">
        <v>1518</v>
      </c>
      <c r="AJ11" s="257">
        <v>9</v>
      </c>
      <c r="AK11" s="261">
        <v>17</v>
      </c>
      <c r="AL11" s="258">
        <v>26</v>
      </c>
      <c r="AM11" s="260">
        <v>0</v>
      </c>
      <c r="AN11" s="261">
        <v>74</v>
      </c>
      <c r="AO11" s="261">
        <v>89</v>
      </c>
      <c r="AP11" s="261">
        <v>44</v>
      </c>
      <c r="AQ11" s="261">
        <v>48</v>
      </c>
      <c r="AR11" s="261">
        <v>24</v>
      </c>
      <c r="AS11" s="258">
        <v>279</v>
      </c>
      <c r="AT11" s="263">
        <v>305</v>
      </c>
      <c r="AU11" s="257">
        <v>79</v>
      </c>
      <c r="AV11" s="261">
        <v>62</v>
      </c>
      <c r="AW11" s="258">
        <v>141</v>
      </c>
      <c r="AX11" s="260">
        <v>0</v>
      </c>
      <c r="AY11" s="261">
        <v>473</v>
      </c>
      <c r="AZ11" s="261">
        <v>584</v>
      </c>
      <c r="BA11" s="261">
        <v>551</v>
      </c>
      <c r="BB11" s="261">
        <v>579</v>
      </c>
      <c r="BC11" s="261">
        <v>397</v>
      </c>
      <c r="BD11" s="262">
        <v>2584</v>
      </c>
      <c r="BE11" s="263">
        <v>2725</v>
      </c>
      <c r="BF11" s="257">
        <v>0</v>
      </c>
      <c r="BG11" s="261">
        <v>0</v>
      </c>
      <c r="BH11" s="258">
        <v>0</v>
      </c>
      <c r="BI11" s="260">
        <v>0</v>
      </c>
      <c r="BJ11" s="261">
        <v>587</v>
      </c>
      <c r="BK11" s="261">
        <v>657</v>
      </c>
      <c r="BL11" s="261">
        <v>357</v>
      </c>
      <c r="BM11" s="261">
        <v>210</v>
      </c>
      <c r="BN11" s="261">
        <v>114</v>
      </c>
      <c r="BO11" s="258">
        <v>1925</v>
      </c>
      <c r="BP11" s="263">
        <v>1925</v>
      </c>
      <c r="BQ11" s="257">
        <v>56</v>
      </c>
      <c r="BR11" s="261">
        <v>64</v>
      </c>
      <c r="BS11" s="258">
        <v>120</v>
      </c>
      <c r="BT11" s="260">
        <v>0</v>
      </c>
      <c r="BU11" s="261">
        <v>141</v>
      </c>
      <c r="BV11" s="261">
        <v>155</v>
      </c>
      <c r="BW11" s="261">
        <v>101</v>
      </c>
      <c r="BX11" s="261">
        <v>55</v>
      </c>
      <c r="BY11" s="261">
        <v>19</v>
      </c>
      <c r="BZ11" s="258">
        <v>471</v>
      </c>
      <c r="CA11" s="263">
        <v>591</v>
      </c>
      <c r="CB11" s="257">
        <v>4</v>
      </c>
      <c r="CC11" s="261">
        <v>9</v>
      </c>
      <c r="CD11" s="258">
        <v>13</v>
      </c>
      <c r="CE11" s="260">
        <v>0</v>
      </c>
      <c r="CF11" s="261">
        <v>81</v>
      </c>
      <c r="CG11" s="261">
        <v>182</v>
      </c>
      <c r="CH11" s="261">
        <v>198</v>
      </c>
      <c r="CI11" s="261">
        <v>120</v>
      </c>
      <c r="CJ11" s="261">
        <v>54</v>
      </c>
      <c r="CK11" s="258">
        <v>635</v>
      </c>
      <c r="CL11" s="263">
        <v>648</v>
      </c>
      <c r="CM11" s="257">
        <v>0</v>
      </c>
      <c r="CN11" s="261">
        <v>0</v>
      </c>
      <c r="CO11" s="258">
        <v>0</v>
      </c>
      <c r="CP11" s="260">
        <v>0</v>
      </c>
      <c r="CQ11" s="261">
        <v>5</v>
      </c>
      <c r="CR11" s="261">
        <v>5</v>
      </c>
      <c r="CS11" s="261">
        <v>6</v>
      </c>
      <c r="CT11" s="261">
        <v>4</v>
      </c>
      <c r="CU11" s="261">
        <v>1</v>
      </c>
      <c r="CV11" s="258">
        <v>21</v>
      </c>
      <c r="CW11" s="263">
        <v>21</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430</v>
      </c>
      <c r="DU11" s="261">
        <v>600</v>
      </c>
      <c r="DV11" s="258">
        <v>1030</v>
      </c>
      <c r="DW11" s="260">
        <v>0</v>
      </c>
      <c r="DX11" s="261">
        <v>1028</v>
      </c>
      <c r="DY11" s="261">
        <v>1574</v>
      </c>
      <c r="DZ11" s="261">
        <v>908</v>
      </c>
      <c r="EA11" s="261">
        <v>632</v>
      </c>
      <c r="EB11" s="261">
        <v>406</v>
      </c>
      <c r="EC11" s="258">
        <v>4548</v>
      </c>
      <c r="ED11" s="263">
        <v>5578</v>
      </c>
      <c r="EE11" s="257">
        <v>56</v>
      </c>
      <c r="EF11" s="261">
        <v>20</v>
      </c>
      <c r="EG11" s="258">
        <v>76</v>
      </c>
      <c r="EH11" s="260">
        <v>0</v>
      </c>
      <c r="EI11" s="261">
        <v>156</v>
      </c>
      <c r="EJ11" s="261">
        <v>128</v>
      </c>
      <c r="EK11" s="261">
        <v>103</v>
      </c>
      <c r="EL11" s="261">
        <v>139</v>
      </c>
      <c r="EM11" s="261">
        <v>76</v>
      </c>
      <c r="EN11" s="258">
        <v>602</v>
      </c>
      <c r="EO11" s="263">
        <v>678</v>
      </c>
      <c r="EP11" s="257">
        <v>522</v>
      </c>
      <c r="EQ11" s="261">
        <v>674</v>
      </c>
      <c r="ER11" s="258">
        <v>1196</v>
      </c>
      <c r="ES11" s="260">
        <v>0</v>
      </c>
      <c r="ET11" s="261">
        <v>1899</v>
      </c>
      <c r="EU11" s="261">
        <v>1977</v>
      </c>
      <c r="EV11" s="261">
        <v>1039</v>
      </c>
      <c r="EW11" s="261">
        <v>692</v>
      </c>
      <c r="EX11" s="261">
        <v>416</v>
      </c>
      <c r="EY11" s="258">
        <v>6023</v>
      </c>
      <c r="EZ11" s="263">
        <v>7219</v>
      </c>
    </row>
    <row r="12" spans="2:156" ht="21" customHeight="1" x14ac:dyDescent="0.2">
      <c r="B12" s="472" t="s">
        <v>9</v>
      </c>
      <c r="C12" s="257">
        <v>0</v>
      </c>
      <c r="D12" s="261">
        <v>0</v>
      </c>
      <c r="E12" s="358">
        <v>0</v>
      </c>
      <c r="F12" s="260">
        <v>0</v>
      </c>
      <c r="G12" s="261">
        <v>661</v>
      </c>
      <c r="H12" s="261">
        <v>513</v>
      </c>
      <c r="I12" s="261">
        <v>352</v>
      </c>
      <c r="J12" s="261">
        <v>339</v>
      </c>
      <c r="K12" s="261">
        <v>240</v>
      </c>
      <c r="L12" s="262">
        <v>2105</v>
      </c>
      <c r="M12" s="263">
        <v>2105</v>
      </c>
      <c r="N12" s="257">
        <v>0</v>
      </c>
      <c r="O12" s="261">
        <v>0</v>
      </c>
      <c r="P12" s="258">
        <v>0</v>
      </c>
      <c r="Q12" s="260">
        <v>0</v>
      </c>
      <c r="R12" s="261">
        <v>2</v>
      </c>
      <c r="S12" s="261">
        <v>9</v>
      </c>
      <c r="T12" s="261">
        <v>13</v>
      </c>
      <c r="U12" s="261">
        <v>56</v>
      </c>
      <c r="V12" s="261">
        <v>85</v>
      </c>
      <c r="W12" s="258">
        <v>165</v>
      </c>
      <c r="X12" s="263">
        <v>165</v>
      </c>
      <c r="Y12" s="257">
        <v>57</v>
      </c>
      <c r="Z12" s="261">
        <v>87</v>
      </c>
      <c r="AA12" s="258">
        <v>144</v>
      </c>
      <c r="AB12" s="260">
        <v>0</v>
      </c>
      <c r="AC12" s="261">
        <v>382</v>
      </c>
      <c r="AD12" s="261">
        <v>335</v>
      </c>
      <c r="AE12" s="261">
        <v>245</v>
      </c>
      <c r="AF12" s="261">
        <v>253</v>
      </c>
      <c r="AG12" s="261">
        <v>187</v>
      </c>
      <c r="AH12" s="258">
        <v>1402</v>
      </c>
      <c r="AI12" s="263">
        <v>1546</v>
      </c>
      <c r="AJ12" s="257">
        <v>5</v>
      </c>
      <c r="AK12" s="261">
        <v>14</v>
      </c>
      <c r="AL12" s="258">
        <v>19</v>
      </c>
      <c r="AM12" s="260">
        <v>0</v>
      </c>
      <c r="AN12" s="261">
        <v>40</v>
      </c>
      <c r="AO12" s="261">
        <v>53</v>
      </c>
      <c r="AP12" s="261">
        <v>42</v>
      </c>
      <c r="AQ12" s="261">
        <v>41</v>
      </c>
      <c r="AR12" s="261">
        <v>26</v>
      </c>
      <c r="AS12" s="258">
        <v>202</v>
      </c>
      <c r="AT12" s="263">
        <v>221</v>
      </c>
      <c r="AU12" s="257">
        <v>73</v>
      </c>
      <c r="AV12" s="261">
        <v>72</v>
      </c>
      <c r="AW12" s="258">
        <v>145</v>
      </c>
      <c r="AX12" s="260">
        <v>0</v>
      </c>
      <c r="AY12" s="261">
        <v>545</v>
      </c>
      <c r="AZ12" s="261">
        <v>541</v>
      </c>
      <c r="BA12" s="261">
        <v>550</v>
      </c>
      <c r="BB12" s="261">
        <v>581</v>
      </c>
      <c r="BC12" s="261">
        <v>418</v>
      </c>
      <c r="BD12" s="262">
        <v>2635</v>
      </c>
      <c r="BE12" s="263">
        <v>2780</v>
      </c>
      <c r="BF12" s="257">
        <v>0</v>
      </c>
      <c r="BG12" s="261">
        <v>0</v>
      </c>
      <c r="BH12" s="258">
        <v>0</v>
      </c>
      <c r="BI12" s="260">
        <v>0</v>
      </c>
      <c r="BJ12" s="261">
        <v>638</v>
      </c>
      <c r="BK12" s="261">
        <v>404</v>
      </c>
      <c r="BL12" s="261">
        <v>237</v>
      </c>
      <c r="BM12" s="261">
        <v>162</v>
      </c>
      <c r="BN12" s="261">
        <v>50</v>
      </c>
      <c r="BO12" s="258">
        <v>1491</v>
      </c>
      <c r="BP12" s="263">
        <v>1491</v>
      </c>
      <c r="BQ12" s="257">
        <v>51</v>
      </c>
      <c r="BR12" s="261">
        <v>74</v>
      </c>
      <c r="BS12" s="258">
        <v>125</v>
      </c>
      <c r="BT12" s="260">
        <v>0</v>
      </c>
      <c r="BU12" s="261">
        <v>139</v>
      </c>
      <c r="BV12" s="261">
        <v>144</v>
      </c>
      <c r="BW12" s="261">
        <v>77</v>
      </c>
      <c r="BX12" s="261">
        <v>78</v>
      </c>
      <c r="BY12" s="261">
        <v>24</v>
      </c>
      <c r="BZ12" s="258">
        <v>462</v>
      </c>
      <c r="CA12" s="263">
        <v>587</v>
      </c>
      <c r="CB12" s="257">
        <v>3</v>
      </c>
      <c r="CC12" s="261">
        <v>5</v>
      </c>
      <c r="CD12" s="258">
        <v>8</v>
      </c>
      <c r="CE12" s="260">
        <v>0</v>
      </c>
      <c r="CF12" s="261">
        <v>70</v>
      </c>
      <c r="CG12" s="261">
        <v>95</v>
      </c>
      <c r="CH12" s="261">
        <v>126</v>
      </c>
      <c r="CI12" s="261">
        <v>95</v>
      </c>
      <c r="CJ12" s="261">
        <v>53</v>
      </c>
      <c r="CK12" s="258">
        <v>439</v>
      </c>
      <c r="CL12" s="263">
        <v>447</v>
      </c>
      <c r="CM12" s="257">
        <v>0</v>
      </c>
      <c r="CN12" s="261">
        <v>2</v>
      </c>
      <c r="CO12" s="258">
        <v>2</v>
      </c>
      <c r="CP12" s="260">
        <v>0</v>
      </c>
      <c r="CQ12" s="261">
        <v>11</v>
      </c>
      <c r="CR12" s="261">
        <v>15</v>
      </c>
      <c r="CS12" s="261">
        <v>25</v>
      </c>
      <c r="CT12" s="261">
        <v>29</v>
      </c>
      <c r="CU12" s="261">
        <v>13</v>
      </c>
      <c r="CV12" s="258">
        <v>93</v>
      </c>
      <c r="CW12" s="263">
        <v>95</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50</v>
      </c>
      <c r="DU12" s="261">
        <v>475</v>
      </c>
      <c r="DV12" s="258">
        <v>825</v>
      </c>
      <c r="DW12" s="260">
        <v>0</v>
      </c>
      <c r="DX12" s="261">
        <v>983</v>
      </c>
      <c r="DY12" s="261">
        <v>978</v>
      </c>
      <c r="DZ12" s="261">
        <v>638</v>
      </c>
      <c r="EA12" s="261">
        <v>559</v>
      </c>
      <c r="EB12" s="261">
        <v>350</v>
      </c>
      <c r="EC12" s="258">
        <v>3508</v>
      </c>
      <c r="ED12" s="263">
        <v>4333</v>
      </c>
      <c r="EE12" s="257">
        <v>50</v>
      </c>
      <c r="EF12" s="261">
        <v>23</v>
      </c>
      <c r="EG12" s="258">
        <v>73</v>
      </c>
      <c r="EH12" s="260">
        <v>0</v>
      </c>
      <c r="EI12" s="261">
        <v>191</v>
      </c>
      <c r="EJ12" s="261">
        <v>158</v>
      </c>
      <c r="EK12" s="261">
        <v>155</v>
      </c>
      <c r="EL12" s="261">
        <v>164</v>
      </c>
      <c r="EM12" s="261">
        <v>124</v>
      </c>
      <c r="EN12" s="258">
        <v>792</v>
      </c>
      <c r="EO12" s="263">
        <v>865</v>
      </c>
      <c r="EP12" s="257">
        <v>429</v>
      </c>
      <c r="EQ12" s="261">
        <v>557</v>
      </c>
      <c r="ER12" s="258">
        <v>986</v>
      </c>
      <c r="ES12" s="260">
        <v>0</v>
      </c>
      <c r="ET12" s="261">
        <v>1774</v>
      </c>
      <c r="EU12" s="261">
        <v>1268</v>
      </c>
      <c r="EV12" s="261">
        <v>734</v>
      </c>
      <c r="EW12" s="261">
        <v>601</v>
      </c>
      <c r="EX12" s="261">
        <v>343</v>
      </c>
      <c r="EY12" s="258">
        <v>4720</v>
      </c>
      <c r="EZ12" s="263">
        <v>5706</v>
      </c>
    </row>
    <row r="13" spans="2:156" ht="21" customHeight="1" x14ac:dyDescent="0.2">
      <c r="B13" s="472" t="s">
        <v>10</v>
      </c>
      <c r="C13" s="257">
        <v>0</v>
      </c>
      <c r="D13" s="261">
        <v>0</v>
      </c>
      <c r="E13" s="358">
        <v>0</v>
      </c>
      <c r="F13" s="260">
        <v>0</v>
      </c>
      <c r="G13" s="261">
        <v>1365</v>
      </c>
      <c r="H13" s="261">
        <v>763</v>
      </c>
      <c r="I13" s="261">
        <v>497</v>
      </c>
      <c r="J13" s="261">
        <v>460</v>
      </c>
      <c r="K13" s="261">
        <v>356</v>
      </c>
      <c r="L13" s="262">
        <v>3441</v>
      </c>
      <c r="M13" s="263">
        <v>3441</v>
      </c>
      <c r="N13" s="257">
        <v>0</v>
      </c>
      <c r="O13" s="261">
        <v>0</v>
      </c>
      <c r="P13" s="258">
        <v>0</v>
      </c>
      <c r="Q13" s="260">
        <v>0</v>
      </c>
      <c r="R13" s="261">
        <v>10</v>
      </c>
      <c r="S13" s="261">
        <v>23</v>
      </c>
      <c r="T13" s="261">
        <v>32</v>
      </c>
      <c r="U13" s="261">
        <v>70</v>
      </c>
      <c r="V13" s="261">
        <v>169</v>
      </c>
      <c r="W13" s="258">
        <v>304</v>
      </c>
      <c r="X13" s="263">
        <v>304</v>
      </c>
      <c r="Y13" s="257">
        <v>181</v>
      </c>
      <c r="Z13" s="261">
        <v>299</v>
      </c>
      <c r="AA13" s="258">
        <v>480</v>
      </c>
      <c r="AB13" s="260">
        <v>0</v>
      </c>
      <c r="AC13" s="261">
        <v>814</v>
      </c>
      <c r="AD13" s="261">
        <v>587</v>
      </c>
      <c r="AE13" s="261">
        <v>331</v>
      </c>
      <c r="AF13" s="261">
        <v>348</v>
      </c>
      <c r="AG13" s="261">
        <v>296</v>
      </c>
      <c r="AH13" s="258">
        <v>2376</v>
      </c>
      <c r="AI13" s="263">
        <v>2856</v>
      </c>
      <c r="AJ13" s="257">
        <v>25</v>
      </c>
      <c r="AK13" s="261">
        <v>49</v>
      </c>
      <c r="AL13" s="258">
        <v>74</v>
      </c>
      <c r="AM13" s="260">
        <v>0</v>
      </c>
      <c r="AN13" s="261">
        <v>103</v>
      </c>
      <c r="AO13" s="261">
        <v>91</v>
      </c>
      <c r="AP13" s="261">
        <v>68</v>
      </c>
      <c r="AQ13" s="261">
        <v>38</v>
      </c>
      <c r="AR13" s="261">
        <v>57</v>
      </c>
      <c r="AS13" s="258">
        <v>357</v>
      </c>
      <c r="AT13" s="263">
        <v>431</v>
      </c>
      <c r="AU13" s="257">
        <v>184</v>
      </c>
      <c r="AV13" s="261">
        <v>264</v>
      </c>
      <c r="AW13" s="258">
        <v>448</v>
      </c>
      <c r="AX13" s="260">
        <v>0</v>
      </c>
      <c r="AY13" s="261">
        <v>1288</v>
      </c>
      <c r="AZ13" s="261">
        <v>1110</v>
      </c>
      <c r="BA13" s="261">
        <v>960</v>
      </c>
      <c r="BB13" s="261">
        <v>985</v>
      </c>
      <c r="BC13" s="261">
        <v>775</v>
      </c>
      <c r="BD13" s="262">
        <v>5118</v>
      </c>
      <c r="BE13" s="263">
        <v>5566</v>
      </c>
      <c r="BF13" s="257">
        <v>0</v>
      </c>
      <c r="BG13" s="261">
        <v>0</v>
      </c>
      <c r="BH13" s="258">
        <v>0</v>
      </c>
      <c r="BI13" s="260">
        <v>0</v>
      </c>
      <c r="BJ13" s="261">
        <v>1608</v>
      </c>
      <c r="BK13" s="261">
        <v>848</v>
      </c>
      <c r="BL13" s="261">
        <v>476</v>
      </c>
      <c r="BM13" s="261">
        <v>299</v>
      </c>
      <c r="BN13" s="261">
        <v>143</v>
      </c>
      <c r="BO13" s="258">
        <v>3374</v>
      </c>
      <c r="BP13" s="263">
        <v>3374</v>
      </c>
      <c r="BQ13" s="257">
        <v>64</v>
      </c>
      <c r="BR13" s="261">
        <v>93</v>
      </c>
      <c r="BS13" s="258">
        <v>157</v>
      </c>
      <c r="BT13" s="260">
        <v>0</v>
      </c>
      <c r="BU13" s="261">
        <v>250</v>
      </c>
      <c r="BV13" s="261">
        <v>203</v>
      </c>
      <c r="BW13" s="261">
        <v>90</v>
      </c>
      <c r="BX13" s="261">
        <v>64</v>
      </c>
      <c r="BY13" s="261">
        <v>30</v>
      </c>
      <c r="BZ13" s="258">
        <v>637</v>
      </c>
      <c r="CA13" s="263">
        <v>794</v>
      </c>
      <c r="CB13" s="257">
        <v>9</v>
      </c>
      <c r="CC13" s="261">
        <v>20</v>
      </c>
      <c r="CD13" s="258">
        <v>29</v>
      </c>
      <c r="CE13" s="260">
        <v>0</v>
      </c>
      <c r="CF13" s="261">
        <v>178</v>
      </c>
      <c r="CG13" s="261">
        <v>176</v>
      </c>
      <c r="CH13" s="261">
        <v>176</v>
      </c>
      <c r="CI13" s="261">
        <v>162</v>
      </c>
      <c r="CJ13" s="261">
        <v>101</v>
      </c>
      <c r="CK13" s="258">
        <v>793</v>
      </c>
      <c r="CL13" s="263">
        <v>822</v>
      </c>
      <c r="CM13" s="257">
        <v>0</v>
      </c>
      <c r="CN13" s="261">
        <v>2</v>
      </c>
      <c r="CO13" s="258">
        <v>2</v>
      </c>
      <c r="CP13" s="260">
        <v>0</v>
      </c>
      <c r="CQ13" s="261">
        <v>10</v>
      </c>
      <c r="CR13" s="261">
        <v>24</v>
      </c>
      <c r="CS13" s="261">
        <v>24</v>
      </c>
      <c r="CT13" s="261">
        <v>17</v>
      </c>
      <c r="CU13" s="261">
        <v>9</v>
      </c>
      <c r="CV13" s="258">
        <v>84</v>
      </c>
      <c r="CW13" s="263">
        <v>86</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973</v>
      </c>
      <c r="DU13" s="261">
        <v>1286</v>
      </c>
      <c r="DV13" s="258">
        <v>2259</v>
      </c>
      <c r="DW13" s="260">
        <v>0</v>
      </c>
      <c r="DX13" s="261">
        <v>2023</v>
      </c>
      <c r="DY13" s="261">
        <v>1643</v>
      </c>
      <c r="DZ13" s="261">
        <v>1032</v>
      </c>
      <c r="EA13" s="261">
        <v>918</v>
      </c>
      <c r="EB13" s="261">
        <v>630</v>
      </c>
      <c r="EC13" s="258">
        <v>6246</v>
      </c>
      <c r="ED13" s="263">
        <v>8505</v>
      </c>
      <c r="EE13" s="257">
        <v>69</v>
      </c>
      <c r="EF13" s="261">
        <v>65</v>
      </c>
      <c r="EG13" s="258">
        <v>134</v>
      </c>
      <c r="EH13" s="260">
        <v>0</v>
      </c>
      <c r="EI13" s="261">
        <v>295</v>
      </c>
      <c r="EJ13" s="261">
        <v>239</v>
      </c>
      <c r="EK13" s="261">
        <v>202</v>
      </c>
      <c r="EL13" s="261">
        <v>237</v>
      </c>
      <c r="EM13" s="261">
        <v>139</v>
      </c>
      <c r="EN13" s="258">
        <v>1112</v>
      </c>
      <c r="EO13" s="263">
        <v>1246</v>
      </c>
      <c r="EP13" s="257">
        <v>1161</v>
      </c>
      <c r="EQ13" s="261">
        <v>1468</v>
      </c>
      <c r="ER13" s="258">
        <v>2629</v>
      </c>
      <c r="ES13" s="260">
        <v>0</v>
      </c>
      <c r="ET13" s="261">
        <v>3588</v>
      </c>
      <c r="EU13" s="261">
        <v>2031</v>
      </c>
      <c r="EV13" s="261">
        <v>1127</v>
      </c>
      <c r="EW13" s="261">
        <v>890</v>
      </c>
      <c r="EX13" s="261">
        <v>588</v>
      </c>
      <c r="EY13" s="258">
        <v>8224</v>
      </c>
      <c r="EZ13" s="263">
        <v>10853</v>
      </c>
    </row>
    <row r="14" spans="2:156" ht="21" customHeight="1" x14ac:dyDescent="0.2">
      <c r="B14" s="472" t="s">
        <v>11</v>
      </c>
      <c r="C14" s="257">
        <v>0</v>
      </c>
      <c r="D14" s="261">
        <v>0</v>
      </c>
      <c r="E14" s="358">
        <v>0</v>
      </c>
      <c r="F14" s="260">
        <v>0</v>
      </c>
      <c r="G14" s="261">
        <v>467</v>
      </c>
      <c r="H14" s="261">
        <v>339</v>
      </c>
      <c r="I14" s="261">
        <v>240</v>
      </c>
      <c r="J14" s="261">
        <v>230</v>
      </c>
      <c r="K14" s="261">
        <v>163</v>
      </c>
      <c r="L14" s="262">
        <v>1439</v>
      </c>
      <c r="M14" s="263">
        <v>1439</v>
      </c>
      <c r="N14" s="257">
        <v>0</v>
      </c>
      <c r="O14" s="261">
        <v>0</v>
      </c>
      <c r="P14" s="258">
        <v>0</v>
      </c>
      <c r="Q14" s="260">
        <v>0</v>
      </c>
      <c r="R14" s="261">
        <v>5</v>
      </c>
      <c r="S14" s="261">
        <v>8</v>
      </c>
      <c r="T14" s="261">
        <v>25</v>
      </c>
      <c r="U14" s="261">
        <v>50</v>
      </c>
      <c r="V14" s="261">
        <v>68</v>
      </c>
      <c r="W14" s="258">
        <v>156</v>
      </c>
      <c r="X14" s="263">
        <v>156</v>
      </c>
      <c r="Y14" s="257">
        <v>46</v>
      </c>
      <c r="Z14" s="261">
        <v>53</v>
      </c>
      <c r="AA14" s="258">
        <v>99</v>
      </c>
      <c r="AB14" s="260">
        <v>0</v>
      </c>
      <c r="AC14" s="261">
        <v>339</v>
      </c>
      <c r="AD14" s="261">
        <v>246</v>
      </c>
      <c r="AE14" s="261">
        <v>199</v>
      </c>
      <c r="AF14" s="261">
        <v>204</v>
      </c>
      <c r="AG14" s="261">
        <v>148</v>
      </c>
      <c r="AH14" s="258">
        <v>1136</v>
      </c>
      <c r="AI14" s="263">
        <v>1235</v>
      </c>
      <c r="AJ14" s="257">
        <v>5</v>
      </c>
      <c r="AK14" s="261">
        <v>8</v>
      </c>
      <c r="AL14" s="258">
        <v>13</v>
      </c>
      <c r="AM14" s="260">
        <v>0</v>
      </c>
      <c r="AN14" s="261">
        <v>25</v>
      </c>
      <c r="AO14" s="261">
        <v>24</v>
      </c>
      <c r="AP14" s="261">
        <v>24</v>
      </c>
      <c r="AQ14" s="261">
        <v>24</v>
      </c>
      <c r="AR14" s="261">
        <v>6</v>
      </c>
      <c r="AS14" s="258">
        <v>103</v>
      </c>
      <c r="AT14" s="263">
        <v>116</v>
      </c>
      <c r="AU14" s="257">
        <v>55</v>
      </c>
      <c r="AV14" s="261">
        <v>48</v>
      </c>
      <c r="AW14" s="258">
        <v>103</v>
      </c>
      <c r="AX14" s="260">
        <v>0</v>
      </c>
      <c r="AY14" s="261">
        <v>423</v>
      </c>
      <c r="AZ14" s="261">
        <v>473</v>
      </c>
      <c r="BA14" s="261">
        <v>441</v>
      </c>
      <c r="BB14" s="261">
        <v>459</v>
      </c>
      <c r="BC14" s="261">
        <v>298</v>
      </c>
      <c r="BD14" s="262">
        <v>2094</v>
      </c>
      <c r="BE14" s="263">
        <v>2197</v>
      </c>
      <c r="BF14" s="257">
        <v>0</v>
      </c>
      <c r="BG14" s="261">
        <v>0</v>
      </c>
      <c r="BH14" s="258">
        <v>0</v>
      </c>
      <c r="BI14" s="260">
        <v>0</v>
      </c>
      <c r="BJ14" s="261">
        <v>729</v>
      </c>
      <c r="BK14" s="261">
        <v>412</v>
      </c>
      <c r="BL14" s="261">
        <v>271</v>
      </c>
      <c r="BM14" s="261">
        <v>184</v>
      </c>
      <c r="BN14" s="261">
        <v>80</v>
      </c>
      <c r="BO14" s="258">
        <v>1676</v>
      </c>
      <c r="BP14" s="263">
        <v>1676</v>
      </c>
      <c r="BQ14" s="257">
        <v>101</v>
      </c>
      <c r="BR14" s="261">
        <v>78</v>
      </c>
      <c r="BS14" s="258">
        <v>179</v>
      </c>
      <c r="BT14" s="260">
        <v>0</v>
      </c>
      <c r="BU14" s="261">
        <v>229</v>
      </c>
      <c r="BV14" s="261">
        <v>143</v>
      </c>
      <c r="BW14" s="261">
        <v>98</v>
      </c>
      <c r="BX14" s="261">
        <v>63</v>
      </c>
      <c r="BY14" s="261">
        <v>19</v>
      </c>
      <c r="BZ14" s="258">
        <v>552</v>
      </c>
      <c r="CA14" s="263">
        <v>731</v>
      </c>
      <c r="CB14" s="257">
        <v>7</v>
      </c>
      <c r="CC14" s="261">
        <v>9</v>
      </c>
      <c r="CD14" s="258">
        <v>16</v>
      </c>
      <c r="CE14" s="260">
        <v>0</v>
      </c>
      <c r="CF14" s="261">
        <v>89</v>
      </c>
      <c r="CG14" s="261">
        <v>93</v>
      </c>
      <c r="CH14" s="261">
        <v>128</v>
      </c>
      <c r="CI14" s="261">
        <v>77</v>
      </c>
      <c r="CJ14" s="261">
        <v>38</v>
      </c>
      <c r="CK14" s="258">
        <v>425</v>
      </c>
      <c r="CL14" s="263">
        <v>441</v>
      </c>
      <c r="CM14" s="257">
        <v>0</v>
      </c>
      <c r="CN14" s="261">
        <v>0</v>
      </c>
      <c r="CO14" s="258">
        <v>0</v>
      </c>
      <c r="CP14" s="260">
        <v>0</v>
      </c>
      <c r="CQ14" s="261">
        <v>6</v>
      </c>
      <c r="CR14" s="261">
        <v>7</v>
      </c>
      <c r="CS14" s="261">
        <v>11</v>
      </c>
      <c r="CT14" s="261">
        <v>4</v>
      </c>
      <c r="CU14" s="261">
        <v>11</v>
      </c>
      <c r="CV14" s="258">
        <v>39</v>
      </c>
      <c r="CW14" s="263">
        <v>39</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391</v>
      </c>
      <c r="DU14" s="261">
        <v>482</v>
      </c>
      <c r="DV14" s="258">
        <v>873</v>
      </c>
      <c r="DW14" s="260">
        <v>0</v>
      </c>
      <c r="DX14" s="261">
        <v>985</v>
      </c>
      <c r="DY14" s="261">
        <v>871</v>
      </c>
      <c r="DZ14" s="261">
        <v>639</v>
      </c>
      <c r="EA14" s="261">
        <v>530</v>
      </c>
      <c r="EB14" s="261">
        <v>280</v>
      </c>
      <c r="EC14" s="258">
        <v>3305</v>
      </c>
      <c r="ED14" s="263">
        <v>4178</v>
      </c>
      <c r="EE14" s="257">
        <v>36</v>
      </c>
      <c r="EF14" s="261">
        <v>28</v>
      </c>
      <c r="EG14" s="258">
        <v>64</v>
      </c>
      <c r="EH14" s="260">
        <v>0</v>
      </c>
      <c r="EI14" s="261">
        <v>183</v>
      </c>
      <c r="EJ14" s="261">
        <v>145</v>
      </c>
      <c r="EK14" s="261">
        <v>123</v>
      </c>
      <c r="EL14" s="261">
        <v>146</v>
      </c>
      <c r="EM14" s="261">
        <v>70</v>
      </c>
      <c r="EN14" s="258">
        <v>667</v>
      </c>
      <c r="EO14" s="263">
        <v>731</v>
      </c>
      <c r="EP14" s="257">
        <v>501</v>
      </c>
      <c r="EQ14" s="261">
        <v>555</v>
      </c>
      <c r="ER14" s="258">
        <v>1056</v>
      </c>
      <c r="ES14" s="260">
        <v>0</v>
      </c>
      <c r="ET14" s="261">
        <v>1920</v>
      </c>
      <c r="EU14" s="261">
        <v>1143</v>
      </c>
      <c r="EV14" s="261">
        <v>751</v>
      </c>
      <c r="EW14" s="261">
        <v>567</v>
      </c>
      <c r="EX14" s="261">
        <v>285</v>
      </c>
      <c r="EY14" s="258">
        <v>4666</v>
      </c>
      <c r="EZ14" s="263">
        <v>5722</v>
      </c>
    </row>
    <row r="15" spans="2:156" ht="21" customHeight="1" x14ac:dyDescent="0.2">
      <c r="B15" s="472" t="s">
        <v>12</v>
      </c>
      <c r="C15" s="257">
        <v>0</v>
      </c>
      <c r="D15" s="261">
        <v>0</v>
      </c>
      <c r="E15" s="358">
        <v>0</v>
      </c>
      <c r="F15" s="260">
        <v>0</v>
      </c>
      <c r="G15" s="261">
        <v>532</v>
      </c>
      <c r="H15" s="261">
        <v>497</v>
      </c>
      <c r="I15" s="261">
        <v>304</v>
      </c>
      <c r="J15" s="261">
        <v>292</v>
      </c>
      <c r="K15" s="261">
        <v>217</v>
      </c>
      <c r="L15" s="262">
        <v>1842</v>
      </c>
      <c r="M15" s="263">
        <v>1842</v>
      </c>
      <c r="N15" s="257">
        <v>0</v>
      </c>
      <c r="O15" s="261">
        <v>6</v>
      </c>
      <c r="P15" s="258">
        <v>6</v>
      </c>
      <c r="Q15" s="260">
        <v>0</v>
      </c>
      <c r="R15" s="261">
        <v>2</v>
      </c>
      <c r="S15" s="261">
        <v>18</v>
      </c>
      <c r="T15" s="261">
        <v>26</v>
      </c>
      <c r="U15" s="261">
        <v>72</v>
      </c>
      <c r="V15" s="261">
        <v>77</v>
      </c>
      <c r="W15" s="258">
        <v>195</v>
      </c>
      <c r="X15" s="263">
        <v>201</v>
      </c>
      <c r="Y15" s="257">
        <v>117</v>
      </c>
      <c r="Z15" s="261">
        <v>280</v>
      </c>
      <c r="AA15" s="258">
        <v>397</v>
      </c>
      <c r="AB15" s="260">
        <v>0</v>
      </c>
      <c r="AC15" s="261">
        <v>334</v>
      </c>
      <c r="AD15" s="261">
        <v>394</v>
      </c>
      <c r="AE15" s="261">
        <v>267</v>
      </c>
      <c r="AF15" s="261">
        <v>246</v>
      </c>
      <c r="AG15" s="261">
        <v>178</v>
      </c>
      <c r="AH15" s="258">
        <v>1419</v>
      </c>
      <c r="AI15" s="263">
        <v>1816</v>
      </c>
      <c r="AJ15" s="257">
        <v>7</v>
      </c>
      <c r="AK15" s="261">
        <v>27</v>
      </c>
      <c r="AL15" s="258">
        <v>34</v>
      </c>
      <c r="AM15" s="260">
        <v>0</v>
      </c>
      <c r="AN15" s="261">
        <v>15</v>
      </c>
      <c r="AO15" s="261">
        <v>44</v>
      </c>
      <c r="AP15" s="261">
        <v>23</v>
      </c>
      <c r="AQ15" s="261">
        <v>27</v>
      </c>
      <c r="AR15" s="261">
        <v>16</v>
      </c>
      <c r="AS15" s="258">
        <v>125</v>
      </c>
      <c r="AT15" s="263">
        <v>159</v>
      </c>
      <c r="AU15" s="257">
        <v>82</v>
      </c>
      <c r="AV15" s="261">
        <v>121</v>
      </c>
      <c r="AW15" s="258">
        <v>203</v>
      </c>
      <c r="AX15" s="260">
        <v>0</v>
      </c>
      <c r="AY15" s="261">
        <v>321</v>
      </c>
      <c r="AZ15" s="261">
        <v>436</v>
      </c>
      <c r="BA15" s="261">
        <v>383</v>
      </c>
      <c r="BB15" s="261">
        <v>459</v>
      </c>
      <c r="BC15" s="261">
        <v>336</v>
      </c>
      <c r="BD15" s="262">
        <v>1935</v>
      </c>
      <c r="BE15" s="263">
        <v>2138</v>
      </c>
      <c r="BF15" s="257">
        <v>0</v>
      </c>
      <c r="BG15" s="261">
        <v>0</v>
      </c>
      <c r="BH15" s="258">
        <v>0</v>
      </c>
      <c r="BI15" s="260">
        <v>0</v>
      </c>
      <c r="BJ15" s="261">
        <v>653</v>
      </c>
      <c r="BK15" s="261">
        <v>458</v>
      </c>
      <c r="BL15" s="261">
        <v>261</v>
      </c>
      <c r="BM15" s="261">
        <v>202</v>
      </c>
      <c r="BN15" s="261">
        <v>90</v>
      </c>
      <c r="BO15" s="258">
        <v>1664</v>
      </c>
      <c r="BP15" s="263">
        <v>1664</v>
      </c>
      <c r="BQ15" s="257">
        <v>118</v>
      </c>
      <c r="BR15" s="261">
        <v>132</v>
      </c>
      <c r="BS15" s="258">
        <v>250</v>
      </c>
      <c r="BT15" s="260">
        <v>0</v>
      </c>
      <c r="BU15" s="261">
        <v>143</v>
      </c>
      <c r="BV15" s="261">
        <v>173</v>
      </c>
      <c r="BW15" s="261">
        <v>126</v>
      </c>
      <c r="BX15" s="261">
        <v>82</v>
      </c>
      <c r="BY15" s="261">
        <v>28</v>
      </c>
      <c r="BZ15" s="258">
        <v>552</v>
      </c>
      <c r="CA15" s="263">
        <v>802</v>
      </c>
      <c r="CB15" s="257">
        <v>4</v>
      </c>
      <c r="CC15" s="261">
        <v>17</v>
      </c>
      <c r="CD15" s="258">
        <v>21</v>
      </c>
      <c r="CE15" s="260">
        <v>0</v>
      </c>
      <c r="CF15" s="261">
        <v>101</v>
      </c>
      <c r="CG15" s="261">
        <v>109</v>
      </c>
      <c r="CH15" s="261">
        <v>125</v>
      </c>
      <c r="CI15" s="261">
        <v>103</v>
      </c>
      <c r="CJ15" s="261">
        <v>61</v>
      </c>
      <c r="CK15" s="258">
        <v>499</v>
      </c>
      <c r="CL15" s="263">
        <v>520</v>
      </c>
      <c r="CM15" s="257">
        <v>0</v>
      </c>
      <c r="CN15" s="261">
        <v>0</v>
      </c>
      <c r="CO15" s="258">
        <v>0</v>
      </c>
      <c r="CP15" s="260">
        <v>0</v>
      </c>
      <c r="CQ15" s="261">
        <v>3</v>
      </c>
      <c r="CR15" s="261">
        <v>4</v>
      </c>
      <c r="CS15" s="261">
        <v>11</v>
      </c>
      <c r="CT15" s="261">
        <v>3</v>
      </c>
      <c r="CU15" s="261">
        <v>2</v>
      </c>
      <c r="CV15" s="258">
        <v>23</v>
      </c>
      <c r="CW15" s="263">
        <v>23</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478</v>
      </c>
      <c r="DU15" s="261">
        <v>878</v>
      </c>
      <c r="DV15" s="258">
        <v>1356</v>
      </c>
      <c r="DW15" s="260">
        <v>0</v>
      </c>
      <c r="DX15" s="261">
        <v>630</v>
      </c>
      <c r="DY15" s="261">
        <v>1029</v>
      </c>
      <c r="DZ15" s="261">
        <v>677</v>
      </c>
      <c r="EA15" s="261">
        <v>624</v>
      </c>
      <c r="EB15" s="261">
        <v>364</v>
      </c>
      <c r="EC15" s="258">
        <v>3324</v>
      </c>
      <c r="ED15" s="263">
        <v>4680</v>
      </c>
      <c r="EE15" s="257">
        <v>41</v>
      </c>
      <c r="EF15" s="261">
        <v>44</v>
      </c>
      <c r="EG15" s="258">
        <v>85</v>
      </c>
      <c r="EH15" s="260">
        <v>0</v>
      </c>
      <c r="EI15" s="261">
        <v>112</v>
      </c>
      <c r="EJ15" s="261">
        <v>115</v>
      </c>
      <c r="EK15" s="261">
        <v>110</v>
      </c>
      <c r="EL15" s="261">
        <v>137</v>
      </c>
      <c r="EM15" s="261">
        <v>67</v>
      </c>
      <c r="EN15" s="258">
        <v>541</v>
      </c>
      <c r="EO15" s="263">
        <v>626</v>
      </c>
      <c r="EP15" s="257">
        <v>659</v>
      </c>
      <c r="EQ15" s="261">
        <v>1073</v>
      </c>
      <c r="ER15" s="258">
        <v>1732</v>
      </c>
      <c r="ES15" s="260">
        <v>0</v>
      </c>
      <c r="ET15" s="261">
        <v>1567</v>
      </c>
      <c r="EU15" s="261">
        <v>1293</v>
      </c>
      <c r="EV15" s="261">
        <v>768</v>
      </c>
      <c r="EW15" s="261">
        <v>630</v>
      </c>
      <c r="EX15" s="261">
        <v>341</v>
      </c>
      <c r="EY15" s="258">
        <v>4599</v>
      </c>
      <c r="EZ15" s="263">
        <v>6331</v>
      </c>
    </row>
    <row r="16" spans="2:156" ht="21" customHeight="1" x14ac:dyDescent="0.2">
      <c r="B16" s="472" t="s">
        <v>13</v>
      </c>
      <c r="C16" s="257">
        <v>0</v>
      </c>
      <c r="D16" s="261">
        <v>0</v>
      </c>
      <c r="E16" s="358">
        <v>0</v>
      </c>
      <c r="F16" s="260">
        <v>0</v>
      </c>
      <c r="G16" s="261">
        <v>232</v>
      </c>
      <c r="H16" s="261">
        <v>223</v>
      </c>
      <c r="I16" s="261">
        <v>135</v>
      </c>
      <c r="J16" s="261">
        <v>116</v>
      </c>
      <c r="K16" s="261">
        <v>107</v>
      </c>
      <c r="L16" s="262">
        <v>813</v>
      </c>
      <c r="M16" s="263">
        <v>813</v>
      </c>
      <c r="N16" s="257">
        <v>0</v>
      </c>
      <c r="O16" s="261">
        <v>0</v>
      </c>
      <c r="P16" s="258">
        <v>0</v>
      </c>
      <c r="Q16" s="260">
        <v>0</v>
      </c>
      <c r="R16" s="261">
        <v>1</v>
      </c>
      <c r="S16" s="261">
        <v>1</v>
      </c>
      <c r="T16" s="261">
        <v>6</v>
      </c>
      <c r="U16" s="261">
        <v>17</v>
      </c>
      <c r="V16" s="261">
        <v>34</v>
      </c>
      <c r="W16" s="258">
        <v>59</v>
      </c>
      <c r="X16" s="263">
        <v>59</v>
      </c>
      <c r="Y16" s="257">
        <v>11</v>
      </c>
      <c r="Z16" s="261">
        <v>28</v>
      </c>
      <c r="AA16" s="258">
        <v>39</v>
      </c>
      <c r="AB16" s="260">
        <v>0</v>
      </c>
      <c r="AC16" s="261">
        <v>108</v>
      </c>
      <c r="AD16" s="261">
        <v>154</v>
      </c>
      <c r="AE16" s="261">
        <v>91</v>
      </c>
      <c r="AF16" s="261">
        <v>86</v>
      </c>
      <c r="AG16" s="261">
        <v>75</v>
      </c>
      <c r="AH16" s="258">
        <v>514</v>
      </c>
      <c r="AI16" s="263">
        <v>553</v>
      </c>
      <c r="AJ16" s="257">
        <v>1</v>
      </c>
      <c r="AK16" s="261">
        <v>7</v>
      </c>
      <c r="AL16" s="258">
        <v>8</v>
      </c>
      <c r="AM16" s="260">
        <v>0</v>
      </c>
      <c r="AN16" s="261">
        <v>18</v>
      </c>
      <c r="AO16" s="261">
        <v>26</v>
      </c>
      <c r="AP16" s="261">
        <v>13</v>
      </c>
      <c r="AQ16" s="261">
        <v>17</v>
      </c>
      <c r="AR16" s="261">
        <v>9</v>
      </c>
      <c r="AS16" s="258">
        <v>83</v>
      </c>
      <c r="AT16" s="263">
        <v>91</v>
      </c>
      <c r="AU16" s="257">
        <v>32</v>
      </c>
      <c r="AV16" s="261">
        <v>24</v>
      </c>
      <c r="AW16" s="258">
        <v>56</v>
      </c>
      <c r="AX16" s="260">
        <v>0</v>
      </c>
      <c r="AY16" s="261">
        <v>178</v>
      </c>
      <c r="AZ16" s="261">
        <v>218</v>
      </c>
      <c r="BA16" s="261">
        <v>189</v>
      </c>
      <c r="BB16" s="261">
        <v>190</v>
      </c>
      <c r="BC16" s="261">
        <v>168</v>
      </c>
      <c r="BD16" s="262">
        <v>943</v>
      </c>
      <c r="BE16" s="263">
        <v>999</v>
      </c>
      <c r="BF16" s="257">
        <v>0</v>
      </c>
      <c r="BG16" s="261">
        <v>0</v>
      </c>
      <c r="BH16" s="258">
        <v>0</v>
      </c>
      <c r="BI16" s="260">
        <v>0</v>
      </c>
      <c r="BJ16" s="261">
        <v>188</v>
      </c>
      <c r="BK16" s="261">
        <v>179</v>
      </c>
      <c r="BL16" s="261">
        <v>107</v>
      </c>
      <c r="BM16" s="261">
        <v>62</v>
      </c>
      <c r="BN16" s="261">
        <v>34</v>
      </c>
      <c r="BO16" s="258">
        <v>570</v>
      </c>
      <c r="BP16" s="263">
        <v>570</v>
      </c>
      <c r="BQ16" s="257">
        <v>6</v>
      </c>
      <c r="BR16" s="261">
        <v>21</v>
      </c>
      <c r="BS16" s="258">
        <v>27</v>
      </c>
      <c r="BT16" s="260">
        <v>0</v>
      </c>
      <c r="BU16" s="261">
        <v>36</v>
      </c>
      <c r="BV16" s="261">
        <v>32</v>
      </c>
      <c r="BW16" s="261">
        <v>33</v>
      </c>
      <c r="BX16" s="261">
        <v>25</v>
      </c>
      <c r="BY16" s="261">
        <v>15</v>
      </c>
      <c r="BZ16" s="258">
        <v>141</v>
      </c>
      <c r="CA16" s="263">
        <v>168</v>
      </c>
      <c r="CB16" s="257">
        <v>0</v>
      </c>
      <c r="CC16" s="261">
        <v>1</v>
      </c>
      <c r="CD16" s="258">
        <v>1</v>
      </c>
      <c r="CE16" s="260">
        <v>0</v>
      </c>
      <c r="CF16" s="261">
        <v>21</v>
      </c>
      <c r="CG16" s="261">
        <v>23</v>
      </c>
      <c r="CH16" s="261">
        <v>48</v>
      </c>
      <c r="CI16" s="261">
        <v>35</v>
      </c>
      <c r="CJ16" s="261">
        <v>16</v>
      </c>
      <c r="CK16" s="258">
        <v>143</v>
      </c>
      <c r="CL16" s="263">
        <v>144</v>
      </c>
      <c r="CM16" s="257">
        <v>0</v>
      </c>
      <c r="CN16" s="261">
        <v>0</v>
      </c>
      <c r="CO16" s="258">
        <v>0</v>
      </c>
      <c r="CP16" s="260">
        <v>0</v>
      </c>
      <c r="CQ16" s="261">
        <v>2</v>
      </c>
      <c r="CR16" s="261">
        <v>2</v>
      </c>
      <c r="CS16" s="261">
        <v>3</v>
      </c>
      <c r="CT16" s="261">
        <v>4</v>
      </c>
      <c r="CU16" s="261">
        <v>0</v>
      </c>
      <c r="CV16" s="258">
        <v>11</v>
      </c>
      <c r="CW16" s="263">
        <v>11</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78</v>
      </c>
      <c r="DU16" s="261">
        <v>172</v>
      </c>
      <c r="DV16" s="258">
        <v>250</v>
      </c>
      <c r="DW16" s="260">
        <v>0</v>
      </c>
      <c r="DX16" s="261">
        <v>261</v>
      </c>
      <c r="DY16" s="261">
        <v>388</v>
      </c>
      <c r="DZ16" s="261">
        <v>236</v>
      </c>
      <c r="EA16" s="261">
        <v>212</v>
      </c>
      <c r="EB16" s="261">
        <v>141</v>
      </c>
      <c r="EC16" s="258">
        <v>1238</v>
      </c>
      <c r="ED16" s="263">
        <v>1488</v>
      </c>
      <c r="EE16" s="257">
        <v>22</v>
      </c>
      <c r="EF16" s="261">
        <v>9</v>
      </c>
      <c r="EG16" s="258">
        <v>31</v>
      </c>
      <c r="EH16" s="260">
        <v>0</v>
      </c>
      <c r="EI16" s="261">
        <v>67</v>
      </c>
      <c r="EJ16" s="261">
        <v>83</v>
      </c>
      <c r="EK16" s="261">
        <v>68</v>
      </c>
      <c r="EL16" s="261">
        <v>69</v>
      </c>
      <c r="EM16" s="261">
        <v>46</v>
      </c>
      <c r="EN16" s="258">
        <v>333</v>
      </c>
      <c r="EO16" s="263">
        <v>364</v>
      </c>
      <c r="EP16" s="257">
        <v>90</v>
      </c>
      <c r="EQ16" s="261">
        <v>202</v>
      </c>
      <c r="ER16" s="258">
        <v>292</v>
      </c>
      <c r="ES16" s="260">
        <v>0</v>
      </c>
      <c r="ET16" s="261">
        <v>575</v>
      </c>
      <c r="EU16" s="261">
        <v>541</v>
      </c>
      <c r="EV16" s="261">
        <v>303</v>
      </c>
      <c r="EW16" s="261">
        <v>230</v>
      </c>
      <c r="EX16" s="261">
        <v>167</v>
      </c>
      <c r="EY16" s="258">
        <v>1816</v>
      </c>
      <c r="EZ16" s="263">
        <v>2108</v>
      </c>
    </row>
    <row r="17" spans="2:156" ht="21" customHeight="1" x14ac:dyDescent="0.2">
      <c r="B17" s="472" t="s">
        <v>15</v>
      </c>
      <c r="C17" s="257">
        <v>0</v>
      </c>
      <c r="D17" s="261">
        <v>0</v>
      </c>
      <c r="E17" s="358">
        <v>0</v>
      </c>
      <c r="F17" s="260">
        <v>0</v>
      </c>
      <c r="G17" s="261">
        <v>130</v>
      </c>
      <c r="H17" s="261">
        <v>184</v>
      </c>
      <c r="I17" s="261">
        <v>91</v>
      </c>
      <c r="J17" s="261">
        <v>47</v>
      </c>
      <c r="K17" s="261">
        <v>45</v>
      </c>
      <c r="L17" s="262">
        <v>497</v>
      </c>
      <c r="M17" s="263">
        <v>497</v>
      </c>
      <c r="N17" s="257">
        <v>0</v>
      </c>
      <c r="O17" s="261">
        <v>0</v>
      </c>
      <c r="P17" s="258">
        <v>0</v>
      </c>
      <c r="Q17" s="260">
        <v>0</v>
      </c>
      <c r="R17" s="261">
        <v>0</v>
      </c>
      <c r="S17" s="261">
        <v>3</v>
      </c>
      <c r="T17" s="261">
        <v>6</v>
      </c>
      <c r="U17" s="261">
        <v>11</v>
      </c>
      <c r="V17" s="261">
        <v>29</v>
      </c>
      <c r="W17" s="258">
        <v>49</v>
      </c>
      <c r="X17" s="263">
        <v>49</v>
      </c>
      <c r="Y17" s="257">
        <v>5</v>
      </c>
      <c r="Z17" s="261">
        <v>16</v>
      </c>
      <c r="AA17" s="258">
        <v>21</v>
      </c>
      <c r="AB17" s="260">
        <v>0</v>
      </c>
      <c r="AC17" s="261">
        <v>57</v>
      </c>
      <c r="AD17" s="261">
        <v>71</v>
      </c>
      <c r="AE17" s="261">
        <v>40</v>
      </c>
      <c r="AF17" s="261">
        <v>39</v>
      </c>
      <c r="AG17" s="261">
        <v>40</v>
      </c>
      <c r="AH17" s="258">
        <v>247</v>
      </c>
      <c r="AI17" s="263">
        <v>268</v>
      </c>
      <c r="AJ17" s="257">
        <v>0</v>
      </c>
      <c r="AK17" s="261">
        <v>2</v>
      </c>
      <c r="AL17" s="258">
        <v>2</v>
      </c>
      <c r="AM17" s="260">
        <v>0</v>
      </c>
      <c r="AN17" s="261">
        <v>12</v>
      </c>
      <c r="AO17" s="261">
        <v>15</v>
      </c>
      <c r="AP17" s="261">
        <v>3</v>
      </c>
      <c r="AQ17" s="261">
        <v>4</v>
      </c>
      <c r="AR17" s="261">
        <v>6</v>
      </c>
      <c r="AS17" s="258">
        <v>40</v>
      </c>
      <c r="AT17" s="263">
        <v>42</v>
      </c>
      <c r="AU17" s="257">
        <v>10</v>
      </c>
      <c r="AV17" s="261">
        <v>12</v>
      </c>
      <c r="AW17" s="258">
        <v>22</v>
      </c>
      <c r="AX17" s="260">
        <v>0</v>
      </c>
      <c r="AY17" s="261">
        <v>111</v>
      </c>
      <c r="AZ17" s="261">
        <v>125</v>
      </c>
      <c r="BA17" s="261">
        <v>117</v>
      </c>
      <c r="BB17" s="261">
        <v>101</v>
      </c>
      <c r="BC17" s="261">
        <v>79</v>
      </c>
      <c r="BD17" s="262">
        <v>533</v>
      </c>
      <c r="BE17" s="263">
        <v>555</v>
      </c>
      <c r="BF17" s="257">
        <v>0</v>
      </c>
      <c r="BG17" s="261">
        <v>0</v>
      </c>
      <c r="BH17" s="258">
        <v>0</v>
      </c>
      <c r="BI17" s="260">
        <v>0</v>
      </c>
      <c r="BJ17" s="261">
        <v>135</v>
      </c>
      <c r="BK17" s="261">
        <v>141</v>
      </c>
      <c r="BL17" s="261">
        <v>64</v>
      </c>
      <c r="BM17" s="261">
        <v>30</v>
      </c>
      <c r="BN17" s="261">
        <v>13</v>
      </c>
      <c r="BO17" s="258">
        <v>383</v>
      </c>
      <c r="BP17" s="263">
        <v>383</v>
      </c>
      <c r="BQ17" s="257">
        <v>0</v>
      </c>
      <c r="BR17" s="261">
        <v>5</v>
      </c>
      <c r="BS17" s="258">
        <v>5</v>
      </c>
      <c r="BT17" s="260">
        <v>0</v>
      </c>
      <c r="BU17" s="261">
        <v>32</v>
      </c>
      <c r="BV17" s="261">
        <v>34</v>
      </c>
      <c r="BW17" s="261">
        <v>25</v>
      </c>
      <c r="BX17" s="261">
        <v>17</v>
      </c>
      <c r="BY17" s="261">
        <v>8</v>
      </c>
      <c r="BZ17" s="258">
        <v>116</v>
      </c>
      <c r="CA17" s="263">
        <v>121</v>
      </c>
      <c r="CB17" s="257">
        <v>0</v>
      </c>
      <c r="CC17" s="261">
        <v>1</v>
      </c>
      <c r="CD17" s="258">
        <v>1</v>
      </c>
      <c r="CE17" s="260">
        <v>0</v>
      </c>
      <c r="CF17" s="261">
        <v>10</v>
      </c>
      <c r="CG17" s="261">
        <v>49</v>
      </c>
      <c r="CH17" s="261">
        <v>59</v>
      </c>
      <c r="CI17" s="261">
        <v>31</v>
      </c>
      <c r="CJ17" s="261">
        <v>25</v>
      </c>
      <c r="CK17" s="258">
        <v>174</v>
      </c>
      <c r="CL17" s="263">
        <v>175</v>
      </c>
      <c r="CM17" s="257">
        <v>0</v>
      </c>
      <c r="CN17" s="261">
        <v>0</v>
      </c>
      <c r="CO17" s="258">
        <v>0</v>
      </c>
      <c r="CP17" s="260">
        <v>0</v>
      </c>
      <c r="CQ17" s="261">
        <v>1</v>
      </c>
      <c r="CR17" s="261">
        <v>3</v>
      </c>
      <c r="CS17" s="261">
        <v>5</v>
      </c>
      <c r="CT17" s="261">
        <v>7</v>
      </c>
      <c r="CU17" s="261">
        <v>0</v>
      </c>
      <c r="CV17" s="258">
        <v>16</v>
      </c>
      <c r="CW17" s="263">
        <v>16</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70</v>
      </c>
      <c r="DU17" s="261">
        <v>155</v>
      </c>
      <c r="DV17" s="258">
        <v>225</v>
      </c>
      <c r="DW17" s="260">
        <v>0</v>
      </c>
      <c r="DX17" s="261">
        <v>234</v>
      </c>
      <c r="DY17" s="261">
        <v>373</v>
      </c>
      <c r="DZ17" s="261">
        <v>186</v>
      </c>
      <c r="EA17" s="261">
        <v>108</v>
      </c>
      <c r="EB17" s="261">
        <v>84</v>
      </c>
      <c r="EC17" s="258">
        <v>985</v>
      </c>
      <c r="ED17" s="263">
        <v>1210</v>
      </c>
      <c r="EE17" s="257">
        <v>17</v>
      </c>
      <c r="EF17" s="261">
        <v>11</v>
      </c>
      <c r="EG17" s="258">
        <v>28</v>
      </c>
      <c r="EH17" s="260">
        <v>0</v>
      </c>
      <c r="EI17" s="261">
        <v>55</v>
      </c>
      <c r="EJ17" s="261">
        <v>33</v>
      </c>
      <c r="EK17" s="261">
        <v>36</v>
      </c>
      <c r="EL17" s="261">
        <v>34</v>
      </c>
      <c r="EM17" s="261">
        <v>13</v>
      </c>
      <c r="EN17" s="258">
        <v>171</v>
      </c>
      <c r="EO17" s="263">
        <v>199</v>
      </c>
      <c r="EP17" s="257">
        <v>77</v>
      </c>
      <c r="EQ17" s="261">
        <v>163</v>
      </c>
      <c r="ER17" s="258">
        <v>240</v>
      </c>
      <c r="ES17" s="260">
        <v>0</v>
      </c>
      <c r="ET17" s="261">
        <v>450</v>
      </c>
      <c r="EU17" s="261">
        <v>512</v>
      </c>
      <c r="EV17" s="261">
        <v>235</v>
      </c>
      <c r="EW17" s="261">
        <v>132</v>
      </c>
      <c r="EX17" s="261">
        <v>101</v>
      </c>
      <c r="EY17" s="258">
        <v>1430</v>
      </c>
      <c r="EZ17" s="263">
        <v>1670</v>
      </c>
    </row>
    <row r="18" spans="2:156" ht="21" customHeight="1" x14ac:dyDescent="0.2">
      <c r="B18" s="472" t="s">
        <v>16</v>
      </c>
      <c r="C18" s="257">
        <v>0</v>
      </c>
      <c r="D18" s="261">
        <v>0</v>
      </c>
      <c r="E18" s="358">
        <v>0</v>
      </c>
      <c r="F18" s="260">
        <v>0</v>
      </c>
      <c r="G18" s="261">
        <v>208</v>
      </c>
      <c r="H18" s="261">
        <v>309</v>
      </c>
      <c r="I18" s="261">
        <v>167</v>
      </c>
      <c r="J18" s="261">
        <v>134</v>
      </c>
      <c r="K18" s="261">
        <v>87</v>
      </c>
      <c r="L18" s="262">
        <v>905</v>
      </c>
      <c r="M18" s="263">
        <v>905</v>
      </c>
      <c r="N18" s="257">
        <v>0</v>
      </c>
      <c r="O18" s="261">
        <v>0</v>
      </c>
      <c r="P18" s="258">
        <v>0</v>
      </c>
      <c r="Q18" s="260">
        <v>0</v>
      </c>
      <c r="R18" s="261">
        <v>1</v>
      </c>
      <c r="S18" s="261">
        <v>8</v>
      </c>
      <c r="T18" s="261">
        <v>15</v>
      </c>
      <c r="U18" s="261">
        <v>22</v>
      </c>
      <c r="V18" s="261">
        <v>49</v>
      </c>
      <c r="W18" s="258">
        <v>95</v>
      </c>
      <c r="X18" s="263">
        <v>95</v>
      </c>
      <c r="Y18" s="257">
        <v>26</v>
      </c>
      <c r="Z18" s="261">
        <v>59</v>
      </c>
      <c r="AA18" s="258">
        <v>85</v>
      </c>
      <c r="AB18" s="260">
        <v>0</v>
      </c>
      <c r="AC18" s="261">
        <v>169</v>
      </c>
      <c r="AD18" s="261">
        <v>295</v>
      </c>
      <c r="AE18" s="261">
        <v>169</v>
      </c>
      <c r="AF18" s="261">
        <v>148</v>
      </c>
      <c r="AG18" s="261">
        <v>111</v>
      </c>
      <c r="AH18" s="258">
        <v>892</v>
      </c>
      <c r="AI18" s="263">
        <v>977</v>
      </c>
      <c r="AJ18" s="257">
        <v>3</v>
      </c>
      <c r="AK18" s="261">
        <v>8</v>
      </c>
      <c r="AL18" s="258">
        <v>11</v>
      </c>
      <c r="AM18" s="260">
        <v>0</v>
      </c>
      <c r="AN18" s="261">
        <v>11</v>
      </c>
      <c r="AO18" s="261">
        <v>33</v>
      </c>
      <c r="AP18" s="261">
        <v>19</v>
      </c>
      <c r="AQ18" s="261">
        <v>8</v>
      </c>
      <c r="AR18" s="261">
        <v>9</v>
      </c>
      <c r="AS18" s="258">
        <v>80</v>
      </c>
      <c r="AT18" s="263">
        <v>91</v>
      </c>
      <c r="AU18" s="257">
        <v>42</v>
      </c>
      <c r="AV18" s="261">
        <v>43</v>
      </c>
      <c r="AW18" s="258">
        <v>85</v>
      </c>
      <c r="AX18" s="260">
        <v>0</v>
      </c>
      <c r="AY18" s="261">
        <v>195</v>
      </c>
      <c r="AZ18" s="261">
        <v>321</v>
      </c>
      <c r="BA18" s="261">
        <v>285</v>
      </c>
      <c r="BB18" s="261">
        <v>284</v>
      </c>
      <c r="BC18" s="261">
        <v>205</v>
      </c>
      <c r="BD18" s="262">
        <v>1290</v>
      </c>
      <c r="BE18" s="263">
        <v>1375</v>
      </c>
      <c r="BF18" s="257">
        <v>0</v>
      </c>
      <c r="BG18" s="261">
        <v>0</v>
      </c>
      <c r="BH18" s="258">
        <v>0</v>
      </c>
      <c r="BI18" s="260">
        <v>0</v>
      </c>
      <c r="BJ18" s="261">
        <v>333</v>
      </c>
      <c r="BK18" s="261">
        <v>469</v>
      </c>
      <c r="BL18" s="261">
        <v>215</v>
      </c>
      <c r="BM18" s="261">
        <v>141</v>
      </c>
      <c r="BN18" s="261">
        <v>86</v>
      </c>
      <c r="BO18" s="258">
        <v>1244</v>
      </c>
      <c r="BP18" s="263">
        <v>1244</v>
      </c>
      <c r="BQ18" s="257">
        <v>39</v>
      </c>
      <c r="BR18" s="261">
        <v>97</v>
      </c>
      <c r="BS18" s="258">
        <v>136</v>
      </c>
      <c r="BT18" s="260">
        <v>0</v>
      </c>
      <c r="BU18" s="261">
        <v>171</v>
      </c>
      <c r="BV18" s="261">
        <v>269</v>
      </c>
      <c r="BW18" s="261">
        <v>102</v>
      </c>
      <c r="BX18" s="261">
        <v>61</v>
      </c>
      <c r="BY18" s="261">
        <v>14</v>
      </c>
      <c r="BZ18" s="258">
        <v>617</v>
      </c>
      <c r="CA18" s="263">
        <v>753</v>
      </c>
      <c r="CB18" s="257">
        <v>2</v>
      </c>
      <c r="CC18" s="261">
        <v>1</v>
      </c>
      <c r="CD18" s="258">
        <v>3</v>
      </c>
      <c r="CE18" s="260">
        <v>0</v>
      </c>
      <c r="CF18" s="261">
        <v>37</v>
      </c>
      <c r="CG18" s="261">
        <v>92</v>
      </c>
      <c r="CH18" s="261">
        <v>84</v>
      </c>
      <c r="CI18" s="261">
        <v>53</v>
      </c>
      <c r="CJ18" s="261">
        <v>20</v>
      </c>
      <c r="CK18" s="258">
        <v>286</v>
      </c>
      <c r="CL18" s="263">
        <v>289</v>
      </c>
      <c r="CM18" s="257">
        <v>0</v>
      </c>
      <c r="CN18" s="261">
        <v>0</v>
      </c>
      <c r="CO18" s="258">
        <v>0</v>
      </c>
      <c r="CP18" s="260">
        <v>0</v>
      </c>
      <c r="CQ18" s="261">
        <v>1</v>
      </c>
      <c r="CR18" s="261">
        <v>6</v>
      </c>
      <c r="CS18" s="261">
        <v>8</v>
      </c>
      <c r="CT18" s="261">
        <v>9</v>
      </c>
      <c r="CU18" s="261">
        <v>6</v>
      </c>
      <c r="CV18" s="258">
        <v>30</v>
      </c>
      <c r="CW18" s="263">
        <v>30</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61</v>
      </c>
      <c r="DU18" s="261">
        <v>372</v>
      </c>
      <c r="DV18" s="258">
        <v>533</v>
      </c>
      <c r="DW18" s="260">
        <v>0</v>
      </c>
      <c r="DX18" s="261">
        <v>419</v>
      </c>
      <c r="DY18" s="261">
        <v>917</v>
      </c>
      <c r="DZ18" s="261">
        <v>461</v>
      </c>
      <c r="EA18" s="261">
        <v>353</v>
      </c>
      <c r="EB18" s="261">
        <v>220</v>
      </c>
      <c r="EC18" s="258">
        <v>2370</v>
      </c>
      <c r="ED18" s="263">
        <v>2903</v>
      </c>
      <c r="EE18" s="257">
        <v>25</v>
      </c>
      <c r="EF18" s="261">
        <v>22</v>
      </c>
      <c r="EG18" s="258">
        <v>47</v>
      </c>
      <c r="EH18" s="260">
        <v>0</v>
      </c>
      <c r="EI18" s="261">
        <v>91</v>
      </c>
      <c r="EJ18" s="261">
        <v>120</v>
      </c>
      <c r="EK18" s="261">
        <v>93</v>
      </c>
      <c r="EL18" s="261">
        <v>111</v>
      </c>
      <c r="EM18" s="261">
        <v>75</v>
      </c>
      <c r="EN18" s="258">
        <v>490</v>
      </c>
      <c r="EO18" s="263">
        <v>537</v>
      </c>
      <c r="EP18" s="257">
        <v>209</v>
      </c>
      <c r="EQ18" s="261">
        <v>451</v>
      </c>
      <c r="ER18" s="258">
        <v>660</v>
      </c>
      <c r="ES18" s="260">
        <v>0</v>
      </c>
      <c r="ET18" s="261">
        <v>872</v>
      </c>
      <c r="EU18" s="261">
        <v>1212</v>
      </c>
      <c r="EV18" s="261">
        <v>555</v>
      </c>
      <c r="EW18" s="261">
        <v>372</v>
      </c>
      <c r="EX18" s="261">
        <v>219</v>
      </c>
      <c r="EY18" s="258">
        <v>3230</v>
      </c>
      <c r="EZ18" s="263">
        <v>3890</v>
      </c>
    </row>
    <row r="19" spans="2:156" ht="21" customHeight="1" x14ac:dyDescent="0.2">
      <c r="B19" s="472" t="s">
        <v>17</v>
      </c>
      <c r="C19" s="257">
        <v>0</v>
      </c>
      <c r="D19" s="261">
        <v>0</v>
      </c>
      <c r="E19" s="358">
        <v>0</v>
      </c>
      <c r="F19" s="260">
        <v>0</v>
      </c>
      <c r="G19" s="261">
        <v>234</v>
      </c>
      <c r="H19" s="261">
        <v>458</v>
      </c>
      <c r="I19" s="261">
        <v>277</v>
      </c>
      <c r="J19" s="261">
        <v>214</v>
      </c>
      <c r="K19" s="261">
        <v>141</v>
      </c>
      <c r="L19" s="262">
        <v>1324</v>
      </c>
      <c r="M19" s="263">
        <v>1324</v>
      </c>
      <c r="N19" s="257">
        <v>0</v>
      </c>
      <c r="O19" s="261">
        <v>0</v>
      </c>
      <c r="P19" s="258">
        <v>0</v>
      </c>
      <c r="Q19" s="260">
        <v>0</v>
      </c>
      <c r="R19" s="261">
        <v>1</v>
      </c>
      <c r="S19" s="261">
        <v>9</v>
      </c>
      <c r="T19" s="261">
        <v>20</v>
      </c>
      <c r="U19" s="261">
        <v>40</v>
      </c>
      <c r="V19" s="261">
        <v>80</v>
      </c>
      <c r="W19" s="258">
        <v>150</v>
      </c>
      <c r="X19" s="263">
        <v>150</v>
      </c>
      <c r="Y19" s="257">
        <v>34</v>
      </c>
      <c r="Z19" s="261">
        <v>93</v>
      </c>
      <c r="AA19" s="258">
        <v>127</v>
      </c>
      <c r="AB19" s="260">
        <v>0</v>
      </c>
      <c r="AC19" s="261">
        <v>205</v>
      </c>
      <c r="AD19" s="261">
        <v>341</v>
      </c>
      <c r="AE19" s="261">
        <v>229</v>
      </c>
      <c r="AF19" s="261">
        <v>182</v>
      </c>
      <c r="AG19" s="261">
        <v>145</v>
      </c>
      <c r="AH19" s="258">
        <v>1102</v>
      </c>
      <c r="AI19" s="263">
        <v>1229</v>
      </c>
      <c r="AJ19" s="257">
        <v>5</v>
      </c>
      <c r="AK19" s="261">
        <v>10</v>
      </c>
      <c r="AL19" s="258">
        <v>15</v>
      </c>
      <c r="AM19" s="260">
        <v>0</v>
      </c>
      <c r="AN19" s="261">
        <v>8</v>
      </c>
      <c r="AO19" s="261">
        <v>36</v>
      </c>
      <c r="AP19" s="261">
        <v>32</v>
      </c>
      <c r="AQ19" s="261">
        <v>17</v>
      </c>
      <c r="AR19" s="261">
        <v>19</v>
      </c>
      <c r="AS19" s="258">
        <v>112</v>
      </c>
      <c r="AT19" s="263">
        <v>127</v>
      </c>
      <c r="AU19" s="257">
        <v>44</v>
      </c>
      <c r="AV19" s="261">
        <v>59</v>
      </c>
      <c r="AW19" s="258">
        <v>103</v>
      </c>
      <c r="AX19" s="260">
        <v>0</v>
      </c>
      <c r="AY19" s="261">
        <v>281</v>
      </c>
      <c r="AZ19" s="261">
        <v>450</v>
      </c>
      <c r="BA19" s="261">
        <v>454</v>
      </c>
      <c r="BB19" s="261">
        <v>424</v>
      </c>
      <c r="BC19" s="261">
        <v>332</v>
      </c>
      <c r="BD19" s="262">
        <v>1941</v>
      </c>
      <c r="BE19" s="263">
        <v>2044</v>
      </c>
      <c r="BF19" s="257">
        <v>0</v>
      </c>
      <c r="BG19" s="261">
        <v>1</v>
      </c>
      <c r="BH19" s="258">
        <v>1</v>
      </c>
      <c r="BI19" s="260">
        <v>0</v>
      </c>
      <c r="BJ19" s="261">
        <v>345</v>
      </c>
      <c r="BK19" s="261">
        <v>534</v>
      </c>
      <c r="BL19" s="261">
        <v>297</v>
      </c>
      <c r="BM19" s="261">
        <v>169</v>
      </c>
      <c r="BN19" s="261">
        <v>89</v>
      </c>
      <c r="BO19" s="258">
        <v>1434</v>
      </c>
      <c r="BP19" s="263">
        <v>1435</v>
      </c>
      <c r="BQ19" s="257">
        <v>38</v>
      </c>
      <c r="BR19" s="261">
        <v>75</v>
      </c>
      <c r="BS19" s="258">
        <v>113</v>
      </c>
      <c r="BT19" s="260">
        <v>0</v>
      </c>
      <c r="BU19" s="261">
        <v>60</v>
      </c>
      <c r="BV19" s="261">
        <v>190</v>
      </c>
      <c r="BW19" s="261">
        <v>113</v>
      </c>
      <c r="BX19" s="261">
        <v>50</v>
      </c>
      <c r="BY19" s="261">
        <v>19</v>
      </c>
      <c r="BZ19" s="258">
        <v>432</v>
      </c>
      <c r="CA19" s="263">
        <v>545</v>
      </c>
      <c r="CB19" s="257">
        <v>1</v>
      </c>
      <c r="CC19" s="261">
        <v>2</v>
      </c>
      <c r="CD19" s="258">
        <v>3</v>
      </c>
      <c r="CE19" s="260">
        <v>0</v>
      </c>
      <c r="CF19" s="261">
        <v>51</v>
      </c>
      <c r="CG19" s="261">
        <v>101</v>
      </c>
      <c r="CH19" s="261">
        <v>94</v>
      </c>
      <c r="CI19" s="261">
        <v>94</v>
      </c>
      <c r="CJ19" s="261">
        <v>39</v>
      </c>
      <c r="CK19" s="258">
        <v>379</v>
      </c>
      <c r="CL19" s="263">
        <v>382</v>
      </c>
      <c r="CM19" s="257">
        <v>0</v>
      </c>
      <c r="CN19" s="261">
        <v>1</v>
      </c>
      <c r="CO19" s="258">
        <v>1</v>
      </c>
      <c r="CP19" s="260">
        <v>0</v>
      </c>
      <c r="CQ19" s="261">
        <v>2</v>
      </c>
      <c r="CR19" s="261">
        <v>18</v>
      </c>
      <c r="CS19" s="261">
        <v>14</v>
      </c>
      <c r="CT19" s="261">
        <v>9</v>
      </c>
      <c r="CU19" s="261">
        <v>8</v>
      </c>
      <c r="CV19" s="258">
        <v>51</v>
      </c>
      <c r="CW19" s="263">
        <v>52</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95</v>
      </c>
      <c r="DU19" s="261">
        <v>500</v>
      </c>
      <c r="DV19" s="258">
        <v>695</v>
      </c>
      <c r="DW19" s="260">
        <v>0</v>
      </c>
      <c r="DX19" s="261">
        <v>436</v>
      </c>
      <c r="DY19" s="261">
        <v>1158</v>
      </c>
      <c r="DZ19" s="261">
        <v>719</v>
      </c>
      <c r="EA19" s="261">
        <v>509</v>
      </c>
      <c r="EB19" s="261">
        <v>317</v>
      </c>
      <c r="EC19" s="258">
        <v>3139</v>
      </c>
      <c r="ED19" s="263">
        <v>3834</v>
      </c>
      <c r="EE19" s="257">
        <v>26</v>
      </c>
      <c r="EF19" s="261">
        <v>27</v>
      </c>
      <c r="EG19" s="258">
        <v>53</v>
      </c>
      <c r="EH19" s="260">
        <v>0</v>
      </c>
      <c r="EI19" s="261">
        <v>105</v>
      </c>
      <c r="EJ19" s="261">
        <v>119</v>
      </c>
      <c r="EK19" s="261">
        <v>99</v>
      </c>
      <c r="EL19" s="261">
        <v>99</v>
      </c>
      <c r="EM19" s="261">
        <v>68</v>
      </c>
      <c r="EN19" s="258">
        <v>490</v>
      </c>
      <c r="EO19" s="263">
        <v>543</v>
      </c>
      <c r="EP19" s="257">
        <v>256</v>
      </c>
      <c r="EQ19" s="261">
        <v>576</v>
      </c>
      <c r="ER19" s="258">
        <v>832</v>
      </c>
      <c r="ES19" s="260">
        <v>0</v>
      </c>
      <c r="ET19" s="261">
        <v>993</v>
      </c>
      <c r="EU19" s="261">
        <v>1538</v>
      </c>
      <c r="EV19" s="261">
        <v>831</v>
      </c>
      <c r="EW19" s="261">
        <v>566</v>
      </c>
      <c r="EX19" s="261">
        <v>330</v>
      </c>
      <c r="EY19" s="258">
        <v>4258</v>
      </c>
      <c r="EZ19" s="263">
        <v>5090</v>
      </c>
    </row>
    <row r="20" spans="2:156" ht="21" customHeight="1" x14ac:dyDescent="0.2">
      <c r="B20" s="472" t="s">
        <v>18</v>
      </c>
      <c r="C20" s="257">
        <v>0</v>
      </c>
      <c r="D20" s="261">
        <v>0</v>
      </c>
      <c r="E20" s="358">
        <v>0</v>
      </c>
      <c r="F20" s="260">
        <v>0</v>
      </c>
      <c r="G20" s="261">
        <v>479</v>
      </c>
      <c r="H20" s="261">
        <v>487</v>
      </c>
      <c r="I20" s="261">
        <v>306</v>
      </c>
      <c r="J20" s="261">
        <v>256</v>
      </c>
      <c r="K20" s="261">
        <v>189</v>
      </c>
      <c r="L20" s="262">
        <v>1717</v>
      </c>
      <c r="M20" s="263">
        <v>1717</v>
      </c>
      <c r="N20" s="257">
        <v>0</v>
      </c>
      <c r="O20" s="261">
        <v>0</v>
      </c>
      <c r="P20" s="258">
        <v>0</v>
      </c>
      <c r="Q20" s="260">
        <v>0</v>
      </c>
      <c r="R20" s="261">
        <v>3</v>
      </c>
      <c r="S20" s="261">
        <v>10</v>
      </c>
      <c r="T20" s="261">
        <v>16</v>
      </c>
      <c r="U20" s="261">
        <v>52</v>
      </c>
      <c r="V20" s="261">
        <v>83</v>
      </c>
      <c r="W20" s="258">
        <v>164</v>
      </c>
      <c r="X20" s="263">
        <v>164</v>
      </c>
      <c r="Y20" s="257">
        <v>60</v>
      </c>
      <c r="Z20" s="261">
        <v>118</v>
      </c>
      <c r="AA20" s="258">
        <v>178</v>
      </c>
      <c r="AB20" s="260">
        <v>0</v>
      </c>
      <c r="AC20" s="261">
        <v>355</v>
      </c>
      <c r="AD20" s="261">
        <v>386</v>
      </c>
      <c r="AE20" s="261">
        <v>253</v>
      </c>
      <c r="AF20" s="261">
        <v>204</v>
      </c>
      <c r="AG20" s="261">
        <v>154</v>
      </c>
      <c r="AH20" s="258">
        <v>1352</v>
      </c>
      <c r="AI20" s="263">
        <v>1530</v>
      </c>
      <c r="AJ20" s="257">
        <v>6</v>
      </c>
      <c r="AK20" s="261">
        <v>10</v>
      </c>
      <c r="AL20" s="258">
        <v>16</v>
      </c>
      <c r="AM20" s="260">
        <v>0</v>
      </c>
      <c r="AN20" s="261">
        <v>31</v>
      </c>
      <c r="AO20" s="261">
        <v>46</v>
      </c>
      <c r="AP20" s="261">
        <v>32</v>
      </c>
      <c r="AQ20" s="261">
        <v>20</v>
      </c>
      <c r="AR20" s="261">
        <v>12</v>
      </c>
      <c r="AS20" s="258">
        <v>141</v>
      </c>
      <c r="AT20" s="263">
        <v>157</v>
      </c>
      <c r="AU20" s="257">
        <v>48</v>
      </c>
      <c r="AV20" s="261">
        <v>65</v>
      </c>
      <c r="AW20" s="258">
        <v>113</v>
      </c>
      <c r="AX20" s="260">
        <v>0</v>
      </c>
      <c r="AY20" s="261">
        <v>466</v>
      </c>
      <c r="AZ20" s="261">
        <v>568</v>
      </c>
      <c r="BA20" s="261">
        <v>518</v>
      </c>
      <c r="BB20" s="261">
        <v>513</v>
      </c>
      <c r="BC20" s="261">
        <v>363</v>
      </c>
      <c r="BD20" s="262">
        <v>2428</v>
      </c>
      <c r="BE20" s="263">
        <v>2541</v>
      </c>
      <c r="BF20" s="257">
        <v>0</v>
      </c>
      <c r="BG20" s="261">
        <v>0</v>
      </c>
      <c r="BH20" s="258">
        <v>0</v>
      </c>
      <c r="BI20" s="260">
        <v>0</v>
      </c>
      <c r="BJ20" s="261">
        <v>651</v>
      </c>
      <c r="BK20" s="261">
        <v>621</v>
      </c>
      <c r="BL20" s="261">
        <v>350</v>
      </c>
      <c r="BM20" s="261">
        <v>189</v>
      </c>
      <c r="BN20" s="261">
        <v>77</v>
      </c>
      <c r="BO20" s="258">
        <v>1888</v>
      </c>
      <c r="BP20" s="263">
        <v>1888</v>
      </c>
      <c r="BQ20" s="257">
        <v>68</v>
      </c>
      <c r="BR20" s="261">
        <v>101</v>
      </c>
      <c r="BS20" s="258">
        <v>169</v>
      </c>
      <c r="BT20" s="260">
        <v>0</v>
      </c>
      <c r="BU20" s="261">
        <v>191</v>
      </c>
      <c r="BV20" s="261">
        <v>217</v>
      </c>
      <c r="BW20" s="261">
        <v>109</v>
      </c>
      <c r="BX20" s="261">
        <v>63</v>
      </c>
      <c r="BY20" s="261">
        <v>25</v>
      </c>
      <c r="BZ20" s="258">
        <v>605</v>
      </c>
      <c r="CA20" s="263">
        <v>774</v>
      </c>
      <c r="CB20" s="257">
        <v>1</v>
      </c>
      <c r="CC20" s="261">
        <v>8</v>
      </c>
      <c r="CD20" s="258">
        <v>9</v>
      </c>
      <c r="CE20" s="260">
        <v>0</v>
      </c>
      <c r="CF20" s="261">
        <v>48</v>
      </c>
      <c r="CG20" s="261">
        <v>102</v>
      </c>
      <c r="CH20" s="261">
        <v>140</v>
      </c>
      <c r="CI20" s="261">
        <v>99</v>
      </c>
      <c r="CJ20" s="261">
        <v>58</v>
      </c>
      <c r="CK20" s="258">
        <v>447</v>
      </c>
      <c r="CL20" s="263">
        <v>456</v>
      </c>
      <c r="CM20" s="257">
        <v>0</v>
      </c>
      <c r="CN20" s="261">
        <v>0</v>
      </c>
      <c r="CO20" s="258">
        <v>0</v>
      </c>
      <c r="CP20" s="260">
        <v>0</v>
      </c>
      <c r="CQ20" s="261">
        <v>2</v>
      </c>
      <c r="CR20" s="261">
        <v>3</v>
      </c>
      <c r="CS20" s="261">
        <v>6</v>
      </c>
      <c r="CT20" s="261">
        <v>4</v>
      </c>
      <c r="CU20" s="261">
        <v>3</v>
      </c>
      <c r="CV20" s="258">
        <v>18</v>
      </c>
      <c r="CW20" s="263">
        <v>18</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229</v>
      </c>
      <c r="DU20" s="261">
        <v>516</v>
      </c>
      <c r="DV20" s="258">
        <v>745</v>
      </c>
      <c r="DW20" s="260">
        <v>0</v>
      </c>
      <c r="DX20" s="261">
        <v>783</v>
      </c>
      <c r="DY20" s="261">
        <v>1112</v>
      </c>
      <c r="DZ20" s="261">
        <v>703</v>
      </c>
      <c r="EA20" s="261">
        <v>531</v>
      </c>
      <c r="EB20" s="261">
        <v>329</v>
      </c>
      <c r="EC20" s="258">
        <v>3458</v>
      </c>
      <c r="ED20" s="263">
        <v>4203</v>
      </c>
      <c r="EE20" s="257">
        <v>30</v>
      </c>
      <c r="EF20" s="261">
        <v>9</v>
      </c>
      <c r="EG20" s="258">
        <v>39</v>
      </c>
      <c r="EH20" s="260">
        <v>0</v>
      </c>
      <c r="EI20" s="261">
        <v>124</v>
      </c>
      <c r="EJ20" s="261">
        <v>126</v>
      </c>
      <c r="EK20" s="261">
        <v>101</v>
      </c>
      <c r="EL20" s="261">
        <v>116</v>
      </c>
      <c r="EM20" s="261">
        <v>67</v>
      </c>
      <c r="EN20" s="258">
        <v>534</v>
      </c>
      <c r="EO20" s="263">
        <v>573</v>
      </c>
      <c r="EP20" s="257">
        <v>335</v>
      </c>
      <c r="EQ20" s="261">
        <v>645</v>
      </c>
      <c r="ER20" s="258">
        <v>980</v>
      </c>
      <c r="ES20" s="260">
        <v>0</v>
      </c>
      <c r="ET20" s="261">
        <v>1633</v>
      </c>
      <c r="EU20" s="261">
        <v>1507</v>
      </c>
      <c r="EV20" s="261">
        <v>849</v>
      </c>
      <c r="EW20" s="261">
        <v>571</v>
      </c>
      <c r="EX20" s="261">
        <v>327</v>
      </c>
      <c r="EY20" s="258">
        <v>4887</v>
      </c>
      <c r="EZ20" s="263">
        <v>5867</v>
      </c>
    </row>
    <row r="21" spans="2:156" ht="21" customHeight="1" x14ac:dyDescent="0.2">
      <c r="B21" s="472" t="s">
        <v>19</v>
      </c>
      <c r="C21" s="257">
        <v>0</v>
      </c>
      <c r="D21" s="261">
        <v>0</v>
      </c>
      <c r="E21" s="358">
        <v>0</v>
      </c>
      <c r="F21" s="260">
        <v>0</v>
      </c>
      <c r="G21" s="261">
        <v>196</v>
      </c>
      <c r="H21" s="261">
        <v>162</v>
      </c>
      <c r="I21" s="261">
        <v>105</v>
      </c>
      <c r="J21" s="261">
        <v>81</v>
      </c>
      <c r="K21" s="261">
        <v>66</v>
      </c>
      <c r="L21" s="262">
        <v>610</v>
      </c>
      <c r="M21" s="263">
        <v>610</v>
      </c>
      <c r="N21" s="257">
        <v>1</v>
      </c>
      <c r="O21" s="261">
        <v>0</v>
      </c>
      <c r="P21" s="258">
        <v>1</v>
      </c>
      <c r="Q21" s="260">
        <v>0</v>
      </c>
      <c r="R21" s="261">
        <v>5</v>
      </c>
      <c r="S21" s="261">
        <v>5</v>
      </c>
      <c r="T21" s="261">
        <v>12</v>
      </c>
      <c r="U21" s="261">
        <v>24</v>
      </c>
      <c r="V21" s="261">
        <v>27</v>
      </c>
      <c r="W21" s="258">
        <v>73</v>
      </c>
      <c r="X21" s="263">
        <v>74</v>
      </c>
      <c r="Y21" s="257">
        <v>40</v>
      </c>
      <c r="Z21" s="261">
        <v>47</v>
      </c>
      <c r="AA21" s="258">
        <v>87</v>
      </c>
      <c r="AB21" s="260">
        <v>0</v>
      </c>
      <c r="AC21" s="261">
        <v>172</v>
      </c>
      <c r="AD21" s="261">
        <v>151</v>
      </c>
      <c r="AE21" s="261">
        <v>109</v>
      </c>
      <c r="AF21" s="261">
        <v>86</v>
      </c>
      <c r="AG21" s="261">
        <v>71</v>
      </c>
      <c r="AH21" s="258">
        <v>589</v>
      </c>
      <c r="AI21" s="263">
        <v>676</v>
      </c>
      <c r="AJ21" s="257">
        <v>3</v>
      </c>
      <c r="AK21" s="261">
        <v>5</v>
      </c>
      <c r="AL21" s="258">
        <v>8</v>
      </c>
      <c r="AM21" s="260">
        <v>0</v>
      </c>
      <c r="AN21" s="261">
        <v>18</v>
      </c>
      <c r="AO21" s="261">
        <v>11</v>
      </c>
      <c r="AP21" s="261">
        <v>8</v>
      </c>
      <c r="AQ21" s="261">
        <v>10</v>
      </c>
      <c r="AR21" s="261">
        <v>3</v>
      </c>
      <c r="AS21" s="258">
        <v>50</v>
      </c>
      <c r="AT21" s="263">
        <v>58</v>
      </c>
      <c r="AU21" s="257">
        <v>40</v>
      </c>
      <c r="AV21" s="261">
        <v>27</v>
      </c>
      <c r="AW21" s="258">
        <v>67</v>
      </c>
      <c r="AX21" s="260">
        <v>0</v>
      </c>
      <c r="AY21" s="261">
        <v>191</v>
      </c>
      <c r="AZ21" s="261">
        <v>221</v>
      </c>
      <c r="BA21" s="261">
        <v>196</v>
      </c>
      <c r="BB21" s="261">
        <v>180</v>
      </c>
      <c r="BC21" s="261">
        <v>157</v>
      </c>
      <c r="BD21" s="262">
        <v>945</v>
      </c>
      <c r="BE21" s="263">
        <v>1012</v>
      </c>
      <c r="BF21" s="257">
        <v>0</v>
      </c>
      <c r="BG21" s="261">
        <v>0</v>
      </c>
      <c r="BH21" s="258">
        <v>0</v>
      </c>
      <c r="BI21" s="260">
        <v>0</v>
      </c>
      <c r="BJ21" s="261">
        <v>275</v>
      </c>
      <c r="BK21" s="261">
        <v>237</v>
      </c>
      <c r="BL21" s="261">
        <v>125</v>
      </c>
      <c r="BM21" s="261">
        <v>62</v>
      </c>
      <c r="BN21" s="261">
        <v>35</v>
      </c>
      <c r="BO21" s="258">
        <v>734</v>
      </c>
      <c r="BP21" s="263">
        <v>734</v>
      </c>
      <c r="BQ21" s="257">
        <v>30</v>
      </c>
      <c r="BR21" s="261">
        <v>66</v>
      </c>
      <c r="BS21" s="258">
        <v>96</v>
      </c>
      <c r="BT21" s="260">
        <v>0</v>
      </c>
      <c r="BU21" s="261">
        <v>117</v>
      </c>
      <c r="BV21" s="261">
        <v>106</v>
      </c>
      <c r="BW21" s="261">
        <v>66</v>
      </c>
      <c r="BX21" s="261">
        <v>26</v>
      </c>
      <c r="BY21" s="261">
        <v>11</v>
      </c>
      <c r="BZ21" s="258">
        <v>326</v>
      </c>
      <c r="CA21" s="263">
        <v>422</v>
      </c>
      <c r="CB21" s="257">
        <v>0</v>
      </c>
      <c r="CC21" s="261">
        <v>3</v>
      </c>
      <c r="CD21" s="258">
        <v>3</v>
      </c>
      <c r="CE21" s="260">
        <v>0</v>
      </c>
      <c r="CF21" s="261">
        <v>20</v>
      </c>
      <c r="CG21" s="261">
        <v>49</v>
      </c>
      <c r="CH21" s="261">
        <v>45</v>
      </c>
      <c r="CI21" s="261">
        <v>24</v>
      </c>
      <c r="CJ21" s="261">
        <v>12</v>
      </c>
      <c r="CK21" s="258">
        <v>150</v>
      </c>
      <c r="CL21" s="263">
        <v>153</v>
      </c>
      <c r="CM21" s="257">
        <v>0</v>
      </c>
      <c r="CN21" s="261">
        <v>0</v>
      </c>
      <c r="CO21" s="258">
        <v>0</v>
      </c>
      <c r="CP21" s="260">
        <v>0</v>
      </c>
      <c r="CQ21" s="261">
        <v>8</v>
      </c>
      <c r="CR21" s="261">
        <v>10</v>
      </c>
      <c r="CS21" s="261">
        <v>9</v>
      </c>
      <c r="CT21" s="261">
        <v>10</v>
      </c>
      <c r="CU21" s="261">
        <v>4</v>
      </c>
      <c r="CV21" s="258">
        <v>41</v>
      </c>
      <c r="CW21" s="263">
        <v>41</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144</v>
      </c>
      <c r="DU21" s="261">
        <v>226</v>
      </c>
      <c r="DV21" s="258">
        <v>370</v>
      </c>
      <c r="DW21" s="260">
        <v>0</v>
      </c>
      <c r="DX21" s="261">
        <v>422</v>
      </c>
      <c r="DY21" s="261">
        <v>462</v>
      </c>
      <c r="DZ21" s="261">
        <v>277</v>
      </c>
      <c r="EA21" s="261">
        <v>198</v>
      </c>
      <c r="EB21" s="261">
        <v>137</v>
      </c>
      <c r="EC21" s="258">
        <v>1496</v>
      </c>
      <c r="ED21" s="263">
        <v>1866</v>
      </c>
      <c r="EE21" s="257">
        <v>15</v>
      </c>
      <c r="EF21" s="261">
        <v>16</v>
      </c>
      <c r="EG21" s="258">
        <v>31</v>
      </c>
      <c r="EH21" s="260">
        <v>0</v>
      </c>
      <c r="EI21" s="261">
        <v>69</v>
      </c>
      <c r="EJ21" s="261">
        <v>55</v>
      </c>
      <c r="EK21" s="261">
        <v>61</v>
      </c>
      <c r="EL21" s="261">
        <v>44</v>
      </c>
      <c r="EM21" s="261">
        <v>30</v>
      </c>
      <c r="EN21" s="258">
        <v>259</v>
      </c>
      <c r="EO21" s="263">
        <v>290</v>
      </c>
      <c r="EP21" s="257">
        <v>196</v>
      </c>
      <c r="EQ21" s="261">
        <v>283</v>
      </c>
      <c r="ER21" s="258">
        <v>479</v>
      </c>
      <c r="ES21" s="260">
        <v>0</v>
      </c>
      <c r="ET21" s="261">
        <v>743</v>
      </c>
      <c r="EU21" s="261">
        <v>607</v>
      </c>
      <c r="EV21" s="261">
        <v>317</v>
      </c>
      <c r="EW21" s="261">
        <v>189</v>
      </c>
      <c r="EX21" s="261">
        <v>128</v>
      </c>
      <c r="EY21" s="258">
        <v>1984</v>
      </c>
      <c r="EZ21" s="263">
        <v>2463</v>
      </c>
    </row>
    <row r="22" spans="2:156" ht="21" customHeight="1" x14ac:dyDescent="0.2">
      <c r="B22" s="472" t="s">
        <v>20</v>
      </c>
      <c r="C22" s="257">
        <v>0</v>
      </c>
      <c r="D22" s="261">
        <v>0</v>
      </c>
      <c r="E22" s="358">
        <v>0</v>
      </c>
      <c r="F22" s="260">
        <v>0</v>
      </c>
      <c r="G22" s="261">
        <v>264</v>
      </c>
      <c r="H22" s="261">
        <v>184</v>
      </c>
      <c r="I22" s="261">
        <v>146</v>
      </c>
      <c r="J22" s="261">
        <v>112</v>
      </c>
      <c r="K22" s="261">
        <v>72</v>
      </c>
      <c r="L22" s="262">
        <v>778</v>
      </c>
      <c r="M22" s="263">
        <v>778</v>
      </c>
      <c r="N22" s="257">
        <v>0</v>
      </c>
      <c r="O22" s="261">
        <v>0</v>
      </c>
      <c r="P22" s="258">
        <v>0</v>
      </c>
      <c r="Q22" s="260">
        <v>0</v>
      </c>
      <c r="R22" s="261">
        <v>3</v>
      </c>
      <c r="S22" s="261">
        <v>6</v>
      </c>
      <c r="T22" s="261">
        <v>13</v>
      </c>
      <c r="U22" s="261">
        <v>22</v>
      </c>
      <c r="V22" s="261">
        <v>35</v>
      </c>
      <c r="W22" s="258">
        <v>79</v>
      </c>
      <c r="X22" s="263">
        <v>79</v>
      </c>
      <c r="Y22" s="257">
        <v>42</v>
      </c>
      <c r="Z22" s="261">
        <v>92</v>
      </c>
      <c r="AA22" s="258">
        <v>134</v>
      </c>
      <c r="AB22" s="260">
        <v>0</v>
      </c>
      <c r="AC22" s="261">
        <v>252</v>
      </c>
      <c r="AD22" s="261">
        <v>194</v>
      </c>
      <c r="AE22" s="261">
        <v>122</v>
      </c>
      <c r="AF22" s="261">
        <v>102</v>
      </c>
      <c r="AG22" s="261">
        <v>53</v>
      </c>
      <c r="AH22" s="258">
        <v>723</v>
      </c>
      <c r="AI22" s="263">
        <v>857</v>
      </c>
      <c r="AJ22" s="257">
        <v>12</v>
      </c>
      <c r="AK22" s="261">
        <v>38</v>
      </c>
      <c r="AL22" s="258">
        <v>50</v>
      </c>
      <c r="AM22" s="260">
        <v>0</v>
      </c>
      <c r="AN22" s="261">
        <v>51</v>
      </c>
      <c r="AO22" s="261">
        <v>52</v>
      </c>
      <c r="AP22" s="261">
        <v>42</v>
      </c>
      <c r="AQ22" s="261">
        <v>29</v>
      </c>
      <c r="AR22" s="261">
        <v>16</v>
      </c>
      <c r="AS22" s="258">
        <v>190</v>
      </c>
      <c r="AT22" s="263">
        <v>240</v>
      </c>
      <c r="AU22" s="257">
        <v>26</v>
      </c>
      <c r="AV22" s="261">
        <v>37</v>
      </c>
      <c r="AW22" s="258">
        <v>63</v>
      </c>
      <c r="AX22" s="260">
        <v>0</v>
      </c>
      <c r="AY22" s="261">
        <v>236</v>
      </c>
      <c r="AZ22" s="261">
        <v>225</v>
      </c>
      <c r="BA22" s="261">
        <v>273</v>
      </c>
      <c r="BB22" s="261">
        <v>224</v>
      </c>
      <c r="BC22" s="261">
        <v>153</v>
      </c>
      <c r="BD22" s="262">
        <v>1111</v>
      </c>
      <c r="BE22" s="263">
        <v>1174</v>
      </c>
      <c r="BF22" s="257">
        <v>0</v>
      </c>
      <c r="BG22" s="261">
        <v>0</v>
      </c>
      <c r="BH22" s="258">
        <v>0</v>
      </c>
      <c r="BI22" s="260">
        <v>0</v>
      </c>
      <c r="BJ22" s="261">
        <v>360</v>
      </c>
      <c r="BK22" s="261">
        <v>260</v>
      </c>
      <c r="BL22" s="261">
        <v>156</v>
      </c>
      <c r="BM22" s="261">
        <v>82</v>
      </c>
      <c r="BN22" s="261">
        <v>31</v>
      </c>
      <c r="BO22" s="258">
        <v>889</v>
      </c>
      <c r="BP22" s="263">
        <v>889</v>
      </c>
      <c r="BQ22" s="257">
        <v>18</v>
      </c>
      <c r="BR22" s="261">
        <v>33</v>
      </c>
      <c r="BS22" s="258">
        <v>51</v>
      </c>
      <c r="BT22" s="260">
        <v>0</v>
      </c>
      <c r="BU22" s="261">
        <v>122</v>
      </c>
      <c r="BV22" s="261">
        <v>101</v>
      </c>
      <c r="BW22" s="261">
        <v>50</v>
      </c>
      <c r="BX22" s="261">
        <v>39</v>
      </c>
      <c r="BY22" s="261">
        <v>14</v>
      </c>
      <c r="BZ22" s="258">
        <v>326</v>
      </c>
      <c r="CA22" s="263">
        <v>377</v>
      </c>
      <c r="CB22" s="257">
        <v>1</v>
      </c>
      <c r="CC22" s="261">
        <v>1</v>
      </c>
      <c r="CD22" s="258">
        <v>2</v>
      </c>
      <c r="CE22" s="260">
        <v>0</v>
      </c>
      <c r="CF22" s="261">
        <v>48</v>
      </c>
      <c r="CG22" s="261">
        <v>57</v>
      </c>
      <c r="CH22" s="261">
        <v>68</v>
      </c>
      <c r="CI22" s="261">
        <v>57</v>
      </c>
      <c r="CJ22" s="261">
        <v>23</v>
      </c>
      <c r="CK22" s="258">
        <v>253</v>
      </c>
      <c r="CL22" s="263">
        <v>255</v>
      </c>
      <c r="CM22" s="257">
        <v>0</v>
      </c>
      <c r="CN22" s="261">
        <v>0</v>
      </c>
      <c r="CO22" s="258">
        <v>0</v>
      </c>
      <c r="CP22" s="260">
        <v>0</v>
      </c>
      <c r="CQ22" s="261">
        <v>2</v>
      </c>
      <c r="CR22" s="261">
        <v>5</v>
      </c>
      <c r="CS22" s="261">
        <v>6</v>
      </c>
      <c r="CT22" s="261">
        <v>5</v>
      </c>
      <c r="CU22" s="261">
        <v>2</v>
      </c>
      <c r="CV22" s="258">
        <v>20</v>
      </c>
      <c r="CW22" s="263">
        <v>20</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140</v>
      </c>
      <c r="DU22" s="261">
        <v>334</v>
      </c>
      <c r="DV22" s="258">
        <v>474</v>
      </c>
      <c r="DW22" s="260">
        <v>0</v>
      </c>
      <c r="DX22" s="261">
        <v>529</v>
      </c>
      <c r="DY22" s="261">
        <v>469</v>
      </c>
      <c r="DZ22" s="261">
        <v>325</v>
      </c>
      <c r="EA22" s="261">
        <v>245</v>
      </c>
      <c r="EB22" s="261">
        <v>125</v>
      </c>
      <c r="EC22" s="258">
        <v>1693</v>
      </c>
      <c r="ED22" s="263">
        <v>2167</v>
      </c>
      <c r="EE22" s="257">
        <v>14</v>
      </c>
      <c r="EF22" s="261">
        <v>14</v>
      </c>
      <c r="EG22" s="258">
        <v>28</v>
      </c>
      <c r="EH22" s="260">
        <v>0</v>
      </c>
      <c r="EI22" s="261">
        <v>76</v>
      </c>
      <c r="EJ22" s="261">
        <v>55</v>
      </c>
      <c r="EK22" s="261">
        <v>66</v>
      </c>
      <c r="EL22" s="261">
        <v>59</v>
      </c>
      <c r="EM22" s="261">
        <v>34</v>
      </c>
      <c r="EN22" s="258">
        <v>290</v>
      </c>
      <c r="EO22" s="263">
        <v>318</v>
      </c>
      <c r="EP22" s="257">
        <v>198</v>
      </c>
      <c r="EQ22" s="261">
        <v>421</v>
      </c>
      <c r="ER22" s="258">
        <v>619</v>
      </c>
      <c r="ES22" s="260">
        <v>0</v>
      </c>
      <c r="ET22" s="261">
        <v>1006</v>
      </c>
      <c r="EU22" s="261">
        <v>671</v>
      </c>
      <c r="EV22" s="261">
        <v>404</v>
      </c>
      <c r="EW22" s="261">
        <v>277</v>
      </c>
      <c r="EX22" s="261">
        <v>135</v>
      </c>
      <c r="EY22" s="258">
        <v>2493</v>
      </c>
      <c r="EZ22" s="263">
        <v>3112</v>
      </c>
    </row>
    <row r="23" spans="2:156" ht="21" customHeight="1" x14ac:dyDescent="0.2">
      <c r="B23" s="472" t="s">
        <v>21</v>
      </c>
      <c r="C23" s="257">
        <v>0</v>
      </c>
      <c r="D23" s="261">
        <v>0</v>
      </c>
      <c r="E23" s="358">
        <v>0</v>
      </c>
      <c r="F23" s="260">
        <v>0</v>
      </c>
      <c r="G23" s="261">
        <v>258</v>
      </c>
      <c r="H23" s="261">
        <v>367</v>
      </c>
      <c r="I23" s="261">
        <v>190</v>
      </c>
      <c r="J23" s="261">
        <v>145</v>
      </c>
      <c r="K23" s="261">
        <v>92</v>
      </c>
      <c r="L23" s="262">
        <v>1052</v>
      </c>
      <c r="M23" s="263">
        <v>1052</v>
      </c>
      <c r="N23" s="257">
        <v>0</v>
      </c>
      <c r="O23" s="261">
        <v>0</v>
      </c>
      <c r="P23" s="258">
        <v>0</v>
      </c>
      <c r="Q23" s="260">
        <v>0</v>
      </c>
      <c r="R23" s="261">
        <v>1</v>
      </c>
      <c r="S23" s="261">
        <v>4</v>
      </c>
      <c r="T23" s="261">
        <v>12</v>
      </c>
      <c r="U23" s="261">
        <v>27</v>
      </c>
      <c r="V23" s="261">
        <v>43</v>
      </c>
      <c r="W23" s="258">
        <v>87</v>
      </c>
      <c r="X23" s="263">
        <v>87</v>
      </c>
      <c r="Y23" s="257">
        <v>56</v>
      </c>
      <c r="Z23" s="261">
        <v>101</v>
      </c>
      <c r="AA23" s="258">
        <v>157</v>
      </c>
      <c r="AB23" s="260">
        <v>0</v>
      </c>
      <c r="AC23" s="261">
        <v>207</v>
      </c>
      <c r="AD23" s="261">
        <v>279</v>
      </c>
      <c r="AE23" s="261">
        <v>159</v>
      </c>
      <c r="AF23" s="261">
        <v>133</v>
      </c>
      <c r="AG23" s="261">
        <v>84</v>
      </c>
      <c r="AH23" s="258">
        <v>862</v>
      </c>
      <c r="AI23" s="263">
        <v>1019</v>
      </c>
      <c r="AJ23" s="257">
        <v>18</v>
      </c>
      <c r="AK23" s="261">
        <v>27</v>
      </c>
      <c r="AL23" s="258">
        <v>45</v>
      </c>
      <c r="AM23" s="260">
        <v>0</v>
      </c>
      <c r="AN23" s="261">
        <v>20</v>
      </c>
      <c r="AO23" s="261">
        <v>39</v>
      </c>
      <c r="AP23" s="261">
        <v>20</v>
      </c>
      <c r="AQ23" s="261">
        <v>10</v>
      </c>
      <c r="AR23" s="261">
        <v>8</v>
      </c>
      <c r="AS23" s="258">
        <v>97</v>
      </c>
      <c r="AT23" s="263">
        <v>142</v>
      </c>
      <c r="AU23" s="257">
        <v>47</v>
      </c>
      <c r="AV23" s="261">
        <v>41</v>
      </c>
      <c r="AW23" s="258">
        <v>88</v>
      </c>
      <c r="AX23" s="260">
        <v>0</v>
      </c>
      <c r="AY23" s="261">
        <v>252</v>
      </c>
      <c r="AZ23" s="261">
        <v>344</v>
      </c>
      <c r="BA23" s="261">
        <v>284</v>
      </c>
      <c r="BB23" s="261">
        <v>249</v>
      </c>
      <c r="BC23" s="261">
        <v>201</v>
      </c>
      <c r="BD23" s="262">
        <v>1330</v>
      </c>
      <c r="BE23" s="263">
        <v>1418</v>
      </c>
      <c r="BF23" s="257">
        <v>0</v>
      </c>
      <c r="BG23" s="261">
        <v>0</v>
      </c>
      <c r="BH23" s="258">
        <v>0</v>
      </c>
      <c r="BI23" s="260">
        <v>0</v>
      </c>
      <c r="BJ23" s="261">
        <v>320</v>
      </c>
      <c r="BK23" s="261">
        <v>355</v>
      </c>
      <c r="BL23" s="261">
        <v>218</v>
      </c>
      <c r="BM23" s="261">
        <v>119</v>
      </c>
      <c r="BN23" s="261">
        <v>41</v>
      </c>
      <c r="BO23" s="258">
        <v>1053</v>
      </c>
      <c r="BP23" s="263">
        <v>1053</v>
      </c>
      <c r="BQ23" s="257">
        <v>28</v>
      </c>
      <c r="BR23" s="261">
        <v>36</v>
      </c>
      <c r="BS23" s="258">
        <v>64</v>
      </c>
      <c r="BT23" s="260">
        <v>0</v>
      </c>
      <c r="BU23" s="261">
        <v>61</v>
      </c>
      <c r="BV23" s="261">
        <v>75</v>
      </c>
      <c r="BW23" s="261">
        <v>40</v>
      </c>
      <c r="BX23" s="261">
        <v>17</v>
      </c>
      <c r="BY23" s="261">
        <v>9</v>
      </c>
      <c r="BZ23" s="258">
        <v>202</v>
      </c>
      <c r="CA23" s="263">
        <v>266</v>
      </c>
      <c r="CB23" s="257">
        <v>1</v>
      </c>
      <c r="CC23" s="261">
        <v>2</v>
      </c>
      <c r="CD23" s="258">
        <v>3</v>
      </c>
      <c r="CE23" s="260">
        <v>0</v>
      </c>
      <c r="CF23" s="261">
        <v>24</v>
      </c>
      <c r="CG23" s="261">
        <v>52</v>
      </c>
      <c r="CH23" s="261">
        <v>67</v>
      </c>
      <c r="CI23" s="261">
        <v>57</v>
      </c>
      <c r="CJ23" s="261">
        <v>32</v>
      </c>
      <c r="CK23" s="258">
        <v>232</v>
      </c>
      <c r="CL23" s="263">
        <v>235</v>
      </c>
      <c r="CM23" s="257">
        <v>0</v>
      </c>
      <c r="CN23" s="261">
        <v>0</v>
      </c>
      <c r="CO23" s="258">
        <v>0</v>
      </c>
      <c r="CP23" s="260">
        <v>0</v>
      </c>
      <c r="CQ23" s="261">
        <v>2</v>
      </c>
      <c r="CR23" s="261">
        <v>4</v>
      </c>
      <c r="CS23" s="261">
        <v>3</v>
      </c>
      <c r="CT23" s="261">
        <v>3</v>
      </c>
      <c r="CU23" s="261">
        <v>1</v>
      </c>
      <c r="CV23" s="258">
        <v>13</v>
      </c>
      <c r="CW23" s="263">
        <v>13</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197</v>
      </c>
      <c r="DU23" s="261">
        <v>320</v>
      </c>
      <c r="DV23" s="258">
        <v>517</v>
      </c>
      <c r="DW23" s="260">
        <v>0</v>
      </c>
      <c r="DX23" s="261">
        <v>357</v>
      </c>
      <c r="DY23" s="261">
        <v>664</v>
      </c>
      <c r="DZ23" s="261">
        <v>392</v>
      </c>
      <c r="EA23" s="261">
        <v>288</v>
      </c>
      <c r="EB23" s="261">
        <v>164</v>
      </c>
      <c r="EC23" s="258">
        <v>1865</v>
      </c>
      <c r="ED23" s="263">
        <v>2382</v>
      </c>
      <c r="EE23" s="257">
        <v>17</v>
      </c>
      <c r="EF23" s="261">
        <v>17</v>
      </c>
      <c r="EG23" s="258">
        <v>34</v>
      </c>
      <c r="EH23" s="260">
        <v>0</v>
      </c>
      <c r="EI23" s="261">
        <v>67</v>
      </c>
      <c r="EJ23" s="261">
        <v>60</v>
      </c>
      <c r="EK23" s="261">
        <v>60</v>
      </c>
      <c r="EL23" s="261">
        <v>54</v>
      </c>
      <c r="EM23" s="261">
        <v>53</v>
      </c>
      <c r="EN23" s="258">
        <v>294</v>
      </c>
      <c r="EO23" s="263">
        <v>328</v>
      </c>
      <c r="EP23" s="257">
        <v>273</v>
      </c>
      <c r="EQ23" s="261">
        <v>405</v>
      </c>
      <c r="ER23" s="258">
        <v>678</v>
      </c>
      <c r="ES23" s="260">
        <v>0</v>
      </c>
      <c r="ET23" s="261">
        <v>813</v>
      </c>
      <c r="EU23" s="261">
        <v>924</v>
      </c>
      <c r="EV23" s="261">
        <v>470</v>
      </c>
      <c r="EW23" s="261">
        <v>323</v>
      </c>
      <c r="EX23" s="261">
        <v>177</v>
      </c>
      <c r="EY23" s="258">
        <v>2707</v>
      </c>
      <c r="EZ23" s="263">
        <v>3385</v>
      </c>
    </row>
    <row r="24" spans="2:156" ht="21" customHeight="1" x14ac:dyDescent="0.2">
      <c r="B24" s="472" t="s">
        <v>22</v>
      </c>
      <c r="C24" s="257">
        <v>0</v>
      </c>
      <c r="D24" s="261">
        <v>0</v>
      </c>
      <c r="E24" s="358">
        <v>0</v>
      </c>
      <c r="F24" s="260">
        <v>0</v>
      </c>
      <c r="G24" s="261">
        <v>80</v>
      </c>
      <c r="H24" s="261">
        <v>60</v>
      </c>
      <c r="I24" s="261">
        <v>31</v>
      </c>
      <c r="J24" s="261">
        <v>32</v>
      </c>
      <c r="K24" s="261">
        <v>28</v>
      </c>
      <c r="L24" s="262">
        <v>231</v>
      </c>
      <c r="M24" s="263">
        <v>231</v>
      </c>
      <c r="N24" s="257">
        <v>0</v>
      </c>
      <c r="O24" s="261">
        <v>0</v>
      </c>
      <c r="P24" s="258">
        <v>0</v>
      </c>
      <c r="Q24" s="260">
        <v>0</v>
      </c>
      <c r="R24" s="261">
        <v>2</v>
      </c>
      <c r="S24" s="261">
        <v>2</v>
      </c>
      <c r="T24" s="261">
        <v>3</v>
      </c>
      <c r="U24" s="261">
        <v>6</v>
      </c>
      <c r="V24" s="261">
        <v>17</v>
      </c>
      <c r="W24" s="258">
        <v>30</v>
      </c>
      <c r="X24" s="263">
        <v>30</v>
      </c>
      <c r="Y24" s="257">
        <v>7</v>
      </c>
      <c r="Z24" s="261">
        <v>6</v>
      </c>
      <c r="AA24" s="258">
        <v>13</v>
      </c>
      <c r="AB24" s="260">
        <v>0</v>
      </c>
      <c r="AC24" s="261">
        <v>49</v>
      </c>
      <c r="AD24" s="261">
        <v>70</v>
      </c>
      <c r="AE24" s="261">
        <v>42</v>
      </c>
      <c r="AF24" s="261">
        <v>40</v>
      </c>
      <c r="AG24" s="261">
        <v>33</v>
      </c>
      <c r="AH24" s="258">
        <v>234</v>
      </c>
      <c r="AI24" s="263">
        <v>247</v>
      </c>
      <c r="AJ24" s="257">
        <v>0</v>
      </c>
      <c r="AK24" s="261">
        <v>1</v>
      </c>
      <c r="AL24" s="258">
        <v>1</v>
      </c>
      <c r="AM24" s="260">
        <v>0</v>
      </c>
      <c r="AN24" s="261">
        <v>10</v>
      </c>
      <c r="AO24" s="261">
        <v>6</v>
      </c>
      <c r="AP24" s="261">
        <v>4</v>
      </c>
      <c r="AQ24" s="261">
        <v>3</v>
      </c>
      <c r="AR24" s="261">
        <v>3</v>
      </c>
      <c r="AS24" s="258">
        <v>26</v>
      </c>
      <c r="AT24" s="263">
        <v>27</v>
      </c>
      <c r="AU24" s="257">
        <v>4</v>
      </c>
      <c r="AV24" s="261">
        <v>9</v>
      </c>
      <c r="AW24" s="258">
        <v>13</v>
      </c>
      <c r="AX24" s="260">
        <v>0</v>
      </c>
      <c r="AY24" s="261">
        <v>52</v>
      </c>
      <c r="AZ24" s="261">
        <v>83</v>
      </c>
      <c r="BA24" s="261">
        <v>61</v>
      </c>
      <c r="BB24" s="261">
        <v>70</v>
      </c>
      <c r="BC24" s="261">
        <v>40</v>
      </c>
      <c r="BD24" s="262">
        <v>306</v>
      </c>
      <c r="BE24" s="263">
        <v>319</v>
      </c>
      <c r="BF24" s="257">
        <v>0</v>
      </c>
      <c r="BG24" s="261">
        <v>0</v>
      </c>
      <c r="BH24" s="258">
        <v>0</v>
      </c>
      <c r="BI24" s="260">
        <v>0</v>
      </c>
      <c r="BJ24" s="261">
        <v>95</v>
      </c>
      <c r="BK24" s="261">
        <v>104</v>
      </c>
      <c r="BL24" s="261">
        <v>53</v>
      </c>
      <c r="BM24" s="261">
        <v>29</v>
      </c>
      <c r="BN24" s="261">
        <v>18</v>
      </c>
      <c r="BO24" s="258">
        <v>299</v>
      </c>
      <c r="BP24" s="263">
        <v>299</v>
      </c>
      <c r="BQ24" s="257">
        <v>2</v>
      </c>
      <c r="BR24" s="261">
        <v>5</v>
      </c>
      <c r="BS24" s="258">
        <v>7</v>
      </c>
      <c r="BT24" s="260">
        <v>0</v>
      </c>
      <c r="BU24" s="261">
        <v>27</v>
      </c>
      <c r="BV24" s="261">
        <v>37</v>
      </c>
      <c r="BW24" s="261">
        <v>12</v>
      </c>
      <c r="BX24" s="261">
        <v>11</v>
      </c>
      <c r="BY24" s="261">
        <v>7</v>
      </c>
      <c r="BZ24" s="258">
        <v>94</v>
      </c>
      <c r="CA24" s="263">
        <v>101</v>
      </c>
      <c r="CB24" s="257">
        <v>0</v>
      </c>
      <c r="CC24" s="261">
        <v>2</v>
      </c>
      <c r="CD24" s="258">
        <v>2</v>
      </c>
      <c r="CE24" s="260">
        <v>0</v>
      </c>
      <c r="CF24" s="261">
        <v>14</v>
      </c>
      <c r="CG24" s="261">
        <v>23</v>
      </c>
      <c r="CH24" s="261">
        <v>25</v>
      </c>
      <c r="CI24" s="261">
        <v>21</v>
      </c>
      <c r="CJ24" s="261">
        <v>11</v>
      </c>
      <c r="CK24" s="258">
        <v>94</v>
      </c>
      <c r="CL24" s="263">
        <v>96</v>
      </c>
      <c r="CM24" s="257">
        <v>0</v>
      </c>
      <c r="CN24" s="261">
        <v>0</v>
      </c>
      <c r="CO24" s="258">
        <v>0</v>
      </c>
      <c r="CP24" s="260">
        <v>0</v>
      </c>
      <c r="CQ24" s="261">
        <v>1</v>
      </c>
      <c r="CR24" s="261">
        <v>1</v>
      </c>
      <c r="CS24" s="261">
        <v>5</v>
      </c>
      <c r="CT24" s="261">
        <v>7</v>
      </c>
      <c r="CU24" s="261">
        <v>2</v>
      </c>
      <c r="CV24" s="258">
        <v>16</v>
      </c>
      <c r="CW24" s="263">
        <v>16</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42</v>
      </c>
      <c r="DU24" s="261">
        <v>148</v>
      </c>
      <c r="DV24" s="258">
        <v>190</v>
      </c>
      <c r="DW24" s="260">
        <v>0</v>
      </c>
      <c r="DX24" s="261">
        <v>182</v>
      </c>
      <c r="DY24" s="261">
        <v>242</v>
      </c>
      <c r="DZ24" s="261">
        <v>128</v>
      </c>
      <c r="EA24" s="261">
        <v>93</v>
      </c>
      <c r="EB24" s="261">
        <v>64</v>
      </c>
      <c r="EC24" s="258">
        <v>709</v>
      </c>
      <c r="ED24" s="263">
        <v>899</v>
      </c>
      <c r="EE24" s="257">
        <v>7</v>
      </c>
      <c r="EF24" s="261">
        <v>8</v>
      </c>
      <c r="EG24" s="258">
        <v>15</v>
      </c>
      <c r="EH24" s="260">
        <v>0</v>
      </c>
      <c r="EI24" s="261">
        <v>28</v>
      </c>
      <c r="EJ24" s="261">
        <v>22</v>
      </c>
      <c r="EK24" s="261">
        <v>25</v>
      </c>
      <c r="EL24" s="261">
        <v>25</v>
      </c>
      <c r="EM24" s="261">
        <v>10</v>
      </c>
      <c r="EN24" s="258">
        <v>110</v>
      </c>
      <c r="EO24" s="263">
        <v>125</v>
      </c>
      <c r="EP24" s="257">
        <v>51</v>
      </c>
      <c r="EQ24" s="261">
        <v>154</v>
      </c>
      <c r="ER24" s="258">
        <v>205</v>
      </c>
      <c r="ES24" s="260">
        <v>0</v>
      </c>
      <c r="ET24" s="261">
        <v>319</v>
      </c>
      <c r="EU24" s="261">
        <v>313</v>
      </c>
      <c r="EV24" s="261">
        <v>150</v>
      </c>
      <c r="EW24" s="261">
        <v>96</v>
      </c>
      <c r="EX24" s="261">
        <v>66</v>
      </c>
      <c r="EY24" s="258">
        <v>944</v>
      </c>
      <c r="EZ24" s="263">
        <v>1149</v>
      </c>
    </row>
    <row r="25" spans="2:156" ht="21" customHeight="1" x14ac:dyDescent="0.2">
      <c r="B25" s="472" t="s">
        <v>23</v>
      </c>
      <c r="C25" s="257">
        <v>0</v>
      </c>
      <c r="D25" s="261">
        <v>0</v>
      </c>
      <c r="E25" s="358">
        <v>0</v>
      </c>
      <c r="F25" s="260">
        <v>0</v>
      </c>
      <c r="G25" s="261">
        <v>141</v>
      </c>
      <c r="H25" s="261">
        <v>141</v>
      </c>
      <c r="I25" s="261">
        <v>74</v>
      </c>
      <c r="J25" s="261">
        <v>65</v>
      </c>
      <c r="K25" s="261">
        <v>38</v>
      </c>
      <c r="L25" s="262">
        <v>459</v>
      </c>
      <c r="M25" s="263">
        <v>459</v>
      </c>
      <c r="N25" s="257">
        <v>0</v>
      </c>
      <c r="O25" s="261">
        <v>0</v>
      </c>
      <c r="P25" s="258">
        <v>0</v>
      </c>
      <c r="Q25" s="260">
        <v>0</v>
      </c>
      <c r="R25" s="261">
        <v>1</v>
      </c>
      <c r="S25" s="261">
        <v>3</v>
      </c>
      <c r="T25" s="261">
        <v>5</v>
      </c>
      <c r="U25" s="261">
        <v>17</v>
      </c>
      <c r="V25" s="261">
        <v>21</v>
      </c>
      <c r="W25" s="258">
        <v>47</v>
      </c>
      <c r="X25" s="263">
        <v>47</v>
      </c>
      <c r="Y25" s="257">
        <v>32</v>
      </c>
      <c r="Z25" s="261">
        <v>52</v>
      </c>
      <c r="AA25" s="258">
        <v>84</v>
      </c>
      <c r="AB25" s="260">
        <v>0</v>
      </c>
      <c r="AC25" s="261">
        <v>91</v>
      </c>
      <c r="AD25" s="261">
        <v>149</v>
      </c>
      <c r="AE25" s="261">
        <v>68</v>
      </c>
      <c r="AF25" s="261">
        <v>76</v>
      </c>
      <c r="AG25" s="261">
        <v>43</v>
      </c>
      <c r="AH25" s="258">
        <v>427</v>
      </c>
      <c r="AI25" s="263">
        <v>511</v>
      </c>
      <c r="AJ25" s="257">
        <v>5</v>
      </c>
      <c r="AK25" s="261">
        <v>10</v>
      </c>
      <c r="AL25" s="258">
        <v>15</v>
      </c>
      <c r="AM25" s="260">
        <v>0</v>
      </c>
      <c r="AN25" s="261">
        <v>8</v>
      </c>
      <c r="AO25" s="261">
        <v>22</v>
      </c>
      <c r="AP25" s="261">
        <v>8</v>
      </c>
      <c r="AQ25" s="261">
        <v>8</v>
      </c>
      <c r="AR25" s="261">
        <v>6</v>
      </c>
      <c r="AS25" s="258">
        <v>52</v>
      </c>
      <c r="AT25" s="263">
        <v>67</v>
      </c>
      <c r="AU25" s="257">
        <v>18</v>
      </c>
      <c r="AV25" s="261">
        <v>11</v>
      </c>
      <c r="AW25" s="258">
        <v>29</v>
      </c>
      <c r="AX25" s="260">
        <v>0</v>
      </c>
      <c r="AY25" s="261">
        <v>177</v>
      </c>
      <c r="AZ25" s="261">
        <v>155</v>
      </c>
      <c r="BA25" s="261">
        <v>128</v>
      </c>
      <c r="BB25" s="261">
        <v>172</v>
      </c>
      <c r="BC25" s="261">
        <v>111</v>
      </c>
      <c r="BD25" s="262">
        <v>743</v>
      </c>
      <c r="BE25" s="263">
        <v>772</v>
      </c>
      <c r="BF25" s="257">
        <v>0</v>
      </c>
      <c r="BG25" s="261">
        <v>0</v>
      </c>
      <c r="BH25" s="258">
        <v>0</v>
      </c>
      <c r="BI25" s="260">
        <v>0</v>
      </c>
      <c r="BJ25" s="261">
        <v>290</v>
      </c>
      <c r="BK25" s="261">
        <v>253</v>
      </c>
      <c r="BL25" s="261">
        <v>132</v>
      </c>
      <c r="BM25" s="261">
        <v>77</v>
      </c>
      <c r="BN25" s="261">
        <v>34</v>
      </c>
      <c r="BO25" s="258">
        <v>786</v>
      </c>
      <c r="BP25" s="263">
        <v>786</v>
      </c>
      <c r="BQ25" s="257">
        <v>1</v>
      </c>
      <c r="BR25" s="261">
        <v>11</v>
      </c>
      <c r="BS25" s="258">
        <v>12</v>
      </c>
      <c r="BT25" s="260">
        <v>0</v>
      </c>
      <c r="BU25" s="261">
        <v>37</v>
      </c>
      <c r="BV25" s="261">
        <v>47</v>
      </c>
      <c r="BW25" s="261">
        <v>32</v>
      </c>
      <c r="BX25" s="261">
        <v>24</v>
      </c>
      <c r="BY25" s="261">
        <v>7</v>
      </c>
      <c r="BZ25" s="258">
        <v>147</v>
      </c>
      <c r="CA25" s="263">
        <v>159</v>
      </c>
      <c r="CB25" s="257">
        <v>1</v>
      </c>
      <c r="CC25" s="261">
        <v>1</v>
      </c>
      <c r="CD25" s="258">
        <v>2</v>
      </c>
      <c r="CE25" s="260">
        <v>0</v>
      </c>
      <c r="CF25" s="261">
        <v>22</v>
      </c>
      <c r="CG25" s="261">
        <v>34</v>
      </c>
      <c r="CH25" s="261">
        <v>51</v>
      </c>
      <c r="CI25" s="261">
        <v>32</v>
      </c>
      <c r="CJ25" s="261">
        <v>18</v>
      </c>
      <c r="CK25" s="258">
        <v>157</v>
      </c>
      <c r="CL25" s="263">
        <v>159</v>
      </c>
      <c r="CM25" s="257">
        <v>1</v>
      </c>
      <c r="CN25" s="261">
        <v>0</v>
      </c>
      <c r="CO25" s="258">
        <v>1</v>
      </c>
      <c r="CP25" s="260">
        <v>0</v>
      </c>
      <c r="CQ25" s="261">
        <v>1</v>
      </c>
      <c r="CR25" s="261">
        <v>1</v>
      </c>
      <c r="CS25" s="261">
        <v>2</v>
      </c>
      <c r="CT25" s="261">
        <v>3</v>
      </c>
      <c r="CU25" s="261">
        <v>3</v>
      </c>
      <c r="CV25" s="258">
        <v>10</v>
      </c>
      <c r="CW25" s="263">
        <v>11</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90</v>
      </c>
      <c r="DU25" s="261">
        <v>242</v>
      </c>
      <c r="DV25" s="258">
        <v>332</v>
      </c>
      <c r="DW25" s="260">
        <v>0</v>
      </c>
      <c r="DX25" s="261">
        <v>253</v>
      </c>
      <c r="DY25" s="261">
        <v>391</v>
      </c>
      <c r="DZ25" s="261">
        <v>219</v>
      </c>
      <c r="EA25" s="261">
        <v>190</v>
      </c>
      <c r="EB25" s="261">
        <v>98</v>
      </c>
      <c r="EC25" s="258">
        <v>1151</v>
      </c>
      <c r="ED25" s="263">
        <v>1483</v>
      </c>
      <c r="EE25" s="257">
        <v>8</v>
      </c>
      <c r="EF25" s="261">
        <v>2</v>
      </c>
      <c r="EG25" s="258">
        <v>10</v>
      </c>
      <c r="EH25" s="260">
        <v>0</v>
      </c>
      <c r="EI25" s="261">
        <v>56</v>
      </c>
      <c r="EJ25" s="261">
        <v>46</v>
      </c>
      <c r="EK25" s="261">
        <v>31</v>
      </c>
      <c r="EL25" s="261">
        <v>58</v>
      </c>
      <c r="EM25" s="261">
        <v>37</v>
      </c>
      <c r="EN25" s="258">
        <v>228</v>
      </c>
      <c r="EO25" s="263">
        <v>238</v>
      </c>
      <c r="EP25" s="257">
        <v>122</v>
      </c>
      <c r="EQ25" s="261">
        <v>275</v>
      </c>
      <c r="ER25" s="258">
        <v>397</v>
      </c>
      <c r="ES25" s="260">
        <v>0</v>
      </c>
      <c r="ET25" s="261">
        <v>525</v>
      </c>
      <c r="EU25" s="261">
        <v>535</v>
      </c>
      <c r="EV25" s="261">
        <v>276</v>
      </c>
      <c r="EW25" s="261">
        <v>208</v>
      </c>
      <c r="EX25" s="261">
        <v>103</v>
      </c>
      <c r="EY25" s="258">
        <v>1647</v>
      </c>
      <c r="EZ25" s="263">
        <v>2044</v>
      </c>
    </row>
    <row r="26" spans="2:156" ht="21" customHeight="1" x14ac:dyDescent="0.2">
      <c r="B26" s="472" t="s">
        <v>24</v>
      </c>
      <c r="C26" s="257">
        <v>0</v>
      </c>
      <c r="D26" s="261">
        <v>0</v>
      </c>
      <c r="E26" s="358">
        <v>0</v>
      </c>
      <c r="F26" s="260">
        <v>0</v>
      </c>
      <c r="G26" s="261">
        <v>75</v>
      </c>
      <c r="H26" s="261">
        <v>62</v>
      </c>
      <c r="I26" s="261">
        <v>42</v>
      </c>
      <c r="J26" s="261">
        <v>30</v>
      </c>
      <c r="K26" s="261">
        <v>35</v>
      </c>
      <c r="L26" s="262">
        <v>244</v>
      </c>
      <c r="M26" s="263">
        <v>244</v>
      </c>
      <c r="N26" s="257">
        <v>0</v>
      </c>
      <c r="O26" s="261">
        <v>0</v>
      </c>
      <c r="P26" s="258">
        <v>0</v>
      </c>
      <c r="Q26" s="260">
        <v>0</v>
      </c>
      <c r="R26" s="261">
        <v>1</v>
      </c>
      <c r="S26" s="261">
        <v>2</v>
      </c>
      <c r="T26" s="261">
        <v>2</v>
      </c>
      <c r="U26" s="261">
        <v>13</v>
      </c>
      <c r="V26" s="261">
        <v>22</v>
      </c>
      <c r="W26" s="258">
        <v>40</v>
      </c>
      <c r="X26" s="263">
        <v>40</v>
      </c>
      <c r="Y26" s="257">
        <v>21</v>
      </c>
      <c r="Z26" s="261">
        <v>22</v>
      </c>
      <c r="AA26" s="258">
        <v>43</v>
      </c>
      <c r="AB26" s="260">
        <v>0</v>
      </c>
      <c r="AC26" s="261">
        <v>69</v>
      </c>
      <c r="AD26" s="261">
        <v>66</v>
      </c>
      <c r="AE26" s="261">
        <v>29</v>
      </c>
      <c r="AF26" s="261">
        <v>40</v>
      </c>
      <c r="AG26" s="261">
        <v>25</v>
      </c>
      <c r="AH26" s="258">
        <v>229</v>
      </c>
      <c r="AI26" s="263">
        <v>272</v>
      </c>
      <c r="AJ26" s="257">
        <v>0</v>
      </c>
      <c r="AK26" s="261">
        <v>1</v>
      </c>
      <c r="AL26" s="258">
        <v>1</v>
      </c>
      <c r="AM26" s="260">
        <v>0</v>
      </c>
      <c r="AN26" s="261">
        <v>4</v>
      </c>
      <c r="AO26" s="261">
        <v>7</v>
      </c>
      <c r="AP26" s="261">
        <v>2</v>
      </c>
      <c r="AQ26" s="261">
        <v>4</v>
      </c>
      <c r="AR26" s="261">
        <v>3</v>
      </c>
      <c r="AS26" s="258">
        <v>20</v>
      </c>
      <c r="AT26" s="263">
        <v>21</v>
      </c>
      <c r="AU26" s="257">
        <v>22</v>
      </c>
      <c r="AV26" s="261">
        <v>17</v>
      </c>
      <c r="AW26" s="258">
        <v>39</v>
      </c>
      <c r="AX26" s="260">
        <v>0</v>
      </c>
      <c r="AY26" s="261">
        <v>91</v>
      </c>
      <c r="AZ26" s="261">
        <v>81</v>
      </c>
      <c r="BA26" s="261">
        <v>79</v>
      </c>
      <c r="BB26" s="261">
        <v>98</v>
      </c>
      <c r="BC26" s="261">
        <v>65</v>
      </c>
      <c r="BD26" s="262">
        <v>414</v>
      </c>
      <c r="BE26" s="263">
        <v>453</v>
      </c>
      <c r="BF26" s="257">
        <v>0</v>
      </c>
      <c r="BG26" s="261">
        <v>0</v>
      </c>
      <c r="BH26" s="258">
        <v>0</v>
      </c>
      <c r="BI26" s="260">
        <v>0</v>
      </c>
      <c r="BJ26" s="261">
        <v>118</v>
      </c>
      <c r="BK26" s="261">
        <v>87</v>
      </c>
      <c r="BL26" s="261">
        <v>35</v>
      </c>
      <c r="BM26" s="261">
        <v>21</v>
      </c>
      <c r="BN26" s="261">
        <v>8</v>
      </c>
      <c r="BO26" s="258">
        <v>269</v>
      </c>
      <c r="BP26" s="263">
        <v>269</v>
      </c>
      <c r="BQ26" s="257">
        <v>12</v>
      </c>
      <c r="BR26" s="261">
        <v>12</v>
      </c>
      <c r="BS26" s="258">
        <v>24</v>
      </c>
      <c r="BT26" s="260">
        <v>0</v>
      </c>
      <c r="BU26" s="261">
        <v>46</v>
      </c>
      <c r="BV26" s="261">
        <v>33</v>
      </c>
      <c r="BW26" s="261">
        <v>19</v>
      </c>
      <c r="BX26" s="261">
        <v>10</v>
      </c>
      <c r="BY26" s="261">
        <v>12</v>
      </c>
      <c r="BZ26" s="258">
        <v>120</v>
      </c>
      <c r="CA26" s="263">
        <v>144</v>
      </c>
      <c r="CB26" s="257">
        <v>1</v>
      </c>
      <c r="CC26" s="261">
        <v>1</v>
      </c>
      <c r="CD26" s="258">
        <v>2</v>
      </c>
      <c r="CE26" s="260">
        <v>0</v>
      </c>
      <c r="CF26" s="261">
        <v>17</v>
      </c>
      <c r="CG26" s="261">
        <v>22</v>
      </c>
      <c r="CH26" s="261">
        <v>21</v>
      </c>
      <c r="CI26" s="261">
        <v>20</v>
      </c>
      <c r="CJ26" s="261">
        <v>9</v>
      </c>
      <c r="CK26" s="258">
        <v>89</v>
      </c>
      <c r="CL26" s="263">
        <v>91</v>
      </c>
      <c r="CM26" s="257">
        <v>0</v>
      </c>
      <c r="CN26" s="261">
        <v>0</v>
      </c>
      <c r="CO26" s="258">
        <v>0</v>
      </c>
      <c r="CP26" s="260">
        <v>0</v>
      </c>
      <c r="CQ26" s="261">
        <v>1</v>
      </c>
      <c r="CR26" s="261">
        <v>0</v>
      </c>
      <c r="CS26" s="261">
        <v>1</v>
      </c>
      <c r="CT26" s="261">
        <v>2</v>
      </c>
      <c r="CU26" s="261">
        <v>1</v>
      </c>
      <c r="CV26" s="258">
        <v>5</v>
      </c>
      <c r="CW26" s="263">
        <v>5</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87</v>
      </c>
      <c r="DU26" s="261">
        <v>89</v>
      </c>
      <c r="DV26" s="258">
        <v>176</v>
      </c>
      <c r="DW26" s="260">
        <v>0</v>
      </c>
      <c r="DX26" s="261">
        <v>143</v>
      </c>
      <c r="DY26" s="261">
        <v>177</v>
      </c>
      <c r="DZ26" s="261">
        <v>97</v>
      </c>
      <c r="EA26" s="261">
        <v>74</v>
      </c>
      <c r="EB26" s="261">
        <v>45</v>
      </c>
      <c r="EC26" s="258">
        <v>536</v>
      </c>
      <c r="ED26" s="263">
        <v>712</v>
      </c>
      <c r="EE26" s="257">
        <v>12</v>
      </c>
      <c r="EF26" s="261">
        <v>10</v>
      </c>
      <c r="EG26" s="258">
        <v>22</v>
      </c>
      <c r="EH26" s="260">
        <v>0</v>
      </c>
      <c r="EI26" s="261">
        <v>39</v>
      </c>
      <c r="EJ26" s="261">
        <v>29</v>
      </c>
      <c r="EK26" s="261">
        <v>26</v>
      </c>
      <c r="EL26" s="261">
        <v>40</v>
      </c>
      <c r="EM26" s="261">
        <v>19</v>
      </c>
      <c r="EN26" s="258">
        <v>153</v>
      </c>
      <c r="EO26" s="263">
        <v>175</v>
      </c>
      <c r="EP26" s="257">
        <v>115</v>
      </c>
      <c r="EQ26" s="261">
        <v>104</v>
      </c>
      <c r="ER26" s="258">
        <v>219</v>
      </c>
      <c r="ES26" s="260">
        <v>0</v>
      </c>
      <c r="ET26" s="261">
        <v>275</v>
      </c>
      <c r="EU26" s="261">
        <v>224</v>
      </c>
      <c r="EV26" s="261">
        <v>122</v>
      </c>
      <c r="EW26" s="261">
        <v>78</v>
      </c>
      <c r="EX26" s="261">
        <v>53</v>
      </c>
      <c r="EY26" s="258">
        <v>752</v>
      </c>
      <c r="EZ26" s="263">
        <v>971</v>
      </c>
    </row>
    <row r="27" spans="2:156" ht="21" customHeight="1" x14ac:dyDescent="0.2">
      <c r="B27" s="472" t="s">
        <v>25</v>
      </c>
      <c r="C27" s="257">
        <v>0</v>
      </c>
      <c r="D27" s="261">
        <v>0</v>
      </c>
      <c r="E27" s="358">
        <v>0</v>
      </c>
      <c r="F27" s="260">
        <v>0</v>
      </c>
      <c r="G27" s="261">
        <v>104</v>
      </c>
      <c r="H27" s="261">
        <v>81</v>
      </c>
      <c r="I27" s="261">
        <v>62</v>
      </c>
      <c r="J27" s="261">
        <v>40</v>
      </c>
      <c r="K27" s="261">
        <v>25</v>
      </c>
      <c r="L27" s="262">
        <v>312</v>
      </c>
      <c r="M27" s="263">
        <v>312</v>
      </c>
      <c r="N27" s="257">
        <v>0</v>
      </c>
      <c r="O27" s="261">
        <v>0</v>
      </c>
      <c r="P27" s="258">
        <v>0</v>
      </c>
      <c r="Q27" s="260">
        <v>0</v>
      </c>
      <c r="R27" s="261">
        <v>3</v>
      </c>
      <c r="S27" s="261">
        <v>8</v>
      </c>
      <c r="T27" s="261">
        <v>13</v>
      </c>
      <c r="U27" s="261">
        <v>15</v>
      </c>
      <c r="V27" s="261">
        <v>15</v>
      </c>
      <c r="W27" s="258">
        <v>54</v>
      </c>
      <c r="X27" s="263">
        <v>54</v>
      </c>
      <c r="Y27" s="257">
        <v>18</v>
      </c>
      <c r="Z27" s="261">
        <v>46</v>
      </c>
      <c r="AA27" s="258">
        <v>64</v>
      </c>
      <c r="AB27" s="260">
        <v>0</v>
      </c>
      <c r="AC27" s="261">
        <v>88</v>
      </c>
      <c r="AD27" s="261">
        <v>86</v>
      </c>
      <c r="AE27" s="261">
        <v>47</v>
      </c>
      <c r="AF27" s="261">
        <v>36</v>
      </c>
      <c r="AG27" s="261">
        <v>22</v>
      </c>
      <c r="AH27" s="258">
        <v>279</v>
      </c>
      <c r="AI27" s="263">
        <v>343</v>
      </c>
      <c r="AJ27" s="257">
        <v>1</v>
      </c>
      <c r="AK27" s="261">
        <v>6</v>
      </c>
      <c r="AL27" s="258">
        <v>7</v>
      </c>
      <c r="AM27" s="260">
        <v>0</v>
      </c>
      <c r="AN27" s="261">
        <v>2</v>
      </c>
      <c r="AO27" s="261">
        <v>11</v>
      </c>
      <c r="AP27" s="261">
        <v>4</v>
      </c>
      <c r="AQ27" s="261">
        <v>3</v>
      </c>
      <c r="AR27" s="261">
        <v>3</v>
      </c>
      <c r="AS27" s="258">
        <v>23</v>
      </c>
      <c r="AT27" s="263">
        <v>30</v>
      </c>
      <c r="AU27" s="257">
        <v>11</v>
      </c>
      <c r="AV27" s="261">
        <v>13</v>
      </c>
      <c r="AW27" s="258">
        <v>24</v>
      </c>
      <c r="AX27" s="260">
        <v>0</v>
      </c>
      <c r="AY27" s="261">
        <v>64</v>
      </c>
      <c r="AZ27" s="261">
        <v>69</v>
      </c>
      <c r="BA27" s="261">
        <v>64</v>
      </c>
      <c r="BB27" s="261">
        <v>81</v>
      </c>
      <c r="BC27" s="261">
        <v>47</v>
      </c>
      <c r="BD27" s="262">
        <v>325</v>
      </c>
      <c r="BE27" s="263">
        <v>349</v>
      </c>
      <c r="BF27" s="257">
        <v>0</v>
      </c>
      <c r="BG27" s="261">
        <v>0</v>
      </c>
      <c r="BH27" s="258">
        <v>0</v>
      </c>
      <c r="BI27" s="260">
        <v>0</v>
      </c>
      <c r="BJ27" s="261">
        <v>154</v>
      </c>
      <c r="BK27" s="261">
        <v>87</v>
      </c>
      <c r="BL27" s="261">
        <v>58</v>
      </c>
      <c r="BM27" s="261">
        <v>34</v>
      </c>
      <c r="BN27" s="261">
        <v>8</v>
      </c>
      <c r="BO27" s="258">
        <v>341</v>
      </c>
      <c r="BP27" s="263">
        <v>341</v>
      </c>
      <c r="BQ27" s="257">
        <v>13</v>
      </c>
      <c r="BR27" s="261">
        <v>17</v>
      </c>
      <c r="BS27" s="258">
        <v>30</v>
      </c>
      <c r="BT27" s="260">
        <v>0</v>
      </c>
      <c r="BU27" s="261">
        <v>36</v>
      </c>
      <c r="BV27" s="261">
        <v>55</v>
      </c>
      <c r="BW27" s="261">
        <v>26</v>
      </c>
      <c r="BX27" s="261">
        <v>19</v>
      </c>
      <c r="BY27" s="261">
        <v>3</v>
      </c>
      <c r="BZ27" s="258">
        <v>139</v>
      </c>
      <c r="CA27" s="263">
        <v>169</v>
      </c>
      <c r="CB27" s="257">
        <v>1</v>
      </c>
      <c r="CC27" s="261">
        <v>0</v>
      </c>
      <c r="CD27" s="258">
        <v>1</v>
      </c>
      <c r="CE27" s="260">
        <v>0</v>
      </c>
      <c r="CF27" s="261">
        <v>18</v>
      </c>
      <c r="CG27" s="261">
        <v>29</v>
      </c>
      <c r="CH27" s="261">
        <v>21</v>
      </c>
      <c r="CI27" s="261">
        <v>12</v>
      </c>
      <c r="CJ27" s="261">
        <v>2</v>
      </c>
      <c r="CK27" s="258">
        <v>82</v>
      </c>
      <c r="CL27" s="263">
        <v>83</v>
      </c>
      <c r="CM27" s="257">
        <v>0</v>
      </c>
      <c r="CN27" s="261">
        <v>0</v>
      </c>
      <c r="CO27" s="258">
        <v>0</v>
      </c>
      <c r="CP27" s="260">
        <v>0</v>
      </c>
      <c r="CQ27" s="261">
        <v>2</v>
      </c>
      <c r="CR27" s="261">
        <v>8</v>
      </c>
      <c r="CS27" s="261">
        <v>1</v>
      </c>
      <c r="CT27" s="261">
        <v>3</v>
      </c>
      <c r="CU27" s="261">
        <v>2</v>
      </c>
      <c r="CV27" s="258">
        <v>16</v>
      </c>
      <c r="CW27" s="263">
        <v>16</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79</v>
      </c>
      <c r="DU27" s="261">
        <v>145</v>
      </c>
      <c r="DV27" s="258">
        <v>224</v>
      </c>
      <c r="DW27" s="260">
        <v>0</v>
      </c>
      <c r="DX27" s="261">
        <v>132</v>
      </c>
      <c r="DY27" s="261">
        <v>231</v>
      </c>
      <c r="DZ27" s="261">
        <v>128</v>
      </c>
      <c r="EA27" s="261">
        <v>96</v>
      </c>
      <c r="EB27" s="261">
        <v>40</v>
      </c>
      <c r="EC27" s="258">
        <v>627</v>
      </c>
      <c r="ED27" s="263">
        <v>851</v>
      </c>
      <c r="EE27" s="257">
        <v>7</v>
      </c>
      <c r="EF27" s="261">
        <v>2</v>
      </c>
      <c r="EG27" s="258">
        <v>9</v>
      </c>
      <c r="EH27" s="260">
        <v>0</v>
      </c>
      <c r="EI27" s="261">
        <v>16</v>
      </c>
      <c r="EJ27" s="261">
        <v>11</v>
      </c>
      <c r="EK27" s="261">
        <v>14</v>
      </c>
      <c r="EL27" s="261">
        <v>24</v>
      </c>
      <c r="EM27" s="261">
        <v>15</v>
      </c>
      <c r="EN27" s="258">
        <v>80</v>
      </c>
      <c r="EO27" s="263">
        <v>89</v>
      </c>
      <c r="EP27" s="257">
        <v>95</v>
      </c>
      <c r="EQ27" s="261">
        <v>173</v>
      </c>
      <c r="ER27" s="258">
        <v>268</v>
      </c>
      <c r="ES27" s="260">
        <v>0</v>
      </c>
      <c r="ET27" s="261">
        <v>352</v>
      </c>
      <c r="EU27" s="261">
        <v>286</v>
      </c>
      <c r="EV27" s="261">
        <v>147</v>
      </c>
      <c r="EW27" s="261">
        <v>107</v>
      </c>
      <c r="EX27" s="261">
        <v>45</v>
      </c>
      <c r="EY27" s="258">
        <v>937</v>
      </c>
      <c r="EZ27" s="263">
        <v>1205</v>
      </c>
    </row>
    <row r="28" spans="2:156" ht="21" customHeight="1" x14ac:dyDescent="0.2">
      <c r="B28" s="472" t="s">
        <v>26</v>
      </c>
      <c r="C28" s="257">
        <v>0</v>
      </c>
      <c r="D28" s="261">
        <v>0</v>
      </c>
      <c r="E28" s="358">
        <v>0</v>
      </c>
      <c r="F28" s="260">
        <v>0</v>
      </c>
      <c r="G28" s="261">
        <v>80</v>
      </c>
      <c r="H28" s="261">
        <v>69</v>
      </c>
      <c r="I28" s="261">
        <v>64</v>
      </c>
      <c r="J28" s="261">
        <v>40</v>
      </c>
      <c r="K28" s="261">
        <v>42</v>
      </c>
      <c r="L28" s="262">
        <v>295</v>
      </c>
      <c r="M28" s="263">
        <v>295</v>
      </c>
      <c r="N28" s="257">
        <v>0</v>
      </c>
      <c r="O28" s="261">
        <v>0</v>
      </c>
      <c r="P28" s="258">
        <v>0</v>
      </c>
      <c r="Q28" s="260">
        <v>0</v>
      </c>
      <c r="R28" s="261">
        <v>0</v>
      </c>
      <c r="S28" s="261">
        <v>2</v>
      </c>
      <c r="T28" s="261">
        <v>3</v>
      </c>
      <c r="U28" s="261">
        <v>7</v>
      </c>
      <c r="V28" s="261">
        <v>17</v>
      </c>
      <c r="W28" s="258">
        <v>29</v>
      </c>
      <c r="X28" s="263">
        <v>29</v>
      </c>
      <c r="Y28" s="257">
        <v>8</v>
      </c>
      <c r="Z28" s="261">
        <v>18</v>
      </c>
      <c r="AA28" s="258">
        <v>26</v>
      </c>
      <c r="AB28" s="260">
        <v>0</v>
      </c>
      <c r="AC28" s="261">
        <v>65</v>
      </c>
      <c r="AD28" s="261">
        <v>67</v>
      </c>
      <c r="AE28" s="261">
        <v>43</v>
      </c>
      <c r="AF28" s="261">
        <v>39</v>
      </c>
      <c r="AG28" s="261">
        <v>35</v>
      </c>
      <c r="AH28" s="258">
        <v>249</v>
      </c>
      <c r="AI28" s="263">
        <v>275</v>
      </c>
      <c r="AJ28" s="257">
        <v>0</v>
      </c>
      <c r="AK28" s="261">
        <v>1</v>
      </c>
      <c r="AL28" s="258">
        <v>1</v>
      </c>
      <c r="AM28" s="260">
        <v>0</v>
      </c>
      <c r="AN28" s="261">
        <v>0</v>
      </c>
      <c r="AO28" s="261">
        <v>2</v>
      </c>
      <c r="AP28" s="261">
        <v>6</v>
      </c>
      <c r="AQ28" s="261">
        <v>3</v>
      </c>
      <c r="AR28" s="261">
        <v>3</v>
      </c>
      <c r="AS28" s="258">
        <v>14</v>
      </c>
      <c r="AT28" s="263">
        <v>15</v>
      </c>
      <c r="AU28" s="257">
        <v>9</v>
      </c>
      <c r="AV28" s="261">
        <v>9</v>
      </c>
      <c r="AW28" s="258">
        <v>18</v>
      </c>
      <c r="AX28" s="260">
        <v>0</v>
      </c>
      <c r="AY28" s="261">
        <v>61</v>
      </c>
      <c r="AZ28" s="261">
        <v>75</v>
      </c>
      <c r="BA28" s="261">
        <v>86</v>
      </c>
      <c r="BB28" s="261">
        <v>55</v>
      </c>
      <c r="BC28" s="261">
        <v>49</v>
      </c>
      <c r="BD28" s="262">
        <v>326</v>
      </c>
      <c r="BE28" s="263">
        <v>344</v>
      </c>
      <c r="BF28" s="257">
        <v>0</v>
      </c>
      <c r="BG28" s="261">
        <v>0</v>
      </c>
      <c r="BH28" s="258">
        <v>0</v>
      </c>
      <c r="BI28" s="260">
        <v>0</v>
      </c>
      <c r="BJ28" s="261">
        <v>127</v>
      </c>
      <c r="BK28" s="261">
        <v>89</v>
      </c>
      <c r="BL28" s="261">
        <v>52</v>
      </c>
      <c r="BM28" s="261">
        <v>21</v>
      </c>
      <c r="BN28" s="261">
        <v>16</v>
      </c>
      <c r="BO28" s="258">
        <v>305</v>
      </c>
      <c r="BP28" s="263">
        <v>305</v>
      </c>
      <c r="BQ28" s="257">
        <v>7</v>
      </c>
      <c r="BR28" s="261">
        <v>5</v>
      </c>
      <c r="BS28" s="258">
        <v>12</v>
      </c>
      <c r="BT28" s="260">
        <v>0</v>
      </c>
      <c r="BU28" s="261">
        <v>18</v>
      </c>
      <c r="BV28" s="261">
        <v>26</v>
      </c>
      <c r="BW28" s="261">
        <v>14</v>
      </c>
      <c r="BX28" s="261">
        <v>9</v>
      </c>
      <c r="BY28" s="261">
        <v>6</v>
      </c>
      <c r="BZ28" s="258">
        <v>73</v>
      </c>
      <c r="CA28" s="263">
        <v>85</v>
      </c>
      <c r="CB28" s="257">
        <v>0</v>
      </c>
      <c r="CC28" s="261">
        <v>0</v>
      </c>
      <c r="CD28" s="258">
        <v>0</v>
      </c>
      <c r="CE28" s="260">
        <v>0</v>
      </c>
      <c r="CF28" s="261">
        <v>16</v>
      </c>
      <c r="CG28" s="261">
        <v>24</v>
      </c>
      <c r="CH28" s="261">
        <v>21</v>
      </c>
      <c r="CI28" s="261">
        <v>14</v>
      </c>
      <c r="CJ28" s="261">
        <v>10</v>
      </c>
      <c r="CK28" s="258">
        <v>85</v>
      </c>
      <c r="CL28" s="263">
        <v>85</v>
      </c>
      <c r="CM28" s="257">
        <v>0</v>
      </c>
      <c r="CN28" s="261">
        <v>0</v>
      </c>
      <c r="CO28" s="258">
        <v>0</v>
      </c>
      <c r="CP28" s="260">
        <v>0</v>
      </c>
      <c r="CQ28" s="261">
        <v>2</v>
      </c>
      <c r="CR28" s="261">
        <v>2</v>
      </c>
      <c r="CS28" s="261">
        <v>2</v>
      </c>
      <c r="CT28" s="261">
        <v>2</v>
      </c>
      <c r="CU28" s="261">
        <v>2</v>
      </c>
      <c r="CV28" s="258">
        <v>10</v>
      </c>
      <c r="CW28" s="263">
        <v>10</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53</v>
      </c>
      <c r="DU28" s="261">
        <v>101</v>
      </c>
      <c r="DV28" s="258">
        <v>154</v>
      </c>
      <c r="DW28" s="260">
        <v>0</v>
      </c>
      <c r="DX28" s="261">
        <v>154</v>
      </c>
      <c r="DY28" s="261">
        <v>177</v>
      </c>
      <c r="DZ28" s="261">
        <v>113</v>
      </c>
      <c r="EA28" s="261">
        <v>82</v>
      </c>
      <c r="EB28" s="261">
        <v>64</v>
      </c>
      <c r="EC28" s="258">
        <v>590</v>
      </c>
      <c r="ED28" s="263">
        <v>744</v>
      </c>
      <c r="EE28" s="257">
        <v>7</v>
      </c>
      <c r="EF28" s="261">
        <v>5</v>
      </c>
      <c r="EG28" s="258">
        <v>12</v>
      </c>
      <c r="EH28" s="260">
        <v>0</v>
      </c>
      <c r="EI28" s="261">
        <v>25</v>
      </c>
      <c r="EJ28" s="261">
        <v>24</v>
      </c>
      <c r="EK28" s="261">
        <v>25</v>
      </c>
      <c r="EL28" s="261">
        <v>12</v>
      </c>
      <c r="EM28" s="261">
        <v>10</v>
      </c>
      <c r="EN28" s="258">
        <v>96</v>
      </c>
      <c r="EO28" s="263">
        <v>108</v>
      </c>
      <c r="EP28" s="257">
        <v>65</v>
      </c>
      <c r="EQ28" s="261">
        <v>115</v>
      </c>
      <c r="ER28" s="258">
        <v>180</v>
      </c>
      <c r="ES28" s="260">
        <v>0</v>
      </c>
      <c r="ET28" s="261">
        <v>287</v>
      </c>
      <c r="EU28" s="261">
        <v>235</v>
      </c>
      <c r="EV28" s="261">
        <v>147</v>
      </c>
      <c r="EW28" s="261">
        <v>85</v>
      </c>
      <c r="EX28" s="261">
        <v>65</v>
      </c>
      <c r="EY28" s="258">
        <v>819</v>
      </c>
      <c r="EZ28" s="263">
        <v>999</v>
      </c>
    </row>
    <row r="29" spans="2:156" ht="21" customHeight="1" x14ac:dyDescent="0.2">
      <c r="B29" s="472" t="s">
        <v>27</v>
      </c>
      <c r="C29" s="257">
        <v>0</v>
      </c>
      <c r="D29" s="261">
        <v>0</v>
      </c>
      <c r="E29" s="358">
        <v>0</v>
      </c>
      <c r="F29" s="260">
        <v>0</v>
      </c>
      <c r="G29" s="261">
        <v>71</v>
      </c>
      <c r="H29" s="261">
        <v>46</v>
      </c>
      <c r="I29" s="261">
        <v>36</v>
      </c>
      <c r="J29" s="261">
        <v>23</v>
      </c>
      <c r="K29" s="261">
        <v>32</v>
      </c>
      <c r="L29" s="262">
        <v>208</v>
      </c>
      <c r="M29" s="263">
        <v>208</v>
      </c>
      <c r="N29" s="257">
        <v>0</v>
      </c>
      <c r="O29" s="261">
        <v>0</v>
      </c>
      <c r="P29" s="258">
        <v>0</v>
      </c>
      <c r="Q29" s="260">
        <v>0</v>
      </c>
      <c r="R29" s="261">
        <v>1</v>
      </c>
      <c r="S29" s="261">
        <v>5</v>
      </c>
      <c r="T29" s="261">
        <v>5</v>
      </c>
      <c r="U29" s="261">
        <v>10</v>
      </c>
      <c r="V29" s="261">
        <v>18</v>
      </c>
      <c r="W29" s="258">
        <v>39</v>
      </c>
      <c r="X29" s="263">
        <v>39</v>
      </c>
      <c r="Y29" s="257">
        <v>19</v>
      </c>
      <c r="Z29" s="261">
        <v>37</v>
      </c>
      <c r="AA29" s="258">
        <v>56</v>
      </c>
      <c r="AB29" s="260">
        <v>0</v>
      </c>
      <c r="AC29" s="261">
        <v>39</v>
      </c>
      <c r="AD29" s="261">
        <v>46</v>
      </c>
      <c r="AE29" s="261">
        <v>37</v>
      </c>
      <c r="AF29" s="261">
        <v>24</v>
      </c>
      <c r="AG29" s="261">
        <v>34</v>
      </c>
      <c r="AH29" s="258">
        <v>180</v>
      </c>
      <c r="AI29" s="263">
        <v>236</v>
      </c>
      <c r="AJ29" s="257">
        <v>1</v>
      </c>
      <c r="AK29" s="261">
        <v>2</v>
      </c>
      <c r="AL29" s="258">
        <v>3</v>
      </c>
      <c r="AM29" s="260">
        <v>0</v>
      </c>
      <c r="AN29" s="261">
        <v>1</v>
      </c>
      <c r="AO29" s="261">
        <v>2</v>
      </c>
      <c r="AP29" s="261">
        <v>1</v>
      </c>
      <c r="AQ29" s="261">
        <v>0</v>
      </c>
      <c r="AR29" s="261">
        <v>2</v>
      </c>
      <c r="AS29" s="258">
        <v>6</v>
      </c>
      <c r="AT29" s="263">
        <v>9</v>
      </c>
      <c r="AU29" s="257">
        <v>12</v>
      </c>
      <c r="AV29" s="261">
        <v>18</v>
      </c>
      <c r="AW29" s="258">
        <v>30</v>
      </c>
      <c r="AX29" s="260">
        <v>0</v>
      </c>
      <c r="AY29" s="261">
        <v>72</v>
      </c>
      <c r="AZ29" s="261">
        <v>69</v>
      </c>
      <c r="BA29" s="261">
        <v>62</v>
      </c>
      <c r="BB29" s="261">
        <v>64</v>
      </c>
      <c r="BC29" s="261">
        <v>55</v>
      </c>
      <c r="BD29" s="262">
        <v>322</v>
      </c>
      <c r="BE29" s="263">
        <v>352</v>
      </c>
      <c r="BF29" s="257">
        <v>0</v>
      </c>
      <c r="BG29" s="261">
        <v>0</v>
      </c>
      <c r="BH29" s="258">
        <v>0</v>
      </c>
      <c r="BI29" s="260">
        <v>0</v>
      </c>
      <c r="BJ29" s="261">
        <v>116</v>
      </c>
      <c r="BK29" s="261">
        <v>66</v>
      </c>
      <c r="BL29" s="261">
        <v>32</v>
      </c>
      <c r="BM29" s="261">
        <v>28</v>
      </c>
      <c r="BN29" s="261">
        <v>14</v>
      </c>
      <c r="BO29" s="258">
        <v>256</v>
      </c>
      <c r="BP29" s="263">
        <v>256</v>
      </c>
      <c r="BQ29" s="257">
        <v>10</v>
      </c>
      <c r="BR29" s="261">
        <v>30</v>
      </c>
      <c r="BS29" s="258">
        <v>40</v>
      </c>
      <c r="BT29" s="260">
        <v>0</v>
      </c>
      <c r="BU29" s="261">
        <v>17</v>
      </c>
      <c r="BV29" s="261">
        <v>29</v>
      </c>
      <c r="BW29" s="261">
        <v>13</v>
      </c>
      <c r="BX29" s="261">
        <v>4</v>
      </c>
      <c r="BY29" s="261">
        <v>5</v>
      </c>
      <c r="BZ29" s="258">
        <v>68</v>
      </c>
      <c r="CA29" s="263">
        <v>108</v>
      </c>
      <c r="CB29" s="257">
        <v>0</v>
      </c>
      <c r="CC29" s="261">
        <v>1</v>
      </c>
      <c r="CD29" s="258">
        <v>1</v>
      </c>
      <c r="CE29" s="260">
        <v>0</v>
      </c>
      <c r="CF29" s="261">
        <v>12</v>
      </c>
      <c r="CG29" s="261">
        <v>16</v>
      </c>
      <c r="CH29" s="261">
        <v>14</v>
      </c>
      <c r="CI29" s="261">
        <v>6</v>
      </c>
      <c r="CJ29" s="261">
        <v>5</v>
      </c>
      <c r="CK29" s="258">
        <v>53</v>
      </c>
      <c r="CL29" s="263">
        <v>54</v>
      </c>
      <c r="CM29" s="257">
        <v>0</v>
      </c>
      <c r="CN29" s="261">
        <v>0</v>
      </c>
      <c r="CO29" s="258">
        <v>0</v>
      </c>
      <c r="CP29" s="260">
        <v>0</v>
      </c>
      <c r="CQ29" s="261">
        <v>0</v>
      </c>
      <c r="CR29" s="261">
        <v>2</v>
      </c>
      <c r="CS29" s="261">
        <v>1</v>
      </c>
      <c r="CT29" s="261">
        <v>2</v>
      </c>
      <c r="CU29" s="261">
        <v>1</v>
      </c>
      <c r="CV29" s="258">
        <v>6</v>
      </c>
      <c r="CW29" s="263">
        <v>6</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91</v>
      </c>
      <c r="DU29" s="261">
        <v>140</v>
      </c>
      <c r="DV29" s="258">
        <v>231</v>
      </c>
      <c r="DW29" s="260">
        <v>0</v>
      </c>
      <c r="DX29" s="261">
        <v>88</v>
      </c>
      <c r="DY29" s="261">
        <v>123</v>
      </c>
      <c r="DZ29" s="261">
        <v>85</v>
      </c>
      <c r="EA29" s="261">
        <v>51</v>
      </c>
      <c r="EB29" s="261">
        <v>47</v>
      </c>
      <c r="EC29" s="258">
        <v>394</v>
      </c>
      <c r="ED29" s="263">
        <v>625</v>
      </c>
      <c r="EE29" s="257">
        <v>10</v>
      </c>
      <c r="EF29" s="261">
        <v>13</v>
      </c>
      <c r="EG29" s="258">
        <v>23</v>
      </c>
      <c r="EH29" s="260">
        <v>0</v>
      </c>
      <c r="EI29" s="261">
        <v>44</v>
      </c>
      <c r="EJ29" s="261">
        <v>33</v>
      </c>
      <c r="EK29" s="261">
        <v>30</v>
      </c>
      <c r="EL29" s="261">
        <v>38</v>
      </c>
      <c r="EM29" s="261">
        <v>16</v>
      </c>
      <c r="EN29" s="258">
        <v>161</v>
      </c>
      <c r="EO29" s="263">
        <v>184</v>
      </c>
      <c r="EP29" s="257">
        <v>118</v>
      </c>
      <c r="EQ29" s="261">
        <v>169</v>
      </c>
      <c r="ER29" s="258">
        <v>287</v>
      </c>
      <c r="ES29" s="260">
        <v>0</v>
      </c>
      <c r="ET29" s="261">
        <v>216</v>
      </c>
      <c r="EU29" s="261">
        <v>154</v>
      </c>
      <c r="EV29" s="261">
        <v>91</v>
      </c>
      <c r="EW29" s="261">
        <v>55</v>
      </c>
      <c r="EX29" s="261">
        <v>49</v>
      </c>
      <c r="EY29" s="258">
        <v>565</v>
      </c>
      <c r="EZ29" s="263">
        <v>852</v>
      </c>
    </row>
    <row r="30" spans="2:156" ht="21" customHeight="1" x14ac:dyDescent="0.2">
      <c r="B30" s="472" t="s">
        <v>28</v>
      </c>
      <c r="C30" s="257">
        <v>0</v>
      </c>
      <c r="D30" s="261">
        <v>0</v>
      </c>
      <c r="E30" s="358">
        <v>0</v>
      </c>
      <c r="F30" s="260">
        <v>0</v>
      </c>
      <c r="G30" s="261">
        <v>11</v>
      </c>
      <c r="H30" s="261">
        <v>18</v>
      </c>
      <c r="I30" s="261">
        <v>7</v>
      </c>
      <c r="J30" s="261">
        <v>8</v>
      </c>
      <c r="K30" s="261">
        <v>6</v>
      </c>
      <c r="L30" s="262">
        <v>50</v>
      </c>
      <c r="M30" s="263">
        <v>50</v>
      </c>
      <c r="N30" s="257">
        <v>0</v>
      </c>
      <c r="O30" s="261">
        <v>0</v>
      </c>
      <c r="P30" s="258">
        <v>0</v>
      </c>
      <c r="Q30" s="260">
        <v>0</v>
      </c>
      <c r="R30" s="261">
        <v>0</v>
      </c>
      <c r="S30" s="261">
        <v>2</v>
      </c>
      <c r="T30" s="261">
        <v>1</v>
      </c>
      <c r="U30" s="261">
        <v>5</v>
      </c>
      <c r="V30" s="261">
        <v>4</v>
      </c>
      <c r="W30" s="258">
        <v>12</v>
      </c>
      <c r="X30" s="263">
        <v>12</v>
      </c>
      <c r="Y30" s="257">
        <v>1</v>
      </c>
      <c r="Z30" s="261">
        <v>6</v>
      </c>
      <c r="AA30" s="258">
        <v>7</v>
      </c>
      <c r="AB30" s="260">
        <v>0</v>
      </c>
      <c r="AC30" s="261">
        <v>9</v>
      </c>
      <c r="AD30" s="261">
        <v>15</v>
      </c>
      <c r="AE30" s="261">
        <v>9</v>
      </c>
      <c r="AF30" s="261">
        <v>10</v>
      </c>
      <c r="AG30" s="261">
        <v>6</v>
      </c>
      <c r="AH30" s="258">
        <v>49</v>
      </c>
      <c r="AI30" s="263">
        <v>56</v>
      </c>
      <c r="AJ30" s="257">
        <v>0</v>
      </c>
      <c r="AK30" s="261">
        <v>0</v>
      </c>
      <c r="AL30" s="258">
        <v>0</v>
      </c>
      <c r="AM30" s="260">
        <v>0</v>
      </c>
      <c r="AN30" s="261">
        <v>3</v>
      </c>
      <c r="AO30" s="261">
        <v>1</v>
      </c>
      <c r="AP30" s="261">
        <v>0</v>
      </c>
      <c r="AQ30" s="261">
        <v>1</v>
      </c>
      <c r="AR30" s="261">
        <v>2</v>
      </c>
      <c r="AS30" s="258">
        <v>7</v>
      </c>
      <c r="AT30" s="263">
        <v>7</v>
      </c>
      <c r="AU30" s="257">
        <v>2</v>
      </c>
      <c r="AV30" s="261">
        <v>1</v>
      </c>
      <c r="AW30" s="258">
        <v>3</v>
      </c>
      <c r="AX30" s="260">
        <v>0</v>
      </c>
      <c r="AY30" s="261">
        <v>14</v>
      </c>
      <c r="AZ30" s="261">
        <v>24</v>
      </c>
      <c r="BA30" s="261">
        <v>18</v>
      </c>
      <c r="BB30" s="261">
        <v>20</v>
      </c>
      <c r="BC30" s="261">
        <v>11</v>
      </c>
      <c r="BD30" s="262">
        <v>87</v>
      </c>
      <c r="BE30" s="263">
        <v>90</v>
      </c>
      <c r="BF30" s="257">
        <v>0</v>
      </c>
      <c r="BG30" s="261">
        <v>0</v>
      </c>
      <c r="BH30" s="258">
        <v>0</v>
      </c>
      <c r="BI30" s="260">
        <v>0</v>
      </c>
      <c r="BJ30" s="261">
        <v>34</v>
      </c>
      <c r="BK30" s="261">
        <v>31</v>
      </c>
      <c r="BL30" s="261">
        <v>17</v>
      </c>
      <c r="BM30" s="261">
        <v>11</v>
      </c>
      <c r="BN30" s="261">
        <v>5</v>
      </c>
      <c r="BO30" s="258">
        <v>98</v>
      </c>
      <c r="BP30" s="263">
        <v>98</v>
      </c>
      <c r="BQ30" s="257">
        <v>1</v>
      </c>
      <c r="BR30" s="261">
        <v>3</v>
      </c>
      <c r="BS30" s="258">
        <v>4</v>
      </c>
      <c r="BT30" s="260">
        <v>0</v>
      </c>
      <c r="BU30" s="261">
        <v>6</v>
      </c>
      <c r="BV30" s="261">
        <v>18</v>
      </c>
      <c r="BW30" s="261">
        <v>6</v>
      </c>
      <c r="BX30" s="261">
        <v>5</v>
      </c>
      <c r="BY30" s="261">
        <v>4</v>
      </c>
      <c r="BZ30" s="258">
        <v>39</v>
      </c>
      <c r="CA30" s="263">
        <v>43</v>
      </c>
      <c r="CB30" s="257">
        <v>0</v>
      </c>
      <c r="CC30" s="261">
        <v>1</v>
      </c>
      <c r="CD30" s="258">
        <v>1</v>
      </c>
      <c r="CE30" s="260">
        <v>0</v>
      </c>
      <c r="CF30" s="261">
        <v>3</v>
      </c>
      <c r="CG30" s="261">
        <v>7</v>
      </c>
      <c r="CH30" s="261">
        <v>9</v>
      </c>
      <c r="CI30" s="261">
        <v>7</v>
      </c>
      <c r="CJ30" s="261">
        <v>2</v>
      </c>
      <c r="CK30" s="258">
        <v>28</v>
      </c>
      <c r="CL30" s="263">
        <v>29</v>
      </c>
      <c r="CM30" s="257">
        <v>0</v>
      </c>
      <c r="CN30" s="261">
        <v>0</v>
      </c>
      <c r="CO30" s="258">
        <v>0</v>
      </c>
      <c r="CP30" s="260">
        <v>0</v>
      </c>
      <c r="CQ30" s="261">
        <v>1</v>
      </c>
      <c r="CR30" s="261">
        <v>1</v>
      </c>
      <c r="CS30" s="261">
        <v>4</v>
      </c>
      <c r="CT30" s="261">
        <v>2</v>
      </c>
      <c r="CU30" s="261">
        <v>0</v>
      </c>
      <c r="CV30" s="258">
        <v>8</v>
      </c>
      <c r="CW30" s="263">
        <v>8</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8</v>
      </c>
      <c r="DU30" s="261">
        <v>17</v>
      </c>
      <c r="DV30" s="258">
        <v>25</v>
      </c>
      <c r="DW30" s="260">
        <v>0</v>
      </c>
      <c r="DX30" s="261">
        <v>46</v>
      </c>
      <c r="DY30" s="261">
        <v>60</v>
      </c>
      <c r="DZ30" s="261">
        <v>31</v>
      </c>
      <c r="EA30" s="261">
        <v>23</v>
      </c>
      <c r="EB30" s="261">
        <v>11</v>
      </c>
      <c r="EC30" s="258">
        <v>171</v>
      </c>
      <c r="ED30" s="263">
        <v>196</v>
      </c>
      <c r="EE30" s="257">
        <v>0</v>
      </c>
      <c r="EF30" s="261">
        <v>0</v>
      </c>
      <c r="EG30" s="258">
        <v>0</v>
      </c>
      <c r="EH30" s="260">
        <v>0</v>
      </c>
      <c r="EI30" s="261">
        <v>5</v>
      </c>
      <c r="EJ30" s="261">
        <v>8</v>
      </c>
      <c r="EK30" s="261">
        <v>5</v>
      </c>
      <c r="EL30" s="261">
        <v>4</v>
      </c>
      <c r="EM30" s="261">
        <v>1</v>
      </c>
      <c r="EN30" s="258">
        <v>23</v>
      </c>
      <c r="EO30" s="263">
        <v>23</v>
      </c>
      <c r="EP30" s="257">
        <v>9</v>
      </c>
      <c r="EQ30" s="261">
        <v>19</v>
      </c>
      <c r="ER30" s="258">
        <v>28</v>
      </c>
      <c r="ES30" s="260">
        <v>0</v>
      </c>
      <c r="ET30" s="261">
        <v>80</v>
      </c>
      <c r="EU30" s="261">
        <v>82</v>
      </c>
      <c r="EV30" s="261">
        <v>39</v>
      </c>
      <c r="EW30" s="261">
        <v>27</v>
      </c>
      <c r="EX30" s="261">
        <v>12</v>
      </c>
      <c r="EY30" s="258">
        <v>240</v>
      </c>
      <c r="EZ30" s="263">
        <v>268</v>
      </c>
    </row>
    <row r="31" spans="2:156" ht="21" customHeight="1" x14ac:dyDescent="0.2">
      <c r="B31" s="472" t="s">
        <v>29</v>
      </c>
      <c r="C31" s="257">
        <v>0</v>
      </c>
      <c r="D31" s="261">
        <v>0</v>
      </c>
      <c r="E31" s="358">
        <v>0</v>
      </c>
      <c r="F31" s="260">
        <v>0</v>
      </c>
      <c r="G31" s="261">
        <v>23</v>
      </c>
      <c r="H31" s="261">
        <v>25</v>
      </c>
      <c r="I31" s="261">
        <v>16</v>
      </c>
      <c r="J31" s="261">
        <v>12</v>
      </c>
      <c r="K31" s="261">
        <v>10</v>
      </c>
      <c r="L31" s="262">
        <v>86</v>
      </c>
      <c r="M31" s="263">
        <v>86</v>
      </c>
      <c r="N31" s="257">
        <v>0</v>
      </c>
      <c r="O31" s="261">
        <v>0</v>
      </c>
      <c r="P31" s="258">
        <v>0</v>
      </c>
      <c r="Q31" s="260">
        <v>0</v>
      </c>
      <c r="R31" s="261">
        <v>0</v>
      </c>
      <c r="S31" s="261">
        <v>1</v>
      </c>
      <c r="T31" s="261">
        <v>1</v>
      </c>
      <c r="U31" s="261">
        <v>2</v>
      </c>
      <c r="V31" s="261">
        <v>8</v>
      </c>
      <c r="W31" s="258">
        <v>12</v>
      </c>
      <c r="X31" s="263">
        <v>12</v>
      </c>
      <c r="Y31" s="257">
        <v>2</v>
      </c>
      <c r="Z31" s="261">
        <v>5</v>
      </c>
      <c r="AA31" s="258">
        <v>7</v>
      </c>
      <c r="AB31" s="260">
        <v>0</v>
      </c>
      <c r="AC31" s="261">
        <v>24</v>
      </c>
      <c r="AD31" s="261">
        <v>18</v>
      </c>
      <c r="AE31" s="261">
        <v>15</v>
      </c>
      <c r="AF31" s="261">
        <v>11</v>
      </c>
      <c r="AG31" s="261">
        <v>12</v>
      </c>
      <c r="AH31" s="258">
        <v>80</v>
      </c>
      <c r="AI31" s="263">
        <v>87</v>
      </c>
      <c r="AJ31" s="257">
        <v>0</v>
      </c>
      <c r="AK31" s="261">
        <v>1</v>
      </c>
      <c r="AL31" s="258">
        <v>1</v>
      </c>
      <c r="AM31" s="260">
        <v>0</v>
      </c>
      <c r="AN31" s="261">
        <v>2</v>
      </c>
      <c r="AO31" s="261">
        <v>1</v>
      </c>
      <c r="AP31" s="261">
        <v>3</v>
      </c>
      <c r="AQ31" s="261">
        <v>2</v>
      </c>
      <c r="AR31" s="261">
        <v>0</v>
      </c>
      <c r="AS31" s="258">
        <v>8</v>
      </c>
      <c r="AT31" s="263">
        <v>9</v>
      </c>
      <c r="AU31" s="257">
        <v>1</v>
      </c>
      <c r="AV31" s="261">
        <v>2</v>
      </c>
      <c r="AW31" s="258">
        <v>3</v>
      </c>
      <c r="AX31" s="260">
        <v>0</v>
      </c>
      <c r="AY31" s="261">
        <v>19</v>
      </c>
      <c r="AZ31" s="261">
        <v>26</v>
      </c>
      <c r="BA31" s="261">
        <v>22</v>
      </c>
      <c r="BB31" s="261">
        <v>22</v>
      </c>
      <c r="BC31" s="261">
        <v>12</v>
      </c>
      <c r="BD31" s="262">
        <v>101</v>
      </c>
      <c r="BE31" s="263">
        <v>104</v>
      </c>
      <c r="BF31" s="257">
        <v>0</v>
      </c>
      <c r="BG31" s="261">
        <v>0</v>
      </c>
      <c r="BH31" s="258">
        <v>0</v>
      </c>
      <c r="BI31" s="260">
        <v>0</v>
      </c>
      <c r="BJ31" s="261">
        <v>33</v>
      </c>
      <c r="BK31" s="261">
        <v>40</v>
      </c>
      <c r="BL31" s="261">
        <v>31</v>
      </c>
      <c r="BM31" s="261">
        <v>11</v>
      </c>
      <c r="BN31" s="261">
        <v>6</v>
      </c>
      <c r="BO31" s="258">
        <v>121</v>
      </c>
      <c r="BP31" s="263">
        <v>121</v>
      </c>
      <c r="BQ31" s="257">
        <v>3</v>
      </c>
      <c r="BR31" s="261">
        <v>4</v>
      </c>
      <c r="BS31" s="258">
        <v>7</v>
      </c>
      <c r="BT31" s="260">
        <v>0</v>
      </c>
      <c r="BU31" s="261">
        <v>16</v>
      </c>
      <c r="BV31" s="261">
        <v>9</v>
      </c>
      <c r="BW31" s="261">
        <v>9</v>
      </c>
      <c r="BX31" s="261">
        <v>0</v>
      </c>
      <c r="BY31" s="261">
        <v>0</v>
      </c>
      <c r="BZ31" s="258">
        <v>34</v>
      </c>
      <c r="CA31" s="263">
        <v>41</v>
      </c>
      <c r="CB31" s="257">
        <v>0</v>
      </c>
      <c r="CC31" s="261">
        <v>0</v>
      </c>
      <c r="CD31" s="258">
        <v>0</v>
      </c>
      <c r="CE31" s="260">
        <v>0</v>
      </c>
      <c r="CF31" s="261">
        <v>5</v>
      </c>
      <c r="CG31" s="261">
        <v>7</v>
      </c>
      <c r="CH31" s="261">
        <v>17</v>
      </c>
      <c r="CI31" s="261">
        <v>3</v>
      </c>
      <c r="CJ31" s="261">
        <v>7</v>
      </c>
      <c r="CK31" s="258">
        <v>39</v>
      </c>
      <c r="CL31" s="263">
        <v>39</v>
      </c>
      <c r="CM31" s="257">
        <v>0</v>
      </c>
      <c r="CN31" s="261">
        <v>0</v>
      </c>
      <c r="CO31" s="258">
        <v>0</v>
      </c>
      <c r="CP31" s="260">
        <v>0</v>
      </c>
      <c r="CQ31" s="261">
        <v>2</v>
      </c>
      <c r="CR31" s="261">
        <v>3</v>
      </c>
      <c r="CS31" s="261">
        <v>1</v>
      </c>
      <c r="CT31" s="261">
        <v>0</v>
      </c>
      <c r="CU31" s="261">
        <v>2</v>
      </c>
      <c r="CV31" s="258">
        <v>8</v>
      </c>
      <c r="CW31" s="263">
        <v>8</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22</v>
      </c>
      <c r="DU31" s="261">
        <v>32</v>
      </c>
      <c r="DV31" s="258">
        <v>54</v>
      </c>
      <c r="DW31" s="260">
        <v>0</v>
      </c>
      <c r="DX31" s="261">
        <v>43</v>
      </c>
      <c r="DY31" s="261">
        <v>56</v>
      </c>
      <c r="DZ31" s="261">
        <v>54</v>
      </c>
      <c r="EA31" s="261">
        <v>30</v>
      </c>
      <c r="EB31" s="261">
        <v>23</v>
      </c>
      <c r="EC31" s="258">
        <v>206</v>
      </c>
      <c r="ED31" s="263">
        <v>260</v>
      </c>
      <c r="EE31" s="257">
        <v>1</v>
      </c>
      <c r="EF31" s="261">
        <v>0</v>
      </c>
      <c r="EG31" s="258">
        <v>1</v>
      </c>
      <c r="EH31" s="260">
        <v>0</v>
      </c>
      <c r="EI31" s="261">
        <v>6</v>
      </c>
      <c r="EJ31" s="261">
        <v>8</v>
      </c>
      <c r="EK31" s="261">
        <v>3</v>
      </c>
      <c r="EL31" s="261">
        <v>8</v>
      </c>
      <c r="EM31" s="261">
        <v>4</v>
      </c>
      <c r="EN31" s="258">
        <v>29</v>
      </c>
      <c r="EO31" s="263">
        <v>30</v>
      </c>
      <c r="EP31" s="257">
        <v>27</v>
      </c>
      <c r="EQ31" s="261">
        <v>37</v>
      </c>
      <c r="ER31" s="258">
        <v>64</v>
      </c>
      <c r="ES31" s="260">
        <v>0</v>
      </c>
      <c r="ET31" s="261">
        <v>91</v>
      </c>
      <c r="EU31" s="261">
        <v>83</v>
      </c>
      <c r="EV31" s="261">
        <v>62</v>
      </c>
      <c r="EW31" s="261">
        <v>28</v>
      </c>
      <c r="EX31" s="261">
        <v>23</v>
      </c>
      <c r="EY31" s="258">
        <v>287</v>
      </c>
      <c r="EZ31" s="263">
        <v>351</v>
      </c>
    </row>
    <row r="32" spans="2:156" ht="21" customHeight="1" x14ac:dyDescent="0.2">
      <c r="B32" s="472" t="s">
        <v>30</v>
      </c>
      <c r="C32" s="257">
        <v>0</v>
      </c>
      <c r="D32" s="261">
        <v>0</v>
      </c>
      <c r="E32" s="358">
        <v>0</v>
      </c>
      <c r="F32" s="260">
        <v>0</v>
      </c>
      <c r="G32" s="261">
        <v>22</v>
      </c>
      <c r="H32" s="261">
        <v>16</v>
      </c>
      <c r="I32" s="261">
        <v>16</v>
      </c>
      <c r="J32" s="261">
        <v>19</v>
      </c>
      <c r="K32" s="261">
        <v>5</v>
      </c>
      <c r="L32" s="262">
        <v>78</v>
      </c>
      <c r="M32" s="263">
        <v>78</v>
      </c>
      <c r="N32" s="257">
        <v>0</v>
      </c>
      <c r="O32" s="261">
        <v>0</v>
      </c>
      <c r="P32" s="258">
        <v>0</v>
      </c>
      <c r="Q32" s="260">
        <v>0</v>
      </c>
      <c r="R32" s="261">
        <v>2</v>
      </c>
      <c r="S32" s="261">
        <v>0</v>
      </c>
      <c r="T32" s="261">
        <v>3</v>
      </c>
      <c r="U32" s="261">
        <v>7</v>
      </c>
      <c r="V32" s="261">
        <v>4</v>
      </c>
      <c r="W32" s="258">
        <v>16</v>
      </c>
      <c r="X32" s="263">
        <v>16</v>
      </c>
      <c r="Y32" s="257">
        <v>4</v>
      </c>
      <c r="Z32" s="261">
        <v>5</v>
      </c>
      <c r="AA32" s="258">
        <v>9</v>
      </c>
      <c r="AB32" s="260">
        <v>0</v>
      </c>
      <c r="AC32" s="261">
        <v>20</v>
      </c>
      <c r="AD32" s="261">
        <v>19</v>
      </c>
      <c r="AE32" s="261">
        <v>13</v>
      </c>
      <c r="AF32" s="261">
        <v>18</v>
      </c>
      <c r="AG32" s="261">
        <v>4</v>
      </c>
      <c r="AH32" s="258">
        <v>74</v>
      </c>
      <c r="AI32" s="263">
        <v>83</v>
      </c>
      <c r="AJ32" s="257">
        <v>2</v>
      </c>
      <c r="AK32" s="261">
        <v>0</v>
      </c>
      <c r="AL32" s="258">
        <v>2</v>
      </c>
      <c r="AM32" s="260">
        <v>0</v>
      </c>
      <c r="AN32" s="261">
        <v>3</v>
      </c>
      <c r="AO32" s="261">
        <v>1</v>
      </c>
      <c r="AP32" s="261">
        <v>3</v>
      </c>
      <c r="AQ32" s="261">
        <v>1</v>
      </c>
      <c r="AR32" s="261">
        <v>0</v>
      </c>
      <c r="AS32" s="258">
        <v>8</v>
      </c>
      <c r="AT32" s="263">
        <v>10</v>
      </c>
      <c r="AU32" s="257">
        <v>2</v>
      </c>
      <c r="AV32" s="261">
        <v>1</v>
      </c>
      <c r="AW32" s="258">
        <v>3</v>
      </c>
      <c r="AX32" s="260">
        <v>0</v>
      </c>
      <c r="AY32" s="261">
        <v>22</v>
      </c>
      <c r="AZ32" s="261">
        <v>19</v>
      </c>
      <c r="BA32" s="261">
        <v>20</v>
      </c>
      <c r="BB32" s="261">
        <v>24</v>
      </c>
      <c r="BC32" s="261">
        <v>6</v>
      </c>
      <c r="BD32" s="262">
        <v>91</v>
      </c>
      <c r="BE32" s="263">
        <v>94</v>
      </c>
      <c r="BF32" s="257">
        <v>0</v>
      </c>
      <c r="BG32" s="261">
        <v>0</v>
      </c>
      <c r="BH32" s="258">
        <v>0</v>
      </c>
      <c r="BI32" s="260">
        <v>0</v>
      </c>
      <c r="BJ32" s="261">
        <v>30</v>
      </c>
      <c r="BK32" s="261">
        <v>23</v>
      </c>
      <c r="BL32" s="261">
        <v>16</v>
      </c>
      <c r="BM32" s="261">
        <v>13</v>
      </c>
      <c r="BN32" s="261">
        <v>2</v>
      </c>
      <c r="BO32" s="258">
        <v>84</v>
      </c>
      <c r="BP32" s="263">
        <v>84</v>
      </c>
      <c r="BQ32" s="257">
        <v>4</v>
      </c>
      <c r="BR32" s="261">
        <v>7</v>
      </c>
      <c r="BS32" s="258">
        <v>11</v>
      </c>
      <c r="BT32" s="260">
        <v>0</v>
      </c>
      <c r="BU32" s="261">
        <v>8</v>
      </c>
      <c r="BV32" s="261">
        <v>8</v>
      </c>
      <c r="BW32" s="261">
        <v>5</v>
      </c>
      <c r="BX32" s="261">
        <v>4</v>
      </c>
      <c r="BY32" s="261">
        <v>0</v>
      </c>
      <c r="BZ32" s="258">
        <v>25</v>
      </c>
      <c r="CA32" s="263">
        <v>36</v>
      </c>
      <c r="CB32" s="257">
        <v>0</v>
      </c>
      <c r="CC32" s="261">
        <v>1</v>
      </c>
      <c r="CD32" s="258">
        <v>1</v>
      </c>
      <c r="CE32" s="260">
        <v>0</v>
      </c>
      <c r="CF32" s="261">
        <v>5</v>
      </c>
      <c r="CG32" s="261">
        <v>5</v>
      </c>
      <c r="CH32" s="261">
        <v>9</v>
      </c>
      <c r="CI32" s="261">
        <v>4</v>
      </c>
      <c r="CJ32" s="261">
        <v>1</v>
      </c>
      <c r="CK32" s="258">
        <v>24</v>
      </c>
      <c r="CL32" s="263">
        <v>25</v>
      </c>
      <c r="CM32" s="257">
        <v>0</v>
      </c>
      <c r="CN32" s="261">
        <v>0</v>
      </c>
      <c r="CO32" s="258">
        <v>0</v>
      </c>
      <c r="CP32" s="260">
        <v>0</v>
      </c>
      <c r="CQ32" s="261">
        <v>1</v>
      </c>
      <c r="CR32" s="261">
        <v>1</v>
      </c>
      <c r="CS32" s="261">
        <v>1</v>
      </c>
      <c r="CT32" s="261">
        <v>1</v>
      </c>
      <c r="CU32" s="261">
        <v>1</v>
      </c>
      <c r="CV32" s="258">
        <v>5</v>
      </c>
      <c r="CW32" s="263">
        <v>5</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41</v>
      </c>
      <c r="DU32" s="261">
        <v>24</v>
      </c>
      <c r="DV32" s="258">
        <v>65</v>
      </c>
      <c r="DW32" s="260">
        <v>0</v>
      </c>
      <c r="DX32" s="261">
        <v>49</v>
      </c>
      <c r="DY32" s="261">
        <v>49</v>
      </c>
      <c r="DZ32" s="261">
        <v>47</v>
      </c>
      <c r="EA32" s="261">
        <v>35</v>
      </c>
      <c r="EB32" s="261">
        <v>10</v>
      </c>
      <c r="EC32" s="258">
        <v>190</v>
      </c>
      <c r="ED32" s="263">
        <v>255</v>
      </c>
      <c r="EE32" s="257">
        <v>1</v>
      </c>
      <c r="EF32" s="261">
        <v>0</v>
      </c>
      <c r="EG32" s="258">
        <v>1</v>
      </c>
      <c r="EH32" s="260">
        <v>0</v>
      </c>
      <c r="EI32" s="261">
        <v>8</v>
      </c>
      <c r="EJ32" s="261">
        <v>7</v>
      </c>
      <c r="EK32" s="261">
        <v>5</v>
      </c>
      <c r="EL32" s="261">
        <v>1</v>
      </c>
      <c r="EM32" s="261">
        <v>2</v>
      </c>
      <c r="EN32" s="258">
        <v>23</v>
      </c>
      <c r="EO32" s="263">
        <v>24</v>
      </c>
      <c r="EP32" s="257">
        <v>45</v>
      </c>
      <c r="EQ32" s="261">
        <v>27</v>
      </c>
      <c r="ER32" s="258">
        <v>72</v>
      </c>
      <c r="ES32" s="260">
        <v>0</v>
      </c>
      <c r="ET32" s="261">
        <v>85</v>
      </c>
      <c r="EU32" s="261">
        <v>60</v>
      </c>
      <c r="EV32" s="261">
        <v>50</v>
      </c>
      <c r="EW32" s="261">
        <v>40</v>
      </c>
      <c r="EX32" s="261">
        <v>11</v>
      </c>
      <c r="EY32" s="258">
        <v>246</v>
      </c>
      <c r="EZ32" s="263">
        <v>318</v>
      </c>
    </row>
    <row r="33" spans="2:156" ht="21" customHeight="1" x14ac:dyDescent="0.2">
      <c r="B33" s="472" t="s">
        <v>31</v>
      </c>
      <c r="C33" s="257">
        <v>0</v>
      </c>
      <c r="D33" s="261">
        <v>0</v>
      </c>
      <c r="E33" s="358">
        <v>0</v>
      </c>
      <c r="F33" s="260">
        <v>0</v>
      </c>
      <c r="G33" s="261">
        <v>10</v>
      </c>
      <c r="H33" s="261">
        <v>12</v>
      </c>
      <c r="I33" s="261">
        <v>9</v>
      </c>
      <c r="J33" s="261">
        <v>8</v>
      </c>
      <c r="K33" s="261">
        <v>5</v>
      </c>
      <c r="L33" s="262">
        <v>44</v>
      </c>
      <c r="M33" s="263">
        <v>44</v>
      </c>
      <c r="N33" s="257">
        <v>0</v>
      </c>
      <c r="O33" s="261">
        <v>0</v>
      </c>
      <c r="P33" s="258">
        <v>0</v>
      </c>
      <c r="Q33" s="260">
        <v>0</v>
      </c>
      <c r="R33" s="261">
        <v>1</v>
      </c>
      <c r="S33" s="261">
        <v>1</v>
      </c>
      <c r="T33" s="261">
        <v>3</v>
      </c>
      <c r="U33" s="261">
        <v>6</v>
      </c>
      <c r="V33" s="261">
        <v>2</v>
      </c>
      <c r="W33" s="258">
        <v>13</v>
      </c>
      <c r="X33" s="263">
        <v>13</v>
      </c>
      <c r="Y33" s="257">
        <v>3</v>
      </c>
      <c r="Z33" s="261">
        <v>6</v>
      </c>
      <c r="AA33" s="258">
        <v>9</v>
      </c>
      <c r="AB33" s="260">
        <v>0</v>
      </c>
      <c r="AC33" s="261">
        <v>15</v>
      </c>
      <c r="AD33" s="261">
        <v>17</v>
      </c>
      <c r="AE33" s="261">
        <v>16</v>
      </c>
      <c r="AF33" s="261">
        <v>19</v>
      </c>
      <c r="AG33" s="261">
        <v>5</v>
      </c>
      <c r="AH33" s="258">
        <v>72</v>
      </c>
      <c r="AI33" s="263">
        <v>81</v>
      </c>
      <c r="AJ33" s="257">
        <v>1</v>
      </c>
      <c r="AK33" s="261">
        <v>2</v>
      </c>
      <c r="AL33" s="258">
        <v>3</v>
      </c>
      <c r="AM33" s="260">
        <v>0</v>
      </c>
      <c r="AN33" s="261">
        <v>2</v>
      </c>
      <c r="AO33" s="261">
        <v>2</v>
      </c>
      <c r="AP33" s="261">
        <v>3</v>
      </c>
      <c r="AQ33" s="261">
        <v>2</v>
      </c>
      <c r="AR33" s="261">
        <v>0</v>
      </c>
      <c r="AS33" s="258">
        <v>9</v>
      </c>
      <c r="AT33" s="263">
        <v>12</v>
      </c>
      <c r="AU33" s="257">
        <v>2</v>
      </c>
      <c r="AV33" s="261">
        <v>0</v>
      </c>
      <c r="AW33" s="258">
        <v>2</v>
      </c>
      <c r="AX33" s="260">
        <v>0</v>
      </c>
      <c r="AY33" s="261">
        <v>9</v>
      </c>
      <c r="AZ33" s="261">
        <v>19</v>
      </c>
      <c r="BA33" s="261">
        <v>11</v>
      </c>
      <c r="BB33" s="261">
        <v>18</v>
      </c>
      <c r="BC33" s="261">
        <v>10</v>
      </c>
      <c r="BD33" s="262">
        <v>67</v>
      </c>
      <c r="BE33" s="263">
        <v>69</v>
      </c>
      <c r="BF33" s="257">
        <v>0</v>
      </c>
      <c r="BG33" s="261">
        <v>0</v>
      </c>
      <c r="BH33" s="258">
        <v>0</v>
      </c>
      <c r="BI33" s="260">
        <v>0</v>
      </c>
      <c r="BJ33" s="261">
        <v>41</v>
      </c>
      <c r="BK33" s="261">
        <v>40</v>
      </c>
      <c r="BL33" s="261">
        <v>19</v>
      </c>
      <c r="BM33" s="261">
        <v>14</v>
      </c>
      <c r="BN33" s="261">
        <v>5</v>
      </c>
      <c r="BO33" s="258">
        <v>119</v>
      </c>
      <c r="BP33" s="263">
        <v>119</v>
      </c>
      <c r="BQ33" s="257">
        <v>0</v>
      </c>
      <c r="BR33" s="261">
        <v>1</v>
      </c>
      <c r="BS33" s="258">
        <v>1</v>
      </c>
      <c r="BT33" s="260">
        <v>0</v>
      </c>
      <c r="BU33" s="261">
        <v>6</v>
      </c>
      <c r="BV33" s="261">
        <v>5</v>
      </c>
      <c r="BW33" s="261">
        <v>8</v>
      </c>
      <c r="BX33" s="261">
        <v>4</v>
      </c>
      <c r="BY33" s="261">
        <v>1</v>
      </c>
      <c r="BZ33" s="258">
        <v>24</v>
      </c>
      <c r="CA33" s="263">
        <v>25</v>
      </c>
      <c r="CB33" s="257">
        <v>0</v>
      </c>
      <c r="CC33" s="261">
        <v>1</v>
      </c>
      <c r="CD33" s="258">
        <v>1</v>
      </c>
      <c r="CE33" s="260">
        <v>0</v>
      </c>
      <c r="CF33" s="261">
        <v>4</v>
      </c>
      <c r="CG33" s="261">
        <v>6</v>
      </c>
      <c r="CH33" s="261">
        <v>10</v>
      </c>
      <c r="CI33" s="261">
        <v>8</v>
      </c>
      <c r="CJ33" s="261">
        <v>1</v>
      </c>
      <c r="CK33" s="258">
        <v>29</v>
      </c>
      <c r="CL33" s="263">
        <v>30</v>
      </c>
      <c r="CM33" s="257">
        <v>0</v>
      </c>
      <c r="CN33" s="261">
        <v>0</v>
      </c>
      <c r="CO33" s="258">
        <v>0</v>
      </c>
      <c r="CP33" s="260">
        <v>0</v>
      </c>
      <c r="CQ33" s="261">
        <v>0</v>
      </c>
      <c r="CR33" s="261">
        <v>0</v>
      </c>
      <c r="CS33" s="261">
        <v>0</v>
      </c>
      <c r="CT33" s="261">
        <v>0</v>
      </c>
      <c r="CU33" s="261">
        <v>1</v>
      </c>
      <c r="CV33" s="258">
        <v>1</v>
      </c>
      <c r="CW33" s="263">
        <v>1</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19</v>
      </c>
      <c r="DU33" s="261">
        <v>56</v>
      </c>
      <c r="DV33" s="258">
        <v>75</v>
      </c>
      <c r="DW33" s="260">
        <v>0</v>
      </c>
      <c r="DX33" s="261">
        <v>55</v>
      </c>
      <c r="DY33" s="261">
        <v>57</v>
      </c>
      <c r="DZ33" s="261">
        <v>45</v>
      </c>
      <c r="EA33" s="261">
        <v>32</v>
      </c>
      <c r="EB33" s="261">
        <v>11</v>
      </c>
      <c r="EC33" s="258">
        <v>200</v>
      </c>
      <c r="ED33" s="263">
        <v>275</v>
      </c>
      <c r="EE33" s="257">
        <v>2</v>
      </c>
      <c r="EF33" s="261">
        <v>1</v>
      </c>
      <c r="EG33" s="258">
        <v>3</v>
      </c>
      <c r="EH33" s="260">
        <v>0</v>
      </c>
      <c r="EI33" s="261">
        <v>5</v>
      </c>
      <c r="EJ33" s="261">
        <v>8</v>
      </c>
      <c r="EK33" s="261">
        <v>6</v>
      </c>
      <c r="EL33" s="261">
        <v>3</v>
      </c>
      <c r="EM33" s="261">
        <v>0</v>
      </c>
      <c r="EN33" s="258">
        <v>22</v>
      </c>
      <c r="EO33" s="263">
        <v>25</v>
      </c>
      <c r="EP33" s="257">
        <v>22</v>
      </c>
      <c r="EQ33" s="261">
        <v>61</v>
      </c>
      <c r="ER33" s="258">
        <v>83</v>
      </c>
      <c r="ES33" s="260">
        <v>0</v>
      </c>
      <c r="ET33" s="261">
        <v>95</v>
      </c>
      <c r="EU33" s="261">
        <v>82</v>
      </c>
      <c r="EV33" s="261">
        <v>47</v>
      </c>
      <c r="EW33" s="261">
        <v>33</v>
      </c>
      <c r="EX33" s="261">
        <v>11</v>
      </c>
      <c r="EY33" s="258">
        <v>268</v>
      </c>
      <c r="EZ33" s="263">
        <v>351</v>
      </c>
    </row>
    <row r="34" spans="2:156" ht="21" customHeight="1" x14ac:dyDescent="0.2">
      <c r="B34" s="472" t="s">
        <v>32</v>
      </c>
      <c r="C34" s="257">
        <v>0</v>
      </c>
      <c r="D34" s="261">
        <v>0</v>
      </c>
      <c r="E34" s="358">
        <v>0</v>
      </c>
      <c r="F34" s="260">
        <v>0</v>
      </c>
      <c r="G34" s="261">
        <v>30</v>
      </c>
      <c r="H34" s="261">
        <v>21</v>
      </c>
      <c r="I34" s="261">
        <v>18</v>
      </c>
      <c r="J34" s="261">
        <v>9</v>
      </c>
      <c r="K34" s="261">
        <v>12</v>
      </c>
      <c r="L34" s="262">
        <v>90</v>
      </c>
      <c r="M34" s="263">
        <v>90</v>
      </c>
      <c r="N34" s="257">
        <v>0</v>
      </c>
      <c r="O34" s="261">
        <v>0</v>
      </c>
      <c r="P34" s="258">
        <v>0</v>
      </c>
      <c r="Q34" s="260">
        <v>0</v>
      </c>
      <c r="R34" s="261">
        <v>0</v>
      </c>
      <c r="S34" s="261">
        <v>0</v>
      </c>
      <c r="T34" s="261">
        <v>2</v>
      </c>
      <c r="U34" s="261">
        <v>4</v>
      </c>
      <c r="V34" s="261">
        <v>8</v>
      </c>
      <c r="W34" s="258">
        <v>14</v>
      </c>
      <c r="X34" s="263">
        <v>14</v>
      </c>
      <c r="Y34" s="257">
        <v>2</v>
      </c>
      <c r="Z34" s="261">
        <v>7</v>
      </c>
      <c r="AA34" s="258">
        <v>9</v>
      </c>
      <c r="AB34" s="260">
        <v>0</v>
      </c>
      <c r="AC34" s="261">
        <v>40</v>
      </c>
      <c r="AD34" s="261">
        <v>28</v>
      </c>
      <c r="AE34" s="261">
        <v>17</v>
      </c>
      <c r="AF34" s="261">
        <v>11</v>
      </c>
      <c r="AG34" s="261">
        <v>6</v>
      </c>
      <c r="AH34" s="258">
        <v>102</v>
      </c>
      <c r="AI34" s="263">
        <v>111</v>
      </c>
      <c r="AJ34" s="257">
        <v>0</v>
      </c>
      <c r="AK34" s="261">
        <v>1</v>
      </c>
      <c r="AL34" s="258">
        <v>1</v>
      </c>
      <c r="AM34" s="260">
        <v>0</v>
      </c>
      <c r="AN34" s="261">
        <v>5</v>
      </c>
      <c r="AO34" s="261">
        <v>2</v>
      </c>
      <c r="AP34" s="261">
        <v>0</v>
      </c>
      <c r="AQ34" s="261">
        <v>2</v>
      </c>
      <c r="AR34" s="261">
        <v>2</v>
      </c>
      <c r="AS34" s="258">
        <v>11</v>
      </c>
      <c r="AT34" s="263">
        <v>12</v>
      </c>
      <c r="AU34" s="257">
        <v>4</v>
      </c>
      <c r="AV34" s="261">
        <v>1</v>
      </c>
      <c r="AW34" s="258">
        <v>5</v>
      </c>
      <c r="AX34" s="260">
        <v>0</v>
      </c>
      <c r="AY34" s="261">
        <v>19</v>
      </c>
      <c r="AZ34" s="261">
        <v>25</v>
      </c>
      <c r="BA34" s="261">
        <v>28</v>
      </c>
      <c r="BB34" s="261">
        <v>25</v>
      </c>
      <c r="BC34" s="261">
        <v>25</v>
      </c>
      <c r="BD34" s="262">
        <v>122</v>
      </c>
      <c r="BE34" s="263">
        <v>127</v>
      </c>
      <c r="BF34" s="257">
        <v>0</v>
      </c>
      <c r="BG34" s="261">
        <v>0</v>
      </c>
      <c r="BH34" s="258">
        <v>0</v>
      </c>
      <c r="BI34" s="260">
        <v>0</v>
      </c>
      <c r="BJ34" s="261">
        <v>45</v>
      </c>
      <c r="BK34" s="261">
        <v>48</v>
      </c>
      <c r="BL34" s="261">
        <v>24</v>
      </c>
      <c r="BM34" s="261">
        <v>17</v>
      </c>
      <c r="BN34" s="261">
        <v>4</v>
      </c>
      <c r="BO34" s="258">
        <v>138</v>
      </c>
      <c r="BP34" s="263">
        <v>138</v>
      </c>
      <c r="BQ34" s="257">
        <v>1</v>
      </c>
      <c r="BR34" s="261">
        <v>3</v>
      </c>
      <c r="BS34" s="258">
        <v>4</v>
      </c>
      <c r="BT34" s="260">
        <v>0</v>
      </c>
      <c r="BU34" s="261">
        <v>12</v>
      </c>
      <c r="BV34" s="261">
        <v>15</v>
      </c>
      <c r="BW34" s="261">
        <v>5</v>
      </c>
      <c r="BX34" s="261">
        <v>5</v>
      </c>
      <c r="BY34" s="261">
        <v>3</v>
      </c>
      <c r="BZ34" s="258">
        <v>40</v>
      </c>
      <c r="CA34" s="263">
        <v>44</v>
      </c>
      <c r="CB34" s="257">
        <v>2</v>
      </c>
      <c r="CC34" s="261">
        <v>0</v>
      </c>
      <c r="CD34" s="258">
        <v>2</v>
      </c>
      <c r="CE34" s="260">
        <v>0</v>
      </c>
      <c r="CF34" s="261">
        <v>3</v>
      </c>
      <c r="CG34" s="261">
        <v>8</v>
      </c>
      <c r="CH34" s="261">
        <v>9</v>
      </c>
      <c r="CI34" s="261">
        <v>4</v>
      </c>
      <c r="CJ34" s="261">
        <v>4</v>
      </c>
      <c r="CK34" s="258">
        <v>28</v>
      </c>
      <c r="CL34" s="263">
        <v>30</v>
      </c>
      <c r="CM34" s="257">
        <v>0</v>
      </c>
      <c r="CN34" s="261">
        <v>0</v>
      </c>
      <c r="CO34" s="258">
        <v>0</v>
      </c>
      <c r="CP34" s="260">
        <v>0</v>
      </c>
      <c r="CQ34" s="261">
        <v>0</v>
      </c>
      <c r="CR34" s="261">
        <v>3</v>
      </c>
      <c r="CS34" s="261">
        <v>3</v>
      </c>
      <c r="CT34" s="261">
        <v>2</v>
      </c>
      <c r="CU34" s="261">
        <v>2</v>
      </c>
      <c r="CV34" s="258">
        <v>10</v>
      </c>
      <c r="CW34" s="263">
        <v>10</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18</v>
      </c>
      <c r="DU34" s="261">
        <v>45</v>
      </c>
      <c r="DV34" s="258">
        <v>63</v>
      </c>
      <c r="DW34" s="260">
        <v>0</v>
      </c>
      <c r="DX34" s="261">
        <v>72</v>
      </c>
      <c r="DY34" s="261">
        <v>86</v>
      </c>
      <c r="DZ34" s="261">
        <v>52</v>
      </c>
      <c r="EA34" s="261">
        <v>33</v>
      </c>
      <c r="EB34" s="261">
        <v>17</v>
      </c>
      <c r="EC34" s="258">
        <v>260</v>
      </c>
      <c r="ED34" s="263">
        <v>323</v>
      </c>
      <c r="EE34" s="257">
        <v>3</v>
      </c>
      <c r="EF34" s="261">
        <v>1</v>
      </c>
      <c r="EG34" s="258">
        <v>4</v>
      </c>
      <c r="EH34" s="260">
        <v>0</v>
      </c>
      <c r="EI34" s="261">
        <v>8</v>
      </c>
      <c r="EJ34" s="261">
        <v>8</v>
      </c>
      <c r="EK34" s="261">
        <v>8</v>
      </c>
      <c r="EL34" s="261">
        <v>11</v>
      </c>
      <c r="EM34" s="261">
        <v>5</v>
      </c>
      <c r="EN34" s="258">
        <v>40</v>
      </c>
      <c r="EO34" s="263">
        <v>44</v>
      </c>
      <c r="EP34" s="257">
        <v>20</v>
      </c>
      <c r="EQ34" s="261">
        <v>47</v>
      </c>
      <c r="ER34" s="258">
        <v>67</v>
      </c>
      <c r="ES34" s="260">
        <v>0</v>
      </c>
      <c r="ET34" s="261">
        <v>134</v>
      </c>
      <c r="EU34" s="261">
        <v>119</v>
      </c>
      <c r="EV34" s="261">
        <v>64</v>
      </c>
      <c r="EW34" s="261">
        <v>32</v>
      </c>
      <c r="EX34" s="261">
        <v>23</v>
      </c>
      <c r="EY34" s="258">
        <v>372</v>
      </c>
      <c r="EZ34" s="263">
        <v>439</v>
      </c>
    </row>
    <row r="35" spans="2:156" ht="21" customHeight="1" x14ac:dyDescent="0.2">
      <c r="B35" s="472" t="s">
        <v>33</v>
      </c>
      <c r="C35" s="257">
        <v>0</v>
      </c>
      <c r="D35" s="261">
        <v>0</v>
      </c>
      <c r="E35" s="358">
        <v>0</v>
      </c>
      <c r="F35" s="260">
        <v>0</v>
      </c>
      <c r="G35" s="261">
        <v>19</v>
      </c>
      <c r="H35" s="261">
        <v>14</v>
      </c>
      <c r="I35" s="261">
        <v>11</v>
      </c>
      <c r="J35" s="261">
        <v>3</v>
      </c>
      <c r="K35" s="261">
        <v>8</v>
      </c>
      <c r="L35" s="262">
        <v>55</v>
      </c>
      <c r="M35" s="263">
        <v>55</v>
      </c>
      <c r="N35" s="257">
        <v>0</v>
      </c>
      <c r="O35" s="261">
        <v>0</v>
      </c>
      <c r="P35" s="258">
        <v>0</v>
      </c>
      <c r="Q35" s="260">
        <v>0</v>
      </c>
      <c r="R35" s="261">
        <v>1</v>
      </c>
      <c r="S35" s="261">
        <v>0</v>
      </c>
      <c r="T35" s="261">
        <v>1</v>
      </c>
      <c r="U35" s="261">
        <v>2</v>
      </c>
      <c r="V35" s="261">
        <v>4</v>
      </c>
      <c r="W35" s="258">
        <v>8</v>
      </c>
      <c r="X35" s="263">
        <v>8</v>
      </c>
      <c r="Y35" s="257">
        <v>0</v>
      </c>
      <c r="Z35" s="261">
        <v>2</v>
      </c>
      <c r="AA35" s="258">
        <v>2</v>
      </c>
      <c r="AB35" s="260">
        <v>0</v>
      </c>
      <c r="AC35" s="261">
        <v>20</v>
      </c>
      <c r="AD35" s="261">
        <v>14</v>
      </c>
      <c r="AE35" s="261">
        <v>4</v>
      </c>
      <c r="AF35" s="261">
        <v>6</v>
      </c>
      <c r="AG35" s="261">
        <v>6</v>
      </c>
      <c r="AH35" s="258">
        <v>50</v>
      </c>
      <c r="AI35" s="263">
        <v>52</v>
      </c>
      <c r="AJ35" s="257">
        <v>13</v>
      </c>
      <c r="AK35" s="261">
        <v>19</v>
      </c>
      <c r="AL35" s="258">
        <v>32</v>
      </c>
      <c r="AM35" s="260">
        <v>0</v>
      </c>
      <c r="AN35" s="261">
        <v>36</v>
      </c>
      <c r="AO35" s="261">
        <v>19</v>
      </c>
      <c r="AP35" s="261">
        <v>10</v>
      </c>
      <c r="AQ35" s="261">
        <v>3</v>
      </c>
      <c r="AR35" s="261">
        <v>3</v>
      </c>
      <c r="AS35" s="258">
        <v>71</v>
      </c>
      <c r="AT35" s="263">
        <v>103</v>
      </c>
      <c r="AU35" s="257">
        <v>4</v>
      </c>
      <c r="AV35" s="261">
        <v>12</v>
      </c>
      <c r="AW35" s="258">
        <v>16</v>
      </c>
      <c r="AX35" s="260">
        <v>0</v>
      </c>
      <c r="AY35" s="261">
        <v>27</v>
      </c>
      <c r="AZ35" s="261">
        <v>31</v>
      </c>
      <c r="BA35" s="261">
        <v>42</v>
      </c>
      <c r="BB35" s="261">
        <v>10</v>
      </c>
      <c r="BC35" s="261">
        <v>22</v>
      </c>
      <c r="BD35" s="262">
        <v>132</v>
      </c>
      <c r="BE35" s="263">
        <v>148</v>
      </c>
      <c r="BF35" s="257">
        <v>0</v>
      </c>
      <c r="BG35" s="261">
        <v>0</v>
      </c>
      <c r="BH35" s="258">
        <v>0</v>
      </c>
      <c r="BI35" s="260">
        <v>0</v>
      </c>
      <c r="BJ35" s="261">
        <v>8</v>
      </c>
      <c r="BK35" s="261">
        <v>8</v>
      </c>
      <c r="BL35" s="261">
        <v>5</v>
      </c>
      <c r="BM35" s="261">
        <v>2</v>
      </c>
      <c r="BN35" s="261">
        <v>4</v>
      </c>
      <c r="BO35" s="258">
        <v>27</v>
      </c>
      <c r="BP35" s="263">
        <v>27</v>
      </c>
      <c r="BQ35" s="257">
        <v>7</v>
      </c>
      <c r="BR35" s="261">
        <v>17</v>
      </c>
      <c r="BS35" s="258">
        <v>24</v>
      </c>
      <c r="BT35" s="260">
        <v>0</v>
      </c>
      <c r="BU35" s="261">
        <v>31</v>
      </c>
      <c r="BV35" s="261">
        <v>17</v>
      </c>
      <c r="BW35" s="261">
        <v>8</v>
      </c>
      <c r="BX35" s="261">
        <v>2</v>
      </c>
      <c r="BY35" s="261">
        <v>1</v>
      </c>
      <c r="BZ35" s="258">
        <v>59</v>
      </c>
      <c r="CA35" s="263">
        <v>83</v>
      </c>
      <c r="CB35" s="257">
        <v>0</v>
      </c>
      <c r="CC35" s="261">
        <v>1</v>
      </c>
      <c r="CD35" s="258">
        <v>1</v>
      </c>
      <c r="CE35" s="260">
        <v>0</v>
      </c>
      <c r="CF35" s="261">
        <v>2</v>
      </c>
      <c r="CG35" s="261">
        <v>6</v>
      </c>
      <c r="CH35" s="261">
        <v>8</v>
      </c>
      <c r="CI35" s="261">
        <v>4</v>
      </c>
      <c r="CJ35" s="261">
        <v>2</v>
      </c>
      <c r="CK35" s="258">
        <v>22</v>
      </c>
      <c r="CL35" s="263">
        <v>23</v>
      </c>
      <c r="CM35" s="257">
        <v>0</v>
      </c>
      <c r="CN35" s="261">
        <v>0</v>
      </c>
      <c r="CO35" s="258">
        <v>0</v>
      </c>
      <c r="CP35" s="260">
        <v>0</v>
      </c>
      <c r="CQ35" s="261">
        <v>1</v>
      </c>
      <c r="CR35" s="261">
        <v>1</v>
      </c>
      <c r="CS35" s="261">
        <v>0</v>
      </c>
      <c r="CT35" s="261">
        <v>0</v>
      </c>
      <c r="CU35" s="261">
        <v>0</v>
      </c>
      <c r="CV35" s="258">
        <v>2</v>
      </c>
      <c r="CW35" s="263">
        <v>2</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21</v>
      </c>
      <c r="DU35" s="261">
        <v>38</v>
      </c>
      <c r="DV35" s="258">
        <v>59</v>
      </c>
      <c r="DW35" s="260">
        <v>0</v>
      </c>
      <c r="DX35" s="261">
        <v>66</v>
      </c>
      <c r="DY35" s="261">
        <v>45</v>
      </c>
      <c r="DZ35" s="261">
        <v>29</v>
      </c>
      <c r="EA35" s="261">
        <v>15</v>
      </c>
      <c r="EB35" s="261">
        <v>18</v>
      </c>
      <c r="EC35" s="258">
        <v>173</v>
      </c>
      <c r="ED35" s="263">
        <v>232</v>
      </c>
      <c r="EE35" s="257">
        <v>2</v>
      </c>
      <c r="EF35" s="261">
        <v>6</v>
      </c>
      <c r="EG35" s="258">
        <v>8</v>
      </c>
      <c r="EH35" s="260">
        <v>0</v>
      </c>
      <c r="EI35" s="261">
        <v>11</v>
      </c>
      <c r="EJ35" s="261">
        <v>18</v>
      </c>
      <c r="EK35" s="261">
        <v>20</v>
      </c>
      <c r="EL35" s="261">
        <v>6</v>
      </c>
      <c r="EM35" s="261">
        <v>6</v>
      </c>
      <c r="EN35" s="258">
        <v>61</v>
      </c>
      <c r="EO35" s="263">
        <v>69</v>
      </c>
      <c r="EP35" s="257">
        <v>34</v>
      </c>
      <c r="EQ35" s="261">
        <v>60</v>
      </c>
      <c r="ER35" s="258">
        <v>94</v>
      </c>
      <c r="ES35" s="260">
        <v>0</v>
      </c>
      <c r="ET35" s="261">
        <v>104</v>
      </c>
      <c r="EU35" s="261">
        <v>62</v>
      </c>
      <c r="EV35" s="261">
        <v>39</v>
      </c>
      <c r="EW35" s="261">
        <v>14</v>
      </c>
      <c r="EX35" s="261">
        <v>16</v>
      </c>
      <c r="EY35" s="258">
        <v>235</v>
      </c>
      <c r="EZ35" s="263">
        <v>329</v>
      </c>
    </row>
    <row r="36" spans="2:156" ht="21" customHeight="1" x14ac:dyDescent="0.2">
      <c r="B36" s="472" t="s">
        <v>34</v>
      </c>
      <c r="C36" s="257">
        <v>0</v>
      </c>
      <c r="D36" s="261">
        <v>0</v>
      </c>
      <c r="E36" s="358">
        <v>0</v>
      </c>
      <c r="F36" s="260">
        <v>0</v>
      </c>
      <c r="G36" s="261">
        <v>16</v>
      </c>
      <c r="H36" s="261">
        <v>8</v>
      </c>
      <c r="I36" s="261">
        <v>3</v>
      </c>
      <c r="J36" s="261">
        <v>7</v>
      </c>
      <c r="K36" s="261">
        <v>3</v>
      </c>
      <c r="L36" s="262">
        <v>37</v>
      </c>
      <c r="M36" s="263">
        <v>37</v>
      </c>
      <c r="N36" s="257">
        <v>0</v>
      </c>
      <c r="O36" s="261">
        <v>0</v>
      </c>
      <c r="P36" s="258">
        <v>0</v>
      </c>
      <c r="Q36" s="260">
        <v>0</v>
      </c>
      <c r="R36" s="261">
        <v>0</v>
      </c>
      <c r="S36" s="261">
        <v>1</v>
      </c>
      <c r="T36" s="261">
        <v>0</v>
      </c>
      <c r="U36" s="261">
        <v>1</v>
      </c>
      <c r="V36" s="261">
        <v>6</v>
      </c>
      <c r="W36" s="258">
        <v>8</v>
      </c>
      <c r="X36" s="263">
        <v>8</v>
      </c>
      <c r="Y36" s="257">
        <v>0</v>
      </c>
      <c r="Z36" s="261">
        <v>9</v>
      </c>
      <c r="AA36" s="258">
        <v>9</v>
      </c>
      <c r="AB36" s="260">
        <v>0</v>
      </c>
      <c r="AC36" s="261">
        <v>20</v>
      </c>
      <c r="AD36" s="261">
        <v>12</v>
      </c>
      <c r="AE36" s="261">
        <v>7</v>
      </c>
      <c r="AF36" s="261">
        <v>10</v>
      </c>
      <c r="AG36" s="261">
        <v>8</v>
      </c>
      <c r="AH36" s="258">
        <v>57</v>
      </c>
      <c r="AI36" s="263">
        <v>66</v>
      </c>
      <c r="AJ36" s="257">
        <v>0</v>
      </c>
      <c r="AK36" s="261">
        <v>1</v>
      </c>
      <c r="AL36" s="258">
        <v>1</v>
      </c>
      <c r="AM36" s="260">
        <v>0</v>
      </c>
      <c r="AN36" s="261">
        <v>7</v>
      </c>
      <c r="AO36" s="261">
        <v>4</v>
      </c>
      <c r="AP36" s="261">
        <v>2</v>
      </c>
      <c r="AQ36" s="261">
        <v>1</v>
      </c>
      <c r="AR36" s="261">
        <v>1</v>
      </c>
      <c r="AS36" s="258">
        <v>15</v>
      </c>
      <c r="AT36" s="263">
        <v>16</v>
      </c>
      <c r="AU36" s="257">
        <v>4</v>
      </c>
      <c r="AV36" s="261">
        <v>4</v>
      </c>
      <c r="AW36" s="258">
        <v>8</v>
      </c>
      <c r="AX36" s="260">
        <v>0</v>
      </c>
      <c r="AY36" s="261">
        <v>35</v>
      </c>
      <c r="AZ36" s="261">
        <v>22</v>
      </c>
      <c r="BA36" s="261">
        <v>15</v>
      </c>
      <c r="BB36" s="261">
        <v>24</v>
      </c>
      <c r="BC36" s="261">
        <v>17</v>
      </c>
      <c r="BD36" s="262">
        <v>113</v>
      </c>
      <c r="BE36" s="263">
        <v>121</v>
      </c>
      <c r="BF36" s="257">
        <v>0</v>
      </c>
      <c r="BG36" s="261">
        <v>0</v>
      </c>
      <c r="BH36" s="258">
        <v>0</v>
      </c>
      <c r="BI36" s="260">
        <v>0</v>
      </c>
      <c r="BJ36" s="261">
        <v>30</v>
      </c>
      <c r="BK36" s="261">
        <v>14</v>
      </c>
      <c r="BL36" s="261">
        <v>9</v>
      </c>
      <c r="BM36" s="261">
        <v>13</v>
      </c>
      <c r="BN36" s="261">
        <v>2</v>
      </c>
      <c r="BO36" s="258">
        <v>68</v>
      </c>
      <c r="BP36" s="263">
        <v>68</v>
      </c>
      <c r="BQ36" s="257">
        <v>1</v>
      </c>
      <c r="BR36" s="261">
        <v>4</v>
      </c>
      <c r="BS36" s="258">
        <v>5</v>
      </c>
      <c r="BT36" s="260">
        <v>0</v>
      </c>
      <c r="BU36" s="261">
        <v>7</v>
      </c>
      <c r="BV36" s="261">
        <v>4</v>
      </c>
      <c r="BW36" s="261">
        <v>2</v>
      </c>
      <c r="BX36" s="261">
        <v>5</v>
      </c>
      <c r="BY36" s="261">
        <v>0</v>
      </c>
      <c r="BZ36" s="258">
        <v>18</v>
      </c>
      <c r="CA36" s="263">
        <v>23</v>
      </c>
      <c r="CB36" s="257">
        <v>0</v>
      </c>
      <c r="CC36" s="261">
        <v>0</v>
      </c>
      <c r="CD36" s="258">
        <v>0</v>
      </c>
      <c r="CE36" s="260">
        <v>0</v>
      </c>
      <c r="CF36" s="261">
        <v>3</v>
      </c>
      <c r="CG36" s="261">
        <v>2</v>
      </c>
      <c r="CH36" s="261">
        <v>2</v>
      </c>
      <c r="CI36" s="261">
        <v>3</v>
      </c>
      <c r="CJ36" s="261">
        <v>3</v>
      </c>
      <c r="CK36" s="258">
        <v>13</v>
      </c>
      <c r="CL36" s="263">
        <v>13</v>
      </c>
      <c r="CM36" s="257">
        <v>0</v>
      </c>
      <c r="CN36" s="261">
        <v>0</v>
      </c>
      <c r="CO36" s="258">
        <v>0</v>
      </c>
      <c r="CP36" s="260">
        <v>0</v>
      </c>
      <c r="CQ36" s="261">
        <v>0</v>
      </c>
      <c r="CR36" s="261">
        <v>1</v>
      </c>
      <c r="CS36" s="261">
        <v>0</v>
      </c>
      <c r="CT36" s="261">
        <v>1</v>
      </c>
      <c r="CU36" s="261">
        <v>0</v>
      </c>
      <c r="CV36" s="258">
        <v>2</v>
      </c>
      <c r="CW36" s="263">
        <v>2</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14</v>
      </c>
      <c r="DU36" s="261">
        <v>22</v>
      </c>
      <c r="DV36" s="258">
        <v>36</v>
      </c>
      <c r="DW36" s="260">
        <v>0</v>
      </c>
      <c r="DX36" s="261">
        <v>50</v>
      </c>
      <c r="DY36" s="261">
        <v>44</v>
      </c>
      <c r="DZ36" s="261">
        <v>23</v>
      </c>
      <c r="EA36" s="261">
        <v>26</v>
      </c>
      <c r="EB36" s="261">
        <v>9</v>
      </c>
      <c r="EC36" s="258">
        <v>152</v>
      </c>
      <c r="ED36" s="263">
        <v>188</v>
      </c>
      <c r="EE36" s="257">
        <v>2</v>
      </c>
      <c r="EF36" s="261">
        <v>2</v>
      </c>
      <c r="EG36" s="258">
        <v>4</v>
      </c>
      <c r="EH36" s="260">
        <v>0</v>
      </c>
      <c r="EI36" s="261">
        <v>14</v>
      </c>
      <c r="EJ36" s="261">
        <v>7</v>
      </c>
      <c r="EK36" s="261">
        <v>3</v>
      </c>
      <c r="EL36" s="261">
        <v>10</v>
      </c>
      <c r="EM36" s="261">
        <v>6</v>
      </c>
      <c r="EN36" s="258">
        <v>40</v>
      </c>
      <c r="EO36" s="263">
        <v>44</v>
      </c>
      <c r="EP36" s="257">
        <v>14</v>
      </c>
      <c r="EQ36" s="261">
        <v>28</v>
      </c>
      <c r="ER36" s="258">
        <v>42</v>
      </c>
      <c r="ES36" s="260">
        <v>0</v>
      </c>
      <c r="ET36" s="261">
        <v>82</v>
      </c>
      <c r="EU36" s="261">
        <v>46</v>
      </c>
      <c r="EV36" s="261">
        <v>20</v>
      </c>
      <c r="EW36" s="261">
        <v>25</v>
      </c>
      <c r="EX36" s="261">
        <v>9</v>
      </c>
      <c r="EY36" s="258">
        <v>182</v>
      </c>
      <c r="EZ36" s="263">
        <v>224</v>
      </c>
    </row>
    <row r="37" spans="2:156" ht="21" customHeight="1" x14ac:dyDescent="0.2">
      <c r="B37" s="472" t="s">
        <v>35</v>
      </c>
      <c r="C37" s="257">
        <v>0</v>
      </c>
      <c r="D37" s="261">
        <v>0</v>
      </c>
      <c r="E37" s="358">
        <v>0</v>
      </c>
      <c r="F37" s="260">
        <v>0</v>
      </c>
      <c r="G37" s="261">
        <v>110</v>
      </c>
      <c r="H37" s="261">
        <v>51</v>
      </c>
      <c r="I37" s="261">
        <v>43</v>
      </c>
      <c r="J37" s="261">
        <v>39</v>
      </c>
      <c r="K37" s="261">
        <v>16</v>
      </c>
      <c r="L37" s="262">
        <v>259</v>
      </c>
      <c r="M37" s="263">
        <v>259</v>
      </c>
      <c r="N37" s="257">
        <v>0</v>
      </c>
      <c r="O37" s="261">
        <v>0</v>
      </c>
      <c r="P37" s="258">
        <v>0</v>
      </c>
      <c r="Q37" s="260">
        <v>0</v>
      </c>
      <c r="R37" s="261">
        <v>0</v>
      </c>
      <c r="S37" s="261">
        <v>3</v>
      </c>
      <c r="T37" s="261">
        <v>4</v>
      </c>
      <c r="U37" s="261">
        <v>13</v>
      </c>
      <c r="V37" s="261">
        <v>9</v>
      </c>
      <c r="W37" s="258">
        <v>29</v>
      </c>
      <c r="X37" s="263">
        <v>29</v>
      </c>
      <c r="Y37" s="257">
        <v>3</v>
      </c>
      <c r="Z37" s="261">
        <v>9</v>
      </c>
      <c r="AA37" s="258">
        <v>12</v>
      </c>
      <c r="AB37" s="260">
        <v>0</v>
      </c>
      <c r="AC37" s="261">
        <v>49</v>
      </c>
      <c r="AD37" s="261">
        <v>32</v>
      </c>
      <c r="AE37" s="261">
        <v>32</v>
      </c>
      <c r="AF37" s="261">
        <v>28</v>
      </c>
      <c r="AG37" s="261">
        <v>15</v>
      </c>
      <c r="AH37" s="258">
        <v>156</v>
      </c>
      <c r="AI37" s="263">
        <v>168</v>
      </c>
      <c r="AJ37" s="257">
        <v>6</v>
      </c>
      <c r="AK37" s="261">
        <v>14</v>
      </c>
      <c r="AL37" s="258">
        <v>20</v>
      </c>
      <c r="AM37" s="260">
        <v>0</v>
      </c>
      <c r="AN37" s="261">
        <v>20</v>
      </c>
      <c r="AO37" s="261">
        <v>11</v>
      </c>
      <c r="AP37" s="261">
        <v>5</v>
      </c>
      <c r="AQ37" s="261">
        <v>11</v>
      </c>
      <c r="AR37" s="261">
        <v>3</v>
      </c>
      <c r="AS37" s="258">
        <v>50</v>
      </c>
      <c r="AT37" s="263">
        <v>70</v>
      </c>
      <c r="AU37" s="257">
        <v>19</v>
      </c>
      <c r="AV37" s="261">
        <v>24</v>
      </c>
      <c r="AW37" s="258">
        <v>43</v>
      </c>
      <c r="AX37" s="260">
        <v>0</v>
      </c>
      <c r="AY37" s="261">
        <v>103</v>
      </c>
      <c r="AZ37" s="261">
        <v>70</v>
      </c>
      <c r="BA37" s="261">
        <v>79</v>
      </c>
      <c r="BB37" s="261">
        <v>89</v>
      </c>
      <c r="BC37" s="261">
        <v>44</v>
      </c>
      <c r="BD37" s="262">
        <v>385</v>
      </c>
      <c r="BE37" s="263">
        <v>428</v>
      </c>
      <c r="BF37" s="257">
        <v>0</v>
      </c>
      <c r="BG37" s="261">
        <v>0</v>
      </c>
      <c r="BH37" s="258">
        <v>0</v>
      </c>
      <c r="BI37" s="260">
        <v>0</v>
      </c>
      <c r="BJ37" s="261">
        <v>134</v>
      </c>
      <c r="BK37" s="261">
        <v>73</v>
      </c>
      <c r="BL37" s="261">
        <v>53</v>
      </c>
      <c r="BM37" s="261">
        <v>27</v>
      </c>
      <c r="BN37" s="261">
        <v>15</v>
      </c>
      <c r="BO37" s="258">
        <v>302</v>
      </c>
      <c r="BP37" s="263">
        <v>302</v>
      </c>
      <c r="BQ37" s="257">
        <v>8</v>
      </c>
      <c r="BR37" s="261">
        <v>19</v>
      </c>
      <c r="BS37" s="258">
        <v>27</v>
      </c>
      <c r="BT37" s="260">
        <v>0</v>
      </c>
      <c r="BU37" s="261">
        <v>58</v>
      </c>
      <c r="BV37" s="261">
        <v>29</v>
      </c>
      <c r="BW37" s="261">
        <v>10</v>
      </c>
      <c r="BX37" s="261">
        <v>17</v>
      </c>
      <c r="BY37" s="261">
        <v>1</v>
      </c>
      <c r="BZ37" s="258">
        <v>115</v>
      </c>
      <c r="CA37" s="263">
        <v>142</v>
      </c>
      <c r="CB37" s="257">
        <v>2</v>
      </c>
      <c r="CC37" s="261">
        <v>0</v>
      </c>
      <c r="CD37" s="258">
        <v>2</v>
      </c>
      <c r="CE37" s="260">
        <v>0</v>
      </c>
      <c r="CF37" s="261">
        <v>15</v>
      </c>
      <c r="CG37" s="261">
        <v>6</v>
      </c>
      <c r="CH37" s="261">
        <v>9</v>
      </c>
      <c r="CI37" s="261">
        <v>8</v>
      </c>
      <c r="CJ37" s="261">
        <v>3</v>
      </c>
      <c r="CK37" s="258">
        <v>41</v>
      </c>
      <c r="CL37" s="263">
        <v>43</v>
      </c>
      <c r="CM37" s="257">
        <v>0</v>
      </c>
      <c r="CN37" s="261">
        <v>0</v>
      </c>
      <c r="CO37" s="258">
        <v>0</v>
      </c>
      <c r="CP37" s="260">
        <v>0</v>
      </c>
      <c r="CQ37" s="261">
        <v>1</v>
      </c>
      <c r="CR37" s="261">
        <v>1</v>
      </c>
      <c r="CS37" s="261">
        <v>1</v>
      </c>
      <c r="CT37" s="261">
        <v>3</v>
      </c>
      <c r="CU37" s="261">
        <v>1</v>
      </c>
      <c r="CV37" s="258">
        <v>7</v>
      </c>
      <c r="CW37" s="263">
        <v>7</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49</v>
      </c>
      <c r="DU37" s="261">
        <v>81</v>
      </c>
      <c r="DV37" s="258">
        <v>130</v>
      </c>
      <c r="DW37" s="260">
        <v>0</v>
      </c>
      <c r="DX37" s="261">
        <v>184</v>
      </c>
      <c r="DY37" s="261">
        <v>127</v>
      </c>
      <c r="DZ37" s="261">
        <v>91</v>
      </c>
      <c r="EA37" s="261">
        <v>75</v>
      </c>
      <c r="EB37" s="261">
        <v>34</v>
      </c>
      <c r="EC37" s="258">
        <v>511</v>
      </c>
      <c r="ED37" s="263">
        <v>641</v>
      </c>
      <c r="EE37" s="257">
        <v>17</v>
      </c>
      <c r="EF37" s="261">
        <v>12</v>
      </c>
      <c r="EG37" s="258">
        <v>29</v>
      </c>
      <c r="EH37" s="260">
        <v>0</v>
      </c>
      <c r="EI37" s="261">
        <v>46</v>
      </c>
      <c r="EJ37" s="261">
        <v>12</v>
      </c>
      <c r="EK37" s="261">
        <v>24</v>
      </c>
      <c r="EL37" s="261">
        <v>27</v>
      </c>
      <c r="EM37" s="261">
        <v>9</v>
      </c>
      <c r="EN37" s="258">
        <v>118</v>
      </c>
      <c r="EO37" s="263">
        <v>147</v>
      </c>
      <c r="EP37" s="257">
        <v>59</v>
      </c>
      <c r="EQ37" s="261">
        <v>103</v>
      </c>
      <c r="ER37" s="258">
        <v>162</v>
      </c>
      <c r="ES37" s="260">
        <v>0</v>
      </c>
      <c r="ET37" s="261">
        <v>299</v>
      </c>
      <c r="EU37" s="261">
        <v>163</v>
      </c>
      <c r="EV37" s="261">
        <v>102</v>
      </c>
      <c r="EW37" s="261">
        <v>80</v>
      </c>
      <c r="EX37" s="261">
        <v>36</v>
      </c>
      <c r="EY37" s="258">
        <v>680</v>
      </c>
      <c r="EZ37" s="263">
        <v>842</v>
      </c>
    </row>
    <row r="38" spans="2:156" ht="21" customHeight="1" x14ac:dyDescent="0.2">
      <c r="B38" s="472" t="s">
        <v>36</v>
      </c>
      <c r="C38" s="257">
        <v>0</v>
      </c>
      <c r="D38" s="261">
        <v>0</v>
      </c>
      <c r="E38" s="358">
        <v>0</v>
      </c>
      <c r="F38" s="260">
        <v>0</v>
      </c>
      <c r="G38" s="261">
        <v>57</v>
      </c>
      <c r="H38" s="261">
        <v>59</v>
      </c>
      <c r="I38" s="261">
        <v>39</v>
      </c>
      <c r="J38" s="261">
        <v>32</v>
      </c>
      <c r="K38" s="261">
        <v>37</v>
      </c>
      <c r="L38" s="262">
        <v>224</v>
      </c>
      <c r="M38" s="263">
        <v>224</v>
      </c>
      <c r="N38" s="257">
        <v>0</v>
      </c>
      <c r="O38" s="261">
        <v>0</v>
      </c>
      <c r="P38" s="258">
        <v>0</v>
      </c>
      <c r="Q38" s="260">
        <v>0</v>
      </c>
      <c r="R38" s="261">
        <v>3</v>
      </c>
      <c r="S38" s="261">
        <v>3</v>
      </c>
      <c r="T38" s="261">
        <v>5</v>
      </c>
      <c r="U38" s="261">
        <v>11</v>
      </c>
      <c r="V38" s="261">
        <v>12</v>
      </c>
      <c r="W38" s="258">
        <v>34</v>
      </c>
      <c r="X38" s="263">
        <v>34</v>
      </c>
      <c r="Y38" s="257">
        <v>8</v>
      </c>
      <c r="Z38" s="261">
        <v>27</v>
      </c>
      <c r="AA38" s="258">
        <v>35</v>
      </c>
      <c r="AB38" s="260">
        <v>0</v>
      </c>
      <c r="AC38" s="261">
        <v>53</v>
      </c>
      <c r="AD38" s="261">
        <v>50</v>
      </c>
      <c r="AE38" s="261">
        <v>34</v>
      </c>
      <c r="AF38" s="261">
        <v>26</v>
      </c>
      <c r="AG38" s="261">
        <v>35</v>
      </c>
      <c r="AH38" s="258">
        <v>198</v>
      </c>
      <c r="AI38" s="263">
        <v>233</v>
      </c>
      <c r="AJ38" s="257">
        <v>3</v>
      </c>
      <c r="AK38" s="261">
        <v>12</v>
      </c>
      <c r="AL38" s="258">
        <v>15</v>
      </c>
      <c r="AM38" s="260">
        <v>0</v>
      </c>
      <c r="AN38" s="261">
        <v>18</v>
      </c>
      <c r="AO38" s="261">
        <v>16</v>
      </c>
      <c r="AP38" s="261">
        <v>4</v>
      </c>
      <c r="AQ38" s="261">
        <v>8</v>
      </c>
      <c r="AR38" s="261">
        <v>8</v>
      </c>
      <c r="AS38" s="258">
        <v>54</v>
      </c>
      <c r="AT38" s="263">
        <v>69</v>
      </c>
      <c r="AU38" s="257">
        <v>6</v>
      </c>
      <c r="AV38" s="261">
        <v>7</v>
      </c>
      <c r="AW38" s="258">
        <v>13</v>
      </c>
      <c r="AX38" s="260">
        <v>0</v>
      </c>
      <c r="AY38" s="261">
        <v>42</v>
      </c>
      <c r="AZ38" s="261">
        <v>68</v>
      </c>
      <c r="BA38" s="261">
        <v>63</v>
      </c>
      <c r="BB38" s="261">
        <v>54</v>
      </c>
      <c r="BC38" s="261">
        <v>53</v>
      </c>
      <c r="BD38" s="262">
        <v>280</v>
      </c>
      <c r="BE38" s="263">
        <v>293</v>
      </c>
      <c r="BF38" s="257">
        <v>0</v>
      </c>
      <c r="BG38" s="261">
        <v>0</v>
      </c>
      <c r="BH38" s="258">
        <v>0</v>
      </c>
      <c r="BI38" s="260">
        <v>0</v>
      </c>
      <c r="BJ38" s="261">
        <v>83</v>
      </c>
      <c r="BK38" s="261">
        <v>99</v>
      </c>
      <c r="BL38" s="261">
        <v>45</v>
      </c>
      <c r="BM38" s="261">
        <v>32</v>
      </c>
      <c r="BN38" s="261">
        <v>14</v>
      </c>
      <c r="BO38" s="258">
        <v>273</v>
      </c>
      <c r="BP38" s="263">
        <v>273</v>
      </c>
      <c r="BQ38" s="257">
        <v>7</v>
      </c>
      <c r="BR38" s="261">
        <v>7</v>
      </c>
      <c r="BS38" s="258">
        <v>14</v>
      </c>
      <c r="BT38" s="260">
        <v>0</v>
      </c>
      <c r="BU38" s="261">
        <v>26</v>
      </c>
      <c r="BV38" s="261">
        <v>29</v>
      </c>
      <c r="BW38" s="261">
        <v>19</v>
      </c>
      <c r="BX38" s="261">
        <v>6</v>
      </c>
      <c r="BY38" s="261">
        <v>3</v>
      </c>
      <c r="BZ38" s="258">
        <v>83</v>
      </c>
      <c r="CA38" s="263">
        <v>97</v>
      </c>
      <c r="CB38" s="257">
        <v>0</v>
      </c>
      <c r="CC38" s="261">
        <v>2</v>
      </c>
      <c r="CD38" s="258">
        <v>2</v>
      </c>
      <c r="CE38" s="260">
        <v>0</v>
      </c>
      <c r="CF38" s="261">
        <v>12</v>
      </c>
      <c r="CG38" s="261">
        <v>20</v>
      </c>
      <c r="CH38" s="261">
        <v>24</v>
      </c>
      <c r="CI38" s="261">
        <v>18</v>
      </c>
      <c r="CJ38" s="261">
        <v>12</v>
      </c>
      <c r="CK38" s="258">
        <v>86</v>
      </c>
      <c r="CL38" s="263">
        <v>88</v>
      </c>
      <c r="CM38" s="257">
        <v>0</v>
      </c>
      <c r="CN38" s="261">
        <v>0</v>
      </c>
      <c r="CO38" s="258">
        <v>0</v>
      </c>
      <c r="CP38" s="260">
        <v>0</v>
      </c>
      <c r="CQ38" s="261">
        <v>1</v>
      </c>
      <c r="CR38" s="261">
        <v>1</v>
      </c>
      <c r="CS38" s="261">
        <v>0</v>
      </c>
      <c r="CT38" s="261">
        <v>1</v>
      </c>
      <c r="CU38" s="261">
        <v>1</v>
      </c>
      <c r="CV38" s="258">
        <v>4</v>
      </c>
      <c r="CW38" s="263">
        <v>4</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31</v>
      </c>
      <c r="DU38" s="261">
        <v>104</v>
      </c>
      <c r="DV38" s="258">
        <v>135</v>
      </c>
      <c r="DW38" s="260">
        <v>0</v>
      </c>
      <c r="DX38" s="261">
        <v>163</v>
      </c>
      <c r="DY38" s="261">
        <v>182</v>
      </c>
      <c r="DZ38" s="261">
        <v>102</v>
      </c>
      <c r="EA38" s="261">
        <v>79</v>
      </c>
      <c r="EB38" s="261">
        <v>55</v>
      </c>
      <c r="EC38" s="258">
        <v>581</v>
      </c>
      <c r="ED38" s="263">
        <v>716</v>
      </c>
      <c r="EE38" s="257">
        <v>3</v>
      </c>
      <c r="EF38" s="261">
        <v>1</v>
      </c>
      <c r="EG38" s="258">
        <v>4</v>
      </c>
      <c r="EH38" s="260">
        <v>0</v>
      </c>
      <c r="EI38" s="261">
        <v>12</v>
      </c>
      <c r="EJ38" s="261">
        <v>11</v>
      </c>
      <c r="EK38" s="261">
        <v>15</v>
      </c>
      <c r="EL38" s="261">
        <v>11</v>
      </c>
      <c r="EM38" s="261">
        <v>4</v>
      </c>
      <c r="EN38" s="258">
        <v>53</v>
      </c>
      <c r="EO38" s="263">
        <v>57</v>
      </c>
      <c r="EP38" s="257">
        <v>41</v>
      </c>
      <c r="EQ38" s="261">
        <v>133</v>
      </c>
      <c r="ER38" s="258">
        <v>174</v>
      </c>
      <c r="ES38" s="260">
        <v>0</v>
      </c>
      <c r="ET38" s="261">
        <v>277</v>
      </c>
      <c r="EU38" s="261">
        <v>242</v>
      </c>
      <c r="EV38" s="261">
        <v>124</v>
      </c>
      <c r="EW38" s="261">
        <v>92</v>
      </c>
      <c r="EX38" s="261">
        <v>69</v>
      </c>
      <c r="EY38" s="258">
        <v>804</v>
      </c>
      <c r="EZ38" s="263">
        <v>978</v>
      </c>
    </row>
    <row r="39" spans="2:156" ht="21" customHeight="1" thickBot="1" x14ac:dyDescent="0.25">
      <c r="B39" s="473" t="s">
        <v>37</v>
      </c>
      <c r="C39" s="264">
        <v>0</v>
      </c>
      <c r="D39" s="268">
        <v>0</v>
      </c>
      <c r="E39" s="359">
        <v>0</v>
      </c>
      <c r="F39" s="267">
        <v>0</v>
      </c>
      <c r="G39" s="268">
        <v>5</v>
      </c>
      <c r="H39" s="268">
        <v>5</v>
      </c>
      <c r="I39" s="268">
        <v>2</v>
      </c>
      <c r="J39" s="268">
        <v>3</v>
      </c>
      <c r="K39" s="268">
        <v>3</v>
      </c>
      <c r="L39" s="269">
        <v>18</v>
      </c>
      <c r="M39" s="270">
        <v>18</v>
      </c>
      <c r="N39" s="264">
        <v>0</v>
      </c>
      <c r="O39" s="268">
        <v>0</v>
      </c>
      <c r="P39" s="265">
        <v>0</v>
      </c>
      <c r="Q39" s="267">
        <v>0</v>
      </c>
      <c r="R39" s="268">
        <v>0</v>
      </c>
      <c r="S39" s="268">
        <v>0</v>
      </c>
      <c r="T39" s="268">
        <v>1</v>
      </c>
      <c r="U39" s="268">
        <v>0</v>
      </c>
      <c r="V39" s="268">
        <v>0</v>
      </c>
      <c r="W39" s="265">
        <v>1</v>
      </c>
      <c r="X39" s="270">
        <v>1</v>
      </c>
      <c r="Y39" s="264">
        <v>3</v>
      </c>
      <c r="Z39" s="268">
        <v>1</v>
      </c>
      <c r="AA39" s="265">
        <v>4</v>
      </c>
      <c r="AB39" s="267">
        <v>0</v>
      </c>
      <c r="AC39" s="268">
        <v>5</v>
      </c>
      <c r="AD39" s="268">
        <v>4</v>
      </c>
      <c r="AE39" s="268">
        <v>1</v>
      </c>
      <c r="AF39" s="268">
        <v>5</v>
      </c>
      <c r="AG39" s="268">
        <v>2</v>
      </c>
      <c r="AH39" s="265">
        <v>17</v>
      </c>
      <c r="AI39" s="270">
        <v>21</v>
      </c>
      <c r="AJ39" s="264">
        <v>0</v>
      </c>
      <c r="AK39" s="268">
        <v>0</v>
      </c>
      <c r="AL39" s="265">
        <v>0</v>
      </c>
      <c r="AM39" s="267">
        <v>0</v>
      </c>
      <c r="AN39" s="268">
        <v>0</v>
      </c>
      <c r="AO39" s="268">
        <v>1</v>
      </c>
      <c r="AP39" s="268">
        <v>0</v>
      </c>
      <c r="AQ39" s="268">
        <v>2</v>
      </c>
      <c r="AR39" s="268">
        <v>0</v>
      </c>
      <c r="AS39" s="265">
        <v>3</v>
      </c>
      <c r="AT39" s="270">
        <v>3</v>
      </c>
      <c r="AU39" s="264">
        <v>2</v>
      </c>
      <c r="AV39" s="268">
        <v>0</v>
      </c>
      <c r="AW39" s="265">
        <v>2</v>
      </c>
      <c r="AX39" s="267">
        <v>0</v>
      </c>
      <c r="AY39" s="268">
        <v>2</v>
      </c>
      <c r="AZ39" s="268">
        <v>1</v>
      </c>
      <c r="BA39" s="268">
        <v>4</v>
      </c>
      <c r="BB39" s="268">
        <v>11</v>
      </c>
      <c r="BC39" s="268">
        <v>4</v>
      </c>
      <c r="BD39" s="269">
        <v>22</v>
      </c>
      <c r="BE39" s="270">
        <v>24</v>
      </c>
      <c r="BF39" s="264">
        <v>0</v>
      </c>
      <c r="BG39" s="268">
        <v>0</v>
      </c>
      <c r="BH39" s="265">
        <v>0</v>
      </c>
      <c r="BI39" s="267">
        <v>0</v>
      </c>
      <c r="BJ39" s="268">
        <v>8</v>
      </c>
      <c r="BK39" s="268">
        <v>4</v>
      </c>
      <c r="BL39" s="268">
        <v>7</v>
      </c>
      <c r="BM39" s="268">
        <v>5</v>
      </c>
      <c r="BN39" s="268">
        <v>1</v>
      </c>
      <c r="BO39" s="265">
        <v>25</v>
      </c>
      <c r="BP39" s="270">
        <v>25</v>
      </c>
      <c r="BQ39" s="264">
        <v>3</v>
      </c>
      <c r="BR39" s="268">
        <v>0</v>
      </c>
      <c r="BS39" s="265">
        <v>3</v>
      </c>
      <c r="BT39" s="267">
        <v>0</v>
      </c>
      <c r="BU39" s="268">
        <v>6</v>
      </c>
      <c r="BV39" s="268">
        <v>5</v>
      </c>
      <c r="BW39" s="268">
        <v>0</v>
      </c>
      <c r="BX39" s="268">
        <v>3</v>
      </c>
      <c r="BY39" s="268">
        <v>1</v>
      </c>
      <c r="BZ39" s="265">
        <v>15</v>
      </c>
      <c r="CA39" s="270">
        <v>18</v>
      </c>
      <c r="CB39" s="264">
        <v>0</v>
      </c>
      <c r="CC39" s="268">
        <v>0</v>
      </c>
      <c r="CD39" s="265">
        <v>0</v>
      </c>
      <c r="CE39" s="267">
        <v>0</v>
      </c>
      <c r="CF39" s="268">
        <v>0</v>
      </c>
      <c r="CG39" s="268">
        <v>1</v>
      </c>
      <c r="CH39" s="268">
        <v>1</v>
      </c>
      <c r="CI39" s="268">
        <v>1</v>
      </c>
      <c r="CJ39" s="268">
        <v>0</v>
      </c>
      <c r="CK39" s="265">
        <v>3</v>
      </c>
      <c r="CL39" s="270">
        <v>3</v>
      </c>
      <c r="CM39" s="264">
        <v>0</v>
      </c>
      <c r="CN39" s="268">
        <v>0</v>
      </c>
      <c r="CO39" s="265">
        <v>0</v>
      </c>
      <c r="CP39" s="267">
        <v>0</v>
      </c>
      <c r="CQ39" s="268">
        <v>0</v>
      </c>
      <c r="CR39" s="268">
        <v>0</v>
      </c>
      <c r="CS39" s="268">
        <v>0</v>
      </c>
      <c r="CT39" s="268">
        <v>1</v>
      </c>
      <c r="CU39" s="268">
        <v>1</v>
      </c>
      <c r="CV39" s="265">
        <v>2</v>
      </c>
      <c r="CW39" s="270">
        <v>2</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17</v>
      </c>
      <c r="DU39" s="268">
        <v>2</v>
      </c>
      <c r="DV39" s="265">
        <v>19</v>
      </c>
      <c r="DW39" s="267">
        <v>0</v>
      </c>
      <c r="DX39" s="268">
        <v>15</v>
      </c>
      <c r="DY39" s="268">
        <v>20</v>
      </c>
      <c r="DZ39" s="268">
        <v>12</v>
      </c>
      <c r="EA39" s="268">
        <v>9</v>
      </c>
      <c r="EB39" s="268">
        <v>5</v>
      </c>
      <c r="EC39" s="265">
        <v>61</v>
      </c>
      <c r="ED39" s="270">
        <v>80</v>
      </c>
      <c r="EE39" s="264">
        <v>0</v>
      </c>
      <c r="EF39" s="268">
        <v>0</v>
      </c>
      <c r="EG39" s="265">
        <v>0</v>
      </c>
      <c r="EH39" s="267">
        <v>0</v>
      </c>
      <c r="EI39" s="268">
        <v>0</v>
      </c>
      <c r="EJ39" s="268">
        <v>0</v>
      </c>
      <c r="EK39" s="268">
        <v>0</v>
      </c>
      <c r="EL39" s="268">
        <v>2</v>
      </c>
      <c r="EM39" s="268">
        <v>0</v>
      </c>
      <c r="EN39" s="265">
        <v>2</v>
      </c>
      <c r="EO39" s="270">
        <v>2</v>
      </c>
      <c r="EP39" s="264">
        <v>21</v>
      </c>
      <c r="EQ39" s="268">
        <v>2</v>
      </c>
      <c r="ER39" s="265">
        <v>23</v>
      </c>
      <c r="ES39" s="267">
        <v>0</v>
      </c>
      <c r="ET39" s="268">
        <v>24</v>
      </c>
      <c r="EU39" s="268">
        <v>22</v>
      </c>
      <c r="EV39" s="268">
        <v>15</v>
      </c>
      <c r="EW39" s="268">
        <v>10</v>
      </c>
      <c r="EX39" s="268">
        <v>5</v>
      </c>
      <c r="EY39" s="265">
        <v>76</v>
      </c>
      <c r="EZ39" s="270">
        <v>99</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500">
        <f>第１表!F2</f>
        <v>5</v>
      </c>
      <c r="J1" s="500"/>
      <c r="K1" s="235">
        <f>第１表!G2</f>
        <v>11</v>
      </c>
      <c r="L1" s="505">
        <f>IF(K1&lt;3,K1+12-2,K1-2)</f>
        <v>9</v>
      </c>
      <c r="M1" s="505"/>
    </row>
    <row r="2" spans="2:156" ht="24" customHeight="1" thickBot="1" x14ac:dyDescent="0.25">
      <c r="B2" s="271" t="s">
        <v>130</v>
      </c>
      <c r="G2" s="234"/>
      <c r="H2" s="235"/>
      <c r="J2" s="300"/>
      <c r="K2" s="300"/>
    </row>
    <row r="3" spans="2:156" ht="21" customHeight="1" thickBot="1" x14ac:dyDescent="0.25">
      <c r="B3" s="513"/>
      <c r="C3" s="516" t="s">
        <v>70</v>
      </c>
      <c r="D3" s="517"/>
      <c r="E3" s="517"/>
      <c r="F3" s="517"/>
      <c r="G3" s="517"/>
      <c r="H3" s="517"/>
      <c r="I3" s="517"/>
      <c r="J3" s="517"/>
      <c r="K3" s="517"/>
      <c r="L3" s="517"/>
      <c r="M3" s="518"/>
      <c r="N3" s="516" t="s">
        <v>71</v>
      </c>
      <c r="O3" s="517"/>
      <c r="P3" s="517"/>
      <c r="Q3" s="517"/>
      <c r="R3" s="517"/>
      <c r="S3" s="517"/>
      <c r="T3" s="517"/>
      <c r="U3" s="517"/>
      <c r="V3" s="517"/>
      <c r="W3" s="517"/>
      <c r="X3" s="518"/>
      <c r="Y3" s="516" t="s">
        <v>72</v>
      </c>
      <c r="Z3" s="517"/>
      <c r="AA3" s="517"/>
      <c r="AB3" s="517"/>
      <c r="AC3" s="517"/>
      <c r="AD3" s="517"/>
      <c r="AE3" s="517"/>
      <c r="AF3" s="517"/>
      <c r="AG3" s="517"/>
      <c r="AH3" s="517"/>
      <c r="AI3" s="518"/>
      <c r="AJ3" s="516" t="s">
        <v>73</v>
      </c>
      <c r="AK3" s="517"/>
      <c r="AL3" s="517"/>
      <c r="AM3" s="517"/>
      <c r="AN3" s="517"/>
      <c r="AO3" s="517"/>
      <c r="AP3" s="517"/>
      <c r="AQ3" s="517"/>
      <c r="AR3" s="517"/>
      <c r="AS3" s="517"/>
      <c r="AT3" s="518"/>
      <c r="AU3" s="516" t="s">
        <v>74</v>
      </c>
      <c r="AV3" s="517"/>
      <c r="AW3" s="517"/>
      <c r="AX3" s="517"/>
      <c r="AY3" s="517"/>
      <c r="AZ3" s="517"/>
      <c r="BA3" s="517"/>
      <c r="BB3" s="517"/>
      <c r="BC3" s="517"/>
      <c r="BD3" s="517"/>
      <c r="BE3" s="518"/>
      <c r="BF3" s="516" t="s">
        <v>75</v>
      </c>
      <c r="BG3" s="517"/>
      <c r="BH3" s="517"/>
      <c r="BI3" s="517"/>
      <c r="BJ3" s="517"/>
      <c r="BK3" s="517"/>
      <c r="BL3" s="517"/>
      <c r="BM3" s="517"/>
      <c r="BN3" s="517"/>
      <c r="BO3" s="517"/>
      <c r="BP3" s="518"/>
      <c r="BQ3" s="516" t="s">
        <v>76</v>
      </c>
      <c r="BR3" s="517"/>
      <c r="BS3" s="517"/>
      <c r="BT3" s="517"/>
      <c r="BU3" s="517"/>
      <c r="BV3" s="517"/>
      <c r="BW3" s="517"/>
      <c r="BX3" s="517"/>
      <c r="BY3" s="517"/>
      <c r="BZ3" s="517"/>
      <c r="CA3" s="518"/>
      <c r="CB3" s="516" t="s">
        <v>77</v>
      </c>
      <c r="CC3" s="517"/>
      <c r="CD3" s="517"/>
      <c r="CE3" s="517"/>
      <c r="CF3" s="517"/>
      <c r="CG3" s="517"/>
      <c r="CH3" s="517"/>
      <c r="CI3" s="517"/>
      <c r="CJ3" s="517"/>
      <c r="CK3" s="517"/>
      <c r="CL3" s="518"/>
      <c r="CM3" s="516" t="s">
        <v>78</v>
      </c>
      <c r="CN3" s="517"/>
      <c r="CO3" s="517"/>
      <c r="CP3" s="517"/>
      <c r="CQ3" s="517"/>
      <c r="CR3" s="517"/>
      <c r="CS3" s="517"/>
      <c r="CT3" s="517"/>
      <c r="CU3" s="517"/>
      <c r="CV3" s="517"/>
      <c r="CW3" s="518"/>
      <c r="CX3" s="516" t="s">
        <v>79</v>
      </c>
      <c r="CY3" s="517"/>
      <c r="CZ3" s="517"/>
      <c r="DA3" s="517"/>
      <c r="DB3" s="517"/>
      <c r="DC3" s="517"/>
      <c r="DD3" s="517"/>
      <c r="DE3" s="517"/>
      <c r="DF3" s="517"/>
      <c r="DG3" s="517"/>
      <c r="DH3" s="518"/>
      <c r="DI3" s="516" t="s">
        <v>151</v>
      </c>
      <c r="DJ3" s="517"/>
      <c r="DK3" s="517"/>
      <c r="DL3" s="517"/>
      <c r="DM3" s="517"/>
      <c r="DN3" s="517"/>
      <c r="DO3" s="517"/>
      <c r="DP3" s="517"/>
      <c r="DQ3" s="517"/>
      <c r="DR3" s="517"/>
      <c r="DS3" s="518"/>
      <c r="DT3" s="516" t="s">
        <v>80</v>
      </c>
      <c r="DU3" s="517"/>
      <c r="DV3" s="517"/>
      <c r="DW3" s="517"/>
      <c r="DX3" s="517"/>
      <c r="DY3" s="517"/>
      <c r="DZ3" s="517"/>
      <c r="EA3" s="517"/>
      <c r="EB3" s="517"/>
      <c r="EC3" s="517"/>
      <c r="ED3" s="518"/>
      <c r="EE3" s="516" t="s">
        <v>68</v>
      </c>
      <c r="EF3" s="517"/>
      <c r="EG3" s="517"/>
      <c r="EH3" s="517"/>
      <c r="EI3" s="517"/>
      <c r="EJ3" s="517"/>
      <c r="EK3" s="517"/>
      <c r="EL3" s="517"/>
      <c r="EM3" s="517"/>
      <c r="EN3" s="517"/>
      <c r="EO3" s="518"/>
      <c r="EP3" s="519" t="s">
        <v>69</v>
      </c>
      <c r="EQ3" s="520"/>
      <c r="ER3" s="520"/>
      <c r="ES3" s="520"/>
      <c r="ET3" s="520"/>
      <c r="EU3" s="520"/>
      <c r="EV3" s="520"/>
      <c r="EW3" s="520"/>
      <c r="EX3" s="520"/>
      <c r="EY3" s="520"/>
      <c r="EZ3" s="521"/>
    </row>
    <row r="4" spans="2:156"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0"/>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c r="DI4" s="508" t="s">
        <v>61</v>
      </c>
      <c r="DJ4" s="509"/>
      <c r="DK4" s="510"/>
      <c r="DL4" s="511" t="s">
        <v>62</v>
      </c>
      <c r="DM4" s="509"/>
      <c r="DN4" s="509"/>
      <c r="DO4" s="509"/>
      <c r="DP4" s="509"/>
      <c r="DQ4" s="509"/>
      <c r="DR4" s="510"/>
      <c r="DS4" s="506" t="s">
        <v>52</v>
      </c>
      <c r="DT4" s="508" t="s">
        <v>61</v>
      </c>
      <c r="DU4" s="509"/>
      <c r="DV4" s="510"/>
      <c r="DW4" s="511" t="s">
        <v>62</v>
      </c>
      <c r="DX4" s="509"/>
      <c r="DY4" s="509"/>
      <c r="DZ4" s="509"/>
      <c r="EA4" s="509"/>
      <c r="EB4" s="509"/>
      <c r="EC4" s="510"/>
      <c r="ED4" s="506" t="s">
        <v>52</v>
      </c>
      <c r="EE4" s="508" t="s">
        <v>61</v>
      </c>
      <c r="EF4" s="509"/>
      <c r="EG4" s="510"/>
      <c r="EH4" s="511" t="s">
        <v>62</v>
      </c>
      <c r="EI4" s="509"/>
      <c r="EJ4" s="509"/>
      <c r="EK4" s="509"/>
      <c r="EL4" s="509"/>
      <c r="EM4" s="509"/>
      <c r="EN4" s="510"/>
      <c r="EO4" s="506" t="s">
        <v>52</v>
      </c>
      <c r="EP4" s="508" t="s">
        <v>61</v>
      </c>
      <c r="EQ4" s="509"/>
      <c r="ER4" s="510"/>
      <c r="ES4" s="511" t="s">
        <v>62</v>
      </c>
      <c r="ET4" s="509"/>
      <c r="EU4" s="509"/>
      <c r="EV4" s="509"/>
      <c r="EW4" s="509"/>
      <c r="EX4" s="509"/>
      <c r="EY4" s="510"/>
      <c r="EZ4" s="506" t="s">
        <v>52</v>
      </c>
    </row>
    <row r="5" spans="2:156" ht="30" customHeight="1" thickBot="1" x14ac:dyDescent="0.25">
      <c r="B5" s="515"/>
      <c r="C5" s="301" t="s">
        <v>43</v>
      </c>
      <c r="D5" s="243" t="s">
        <v>44</v>
      </c>
      <c r="E5" s="356" t="s">
        <v>45</v>
      </c>
      <c r="F5" s="248" t="s">
        <v>83</v>
      </c>
      <c r="G5" s="243" t="s">
        <v>47</v>
      </c>
      <c r="H5" s="243" t="s">
        <v>48</v>
      </c>
      <c r="I5" s="243" t="s">
        <v>49</v>
      </c>
      <c r="J5" s="243" t="s">
        <v>50</v>
      </c>
      <c r="K5" s="243" t="s">
        <v>51</v>
      </c>
      <c r="L5" s="249" t="s">
        <v>45</v>
      </c>
      <c r="M5" s="507"/>
      <c r="N5" s="301" t="s">
        <v>43</v>
      </c>
      <c r="O5" s="243" t="s">
        <v>44</v>
      </c>
      <c r="P5" s="246" t="s">
        <v>45</v>
      </c>
      <c r="Q5" s="248" t="s">
        <v>83</v>
      </c>
      <c r="R5" s="243" t="s">
        <v>47</v>
      </c>
      <c r="S5" s="243" t="s">
        <v>48</v>
      </c>
      <c r="T5" s="243" t="s">
        <v>49</v>
      </c>
      <c r="U5" s="243" t="s">
        <v>50</v>
      </c>
      <c r="V5" s="243" t="s">
        <v>51</v>
      </c>
      <c r="W5" s="246" t="s">
        <v>45</v>
      </c>
      <c r="X5" s="507"/>
      <c r="Y5" s="301" t="s">
        <v>43</v>
      </c>
      <c r="Z5" s="243" t="s">
        <v>44</v>
      </c>
      <c r="AA5" s="246" t="s">
        <v>45</v>
      </c>
      <c r="AB5" s="248" t="s">
        <v>83</v>
      </c>
      <c r="AC5" s="243" t="s">
        <v>47</v>
      </c>
      <c r="AD5" s="243" t="s">
        <v>48</v>
      </c>
      <c r="AE5" s="243" t="s">
        <v>49</v>
      </c>
      <c r="AF5" s="243" t="s">
        <v>50</v>
      </c>
      <c r="AG5" s="243" t="s">
        <v>51</v>
      </c>
      <c r="AH5" s="246" t="s">
        <v>45</v>
      </c>
      <c r="AI5" s="507"/>
      <c r="AJ5" s="301" t="s">
        <v>43</v>
      </c>
      <c r="AK5" s="243" t="s">
        <v>44</v>
      </c>
      <c r="AL5" s="246" t="s">
        <v>45</v>
      </c>
      <c r="AM5" s="248" t="s">
        <v>83</v>
      </c>
      <c r="AN5" s="243" t="s">
        <v>47</v>
      </c>
      <c r="AO5" s="243" t="s">
        <v>48</v>
      </c>
      <c r="AP5" s="243" t="s">
        <v>49</v>
      </c>
      <c r="AQ5" s="243" t="s">
        <v>50</v>
      </c>
      <c r="AR5" s="243" t="s">
        <v>51</v>
      </c>
      <c r="AS5" s="246" t="s">
        <v>45</v>
      </c>
      <c r="AT5" s="507"/>
      <c r="AU5" s="301" t="s">
        <v>43</v>
      </c>
      <c r="AV5" s="243" t="s">
        <v>44</v>
      </c>
      <c r="AW5" s="246" t="s">
        <v>45</v>
      </c>
      <c r="AX5" s="248" t="s">
        <v>83</v>
      </c>
      <c r="AY5" s="243" t="s">
        <v>47</v>
      </c>
      <c r="AZ5" s="243" t="s">
        <v>48</v>
      </c>
      <c r="BA5" s="243" t="s">
        <v>49</v>
      </c>
      <c r="BB5" s="243" t="s">
        <v>50</v>
      </c>
      <c r="BC5" s="243" t="s">
        <v>51</v>
      </c>
      <c r="BD5" s="249" t="s">
        <v>45</v>
      </c>
      <c r="BE5" s="507"/>
      <c r="BF5" s="301" t="s">
        <v>43</v>
      </c>
      <c r="BG5" s="243" t="s">
        <v>44</v>
      </c>
      <c r="BH5" s="246" t="s">
        <v>45</v>
      </c>
      <c r="BI5" s="248" t="s">
        <v>83</v>
      </c>
      <c r="BJ5" s="243" t="s">
        <v>47</v>
      </c>
      <c r="BK5" s="243" t="s">
        <v>48</v>
      </c>
      <c r="BL5" s="243" t="s">
        <v>49</v>
      </c>
      <c r="BM5" s="243" t="s">
        <v>50</v>
      </c>
      <c r="BN5" s="243" t="s">
        <v>51</v>
      </c>
      <c r="BO5" s="246" t="s">
        <v>45</v>
      </c>
      <c r="BP5" s="507"/>
      <c r="BQ5" s="301" t="s">
        <v>43</v>
      </c>
      <c r="BR5" s="243" t="s">
        <v>44</v>
      </c>
      <c r="BS5" s="246" t="s">
        <v>45</v>
      </c>
      <c r="BT5" s="248" t="s">
        <v>83</v>
      </c>
      <c r="BU5" s="243" t="s">
        <v>47</v>
      </c>
      <c r="BV5" s="243" t="s">
        <v>48</v>
      </c>
      <c r="BW5" s="243" t="s">
        <v>49</v>
      </c>
      <c r="BX5" s="243" t="s">
        <v>50</v>
      </c>
      <c r="BY5" s="243" t="s">
        <v>51</v>
      </c>
      <c r="BZ5" s="246" t="s">
        <v>45</v>
      </c>
      <c r="CA5" s="507"/>
      <c r="CB5" s="301" t="s">
        <v>43</v>
      </c>
      <c r="CC5" s="243" t="s">
        <v>44</v>
      </c>
      <c r="CD5" s="246" t="s">
        <v>45</v>
      </c>
      <c r="CE5" s="248" t="s">
        <v>83</v>
      </c>
      <c r="CF5" s="243" t="s">
        <v>47</v>
      </c>
      <c r="CG5" s="243" t="s">
        <v>48</v>
      </c>
      <c r="CH5" s="243" t="s">
        <v>49</v>
      </c>
      <c r="CI5" s="243" t="s">
        <v>50</v>
      </c>
      <c r="CJ5" s="243" t="s">
        <v>51</v>
      </c>
      <c r="CK5" s="246" t="s">
        <v>45</v>
      </c>
      <c r="CL5" s="507"/>
      <c r="CM5" s="301" t="s">
        <v>43</v>
      </c>
      <c r="CN5" s="243" t="s">
        <v>44</v>
      </c>
      <c r="CO5" s="246" t="s">
        <v>45</v>
      </c>
      <c r="CP5" s="248" t="s">
        <v>83</v>
      </c>
      <c r="CQ5" s="243" t="s">
        <v>47</v>
      </c>
      <c r="CR5" s="243" t="s">
        <v>48</v>
      </c>
      <c r="CS5" s="243" t="s">
        <v>49</v>
      </c>
      <c r="CT5" s="243" t="s">
        <v>50</v>
      </c>
      <c r="CU5" s="243" t="s">
        <v>51</v>
      </c>
      <c r="CV5" s="246" t="s">
        <v>45</v>
      </c>
      <c r="CW5" s="507"/>
      <c r="CX5" s="301" t="s">
        <v>43</v>
      </c>
      <c r="CY5" s="243" t="s">
        <v>44</v>
      </c>
      <c r="CZ5" s="246" t="s">
        <v>45</v>
      </c>
      <c r="DA5" s="248" t="s">
        <v>83</v>
      </c>
      <c r="DB5" s="243" t="s">
        <v>47</v>
      </c>
      <c r="DC5" s="243" t="s">
        <v>48</v>
      </c>
      <c r="DD5" s="243" t="s">
        <v>49</v>
      </c>
      <c r="DE5" s="243" t="s">
        <v>50</v>
      </c>
      <c r="DF5" s="243" t="s">
        <v>51</v>
      </c>
      <c r="DG5" s="246" t="s">
        <v>45</v>
      </c>
      <c r="DH5" s="507"/>
      <c r="DI5" s="321" t="s">
        <v>43</v>
      </c>
      <c r="DJ5" s="243" t="s">
        <v>44</v>
      </c>
      <c r="DK5" s="246" t="s">
        <v>45</v>
      </c>
      <c r="DL5" s="248" t="s">
        <v>83</v>
      </c>
      <c r="DM5" s="243" t="s">
        <v>47</v>
      </c>
      <c r="DN5" s="243" t="s">
        <v>48</v>
      </c>
      <c r="DO5" s="243" t="s">
        <v>49</v>
      </c>
      <c r="DP5" s="243" t="s">
        <v>50</v>
      </c>
      <c r="DQ5" s="243" t="s">
        <v>51</v>
      </c>
      <c r="DR5" s="246" t="s">
        <v>45</v>
      </c>
      <c r="DS5" s="507"/>
      <c r="DT5" s="301" t="s">
        <v>43</v>
      </c>
      <c r="DU5" s="243" t="s">
        <v>44</v>
      </c>
      <c r="DV5" s="246" t="s">
        <v>45</v>
      </c>
      <c r="DW5" s="248" t="s">
        <v>83</v>
      </c>
      <c r="DX5" s="243" t="s">
        <v>47</v>
      </c>
      <c r="DY5" s="243" t="s">
        <v>48</v>
      </c>
      <c r="DZ5" s="243" t="s">
        <v>49</v>
      </c>
      <c r="EA5" s="243" t="s">
        <v>50</v>
      </c>
      <c r="EB5" s="243" t="s">
        <v>51</v>
      </c>
      <c r="EC5" s="246" t="s">
        <v>45</v>
      </c>
      <c r="ED5" s="507"/>
      <c r="EE5" s="301" t="s">
        <v>43</v>
      </c>
      <c r="EF5" s="243" t="s">
        <v>44</v>
      </c>
      <c r="EG5" s="246" t="s">
        <v>45</v>
      </c>
      <c r="EH5" s="248" t="s">
        <v>83</v>
      </c>
      <c r="EI5" s="243" t="s">
        <v>47</v>
      </c>
      <c r="EJ5" s="243" t="s">
        <v>48</v>
      </c>
      <c r="EK5" s="243" t="s">
        <v>49</v>
      </c>
      <c r="EL5" s="243" t="s">
        <v>50</v>
      </c>
      <c r="EM5" s="243" t="s">
        <v>51</v>
      </c>
      <c r="EN5" s="246" t="s">
        <v>45</v>
      </c>
      <c r="EO5" s="507"/>
      <c r="EP5" s="301" t="s">
        <v>43</v>
      </c>
      <c r="EQ5" s="243" t="s">
        <v>44</v>
      </c>
      <c r="ER5" s="246" t="s">
        <v>45</v>
      </c>
      <c r="ES5" s="248" t="s">
        <v>83</v>
      </c>
      <c r="ET5" s="243" t="s">
        <v>47</v>
      </c>
      <c r="EU5" s="243" t="s">
        <v>48</v>
      </c>
      <c r="EV5" s="243" t="s">
        <v>49</v>
      </c>
      <c r="EW5" s="243" t="s">
        <v>50</v>
      </c>
      <c r="EX5" s="243" t="s">
        <v>51</v>
      </c>
      <c r="EY5" s="246" t="s">
        <v>45</v>
      </c>
      <c r="EZ5" s="507"/>
    </row>
    <row r="6" spans="2:156" ht="21" customHeight="1" x14ac:dyDescent="0.2">
      <c r="B6" s="470" t="s">
        <v>4</v>
      </c>
      <c r="C6" s="250">
        <v>0</v>
      </c>
      <c r="D6" s="254">
        <v>0</v>
      </c>
      <c r="E6" s="357">
        <v>0</v>
      </c>
      <c r="F6" s="253">
        <v>0</v>
      </c>
      <c r="G6" s="254">
        <v>1220</v>
      </c>
      <c r="H6" s="254">
        <v>1334</v>
      </c>
      <c r="I6" s="254">
        <v>720</v>
      </c>
      <c r="J6" s="254">
        <v>566</v>
      </c>
      <c r="K6" s="254">
        <v>406</v>
      </c>
      <c r="L6" s="255">
        <v>4246</v>
      </c>
      <c r="M6" s="256">
        <v>4246</v>
      </c>
      <c r="N6" s="250">
        <v>0</v>
      </c>
      <c r="O6" s="254">
        <v>1</v>
      </c>
      <c r="P6" s="251">
        <v>1</v>
      </c>
      <c r="Q6" s="253">
        <v>0</v>
      </c>
      <c r="R6" s="254">
        <v>8</v>
      </c>
      <c r="S6" s="254">
        <v>32</v>
      </c>
      <c r="T6" s="254">
        <v>69</v>
      </c>
      <c r="U6" s="254">
        <v>123</v>
      </c>
      <c r="V6" s="254">
        <v>197</v>
      </c>
      <c r="W6" s="251">
        <v>429</v>
      </c>
      <c r="X6" s="256">
        <v>430</v>
      </c>
      <c r="Y6" s="250">
        <v>203</v>
      </c>
      <c r="Z6" s="254">
        <v>373</v>
      </c>
      <c r="AA6" s="251">
        <v>576</v>
      </c>
      <c r="AB6" s="253">
        <v>0</v>
      </c>
      <c r="AC6" s="254">
        <v>933</v>
      </c>
      <c r="AD6" s="254">
        <v>1288</v>
      </c>
      <c r="AE6" s="254">
        <v>731</v>
      </c>
      <c r="AF6" s="254">
        <v>611</v>
      </c>
      <c r="AG6" s="254">
        <v>371</v>
      </c>
      <c r="AH6" s="251">
        <v>3934</v>
      </c>
      <c r="AI6" s="256">
        <v>4510</v>
      </c>
      <c r="AJ6" s="250">
        <v>25</v>
      </c>
      <c r="AK6" s="254">
        <v>61</v>
      </c>
      <c r="AL6" s="251">
        <v>86</v>
      </c>
      <c r="AM6" s="253">
        <v>0</v>
      </c>
      <c r="AN6" s="254">
        <v>75</v>
      </c>
      <c r="AO6" s="254">
        <v>112</v>
      </c>
      <c r="AP6" s="254">
        <v>87</v>
      </c>
      <c r="AQ6" s="254">
        <v>69</v>
      </c>
      <c r="AR6" s="254">
        <v>33</v>
      </c>
      <c r="AS6" s="251">
        <v>376</v>
      </c>
      <c r="AT6" s="256">
        <v>462</v>
      </c>
      <c r="AU6" s="250">
        <v>291</v>
      </c>
      <c r="AV6" s="254">
        <v>362</v>
      </c>
      <c r="AW6" s="251">
        <v>653</v>
      </c>
      <c r="AX6" s="253">
        <v>0</v>
      </c>
      <c r="AY6" s="254">
        <v>1358</v>
      </c>
      <c r="AZ6" s="254">
        <v>1654</v>
      </c>
      <c r="BA6" s="254">
        <v>1440</v>
      </c>
      <c r="BB6" s="254">
        <v>1300</v>
      </c>
      <c r="BC6" s="254">
        <v>848</v>
      </c>
      <c r="BD6" s="255">
        <v>6600</v>
      </c>
      <c r="BE6" s="256">
        <v>7253</v>
      </c>
      <c r="BF6" s="250">
        <v>0</v>
      </c>
      <c r="BG6" s="254">
        <v>0</v>
      </c>
      <c r="BH6" s="251">
        <v>0</v>
      </c>
      <c r="BI6" s="253">
        <v>0</v>
      </c>
      <c r="BJ6" s="254">
        <v>1618</v>
      </c>
      <c r="BK6" s="254">
        <v>1432</v>
      </c>
      <c r="BL6" s="254">
        <v>712</v>
      </c>
      <c r="BM6" s="254">
        <v>391</v>
      </c>
      <c r="BN6" s="254">
        <v>153</v>
      </c>
      <c r="BO6" s="251">
        <v>4306</v>
      </c>
      <c r="BP6" s="256">
        <v>4306</v>
      </c>
      <c r="BQ6" s="250">
        <v>139</v>
      </c>
      <c r="BR6" s="254">
        <v>178</v>
      </c>
      <c r="BS6" s="251">
        <v>317</v>
      </c>
      <c r="BT6" s="253">
        <v>0</v>
      </c>
      <c r="BU6" s="254">
        <v>352</v>
      </c>
      <c r="BV6" s="254">
        <v>511</v>
      </c>
      <c r="BW6" s="254">
        <v>314</v>
      </c>
      <c r="BX6" s="254">
        <v>175</v>
      </c>
      <c r="BY6" s="254">
        <v>57</v>
      </c>
      <c r="BZ6" s="251">
        <v>1409</v>
      </c>
      <c r="CA6" s="256">
        <v>1726</v>
      </c>
      <c r="CB6" s="250">
        <v>4</v>
      </c>
      <c r="CC6" s="254">
        <v>20</v>
      </c>
      <c r="CD6" s="251">
        <v>24</v>
      </c>
      <c r="CE6" s="253">
        <v>0</v>
      </c>
      <c r="CF6" s="254">
        <v>185</v>
      </c>
      <c r="CG6" s="254">
        <v>261</v>
      </c>
      <c r="CH6" s="254">
        <v>272</v>
      </c>
      <c r="CI6" s="254">
        <v>213</v>
      </c>
      <c r="CJ6" s="254">
        <v>93</v>
      </c>
      <c r="CK6" s="251">
        <v>1024</v>
      </c>
      <c r="CL6" s="256">
        <v>1048</v>
      </c>
      <c r="CM6" s="250">
        <v>2</v>
      </c>
      <c r="CN6" s="254">
        <v>2</v>
      </c>
      <c r="CO6" s="251">
        <v>4</v>
      </c>
      <c r="CP6" s="253">
        <v>0</v>
      </c>
      <c r="CQ6" s="254">
        <v>17</v>
      </c>
      <c r="CR6" s="254">
        <v>40</v>
      </c>
      <c r="CS6" s="254">
        <v>51</v>
      </c>
      <c r="CT6" s="254">
        <v>46</v>
      </c>
      <c r="CU6" s="254">
        <v>25</v>
      </c>
      <c r="CV6" s="251">
        <v>179</v>
      </c>
      <c r="CW6" s="256">
        <v>183</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32</v>
      </c>
      <c r="DU6" s="254">
        <v>1290</v>
      </c>
      <c r="DV6" s="251">
        <v>1922</v>
      </c>
      <c r="DW6" s="253">
        <v>0</v>
      </c>
      <c r="DX6" s="254">
        <v>1751</v>
      </c>
      <c r="DY6" s="254">
        <v>3094</v>
      </c>
      <c r="DZ6" s="254">
        <v>1802</v>
      </c>
      <c r="EA6" s="254">
        <v>1293</v>
      </c>
      <c r="EB6" s="254">
        <v>730</v>
      </c>
      <c r="EC6" s="251">
        <v>8670</v>
      </c>
      <c r="ED6" s="256">
        <v>10592</v>
      </c>
      <c r="EE6" s="250">
        <v>184</v>
      </c>
      <c r="EF6" s="254">
        <v>138</v>
      </c>
      <c r="EG6" s="251">
        <v>322</v>
      </c>
      <c r="EH6" s="253">
        <v>0</v>
      </c>
      <c r="EI6" s="254">
        <v>550</v>
      </c>
      <c r="EJ6" s="254">
        <v>519</v>
      </c>
      <c r="EK6" s="254">
        <v>443</v>
      </c>
      <c r="EL6" s="254">
        <v>451</v>
      </c>
      <c r="EM6" s="254">
        <v>230</v>
      </c>
      <c r="EN6" s="251">
        <v>2193</v>
      </c>
      <c r="EO6" s="256">
        <v>2515</v>
      </c>
      <c r="EP6" s="250">
        <v>931</v>
      </c>
      <c r="EQ6" s="254">
        <v>1637</v>
      </c>
      <c r="ER6" s="251">
        <v>2568</v>
      </c>
      <c r="ES6" s="253">
        <v>0</v>
      </c>
      <c r="ET6" s="254">
        <v>4198</v>
      </c>
      <c r="EU6" s="254">
        <v>4279</v>
      </c>
      <c r="EV6" s="254">
        <v>2177</v>
      </c>
      <c r="EW6" s="254">
        <v>1402</v>
      </c>
      <c r="EX6" s="254">
        <v>748</v>
      </c>
      <c r="EY6" s="251">
        <v>12804</v>
      </c>
      <c r="EZ6" s="256">
        <v>15372</v>
      </c>
    </row>
    <row r="7" spans="2:156" ht="21" customHeight="1" x14ac:dyDescent="0.2">
      <c r="B7" s="471" t="s">
        <v>5</v>
      </c>
      <c r="C7" s="257">
        <v>0</v>
      </c>
      <c r="D7" s="261">
        <v>0</v>
      </c>
      <c r="E7" s="358">
        <v>0</v>
      </c>
      <c r="F7" s="260">
        <v>0</v>
      </c>
      <c r="G7" s="261">
        <v>493</v>
      </c>
      <c r="H7" s="261">
        <v>645</v>
      </c>
      <c r="I7" s="261">
        <v>339</v>
      </c>
      <c r="J7" s="261">
        <v>242</v>
      </c>
      <c r="K7" s="261">
        <v>181</v>
      </c>
      <c r="L7" s="262">
        <v>1900</v>
      </c>
      <c r="M7" s="263">
        <v>1900</v>
      </c>
      <c r="N7" s="257">
        <v>0</v>
      </c>
      <c r="O7" s="261">
        <v>1</v>
      </c>
      <c r="P7" s="258">
        <v>1</v>
      </c>
      <c r="Q7" s="260">
        <v>0</v>
      </c>
      <c r="R7" s="261">
        <v>2</v>
      </c>
      <c r="S7" s="261">
        <v>10</v>
      </c>
      <c r="T7" s="261">
        <v>27</v>
      </c>
      <c r="U7" s="261">
        <v>54</v>
      </c>
      <c r="V7" s="261">
        <v>97</v>
      </c>
      <c r="W7" s="258">
        <v>190</v>
      </c>
      <c r="X7" s="263">
        <v>191</v>
      </c>
      <c r="Y7" s="257">
        <v>111</v>
      </c>
      <c r="Z7" s="261">
        <v>207</v>
      </c>
      <c r="AA7" s="258">
        <v>318</v>
      </c>
      <c r="AB7" s="260">
        <v>0</v>
      </c>
      <c r="AC7" s="261">
        <v>375</v>
      </c>
      <c r="AD7" s="261">
        <v>675</v>
      </c>
      <c r="AE7" s="261">
        <v>354</v>
      </c>
      <c r="AF7" s="261">
        <v>303</v>
      </c>
      <c r="AG7" s="261">
        <v>163</v>
      </c>
      <c r="AH7" s="258">
        <v>1870</v>
      </c>
      <c r="AI7" s="263">
        <v>2188</v>
      </c>
      <c r="AJ7" s="257">
        <v>9</v>
      </c>
      <c r="AK7" s="261">
        <v>30</v>
      </c>
      <c r="AL7" s="258">
        <v>39</v>
      </c>
      <c r="AM7" s="260">
        <v>0</v>
      </c>
      <c r="AN7" s="261">
        <v>21</v>
      </c>
      <c r="AO7" s="261">
        <v>39</v>
      </c>
      <c r="AP7" s="261">
        <v>34</v>
      </c>
      <c r="AQ7" s="261">
        <v>28</v>
      </c>
      <c r="AR7" s="261">
        <v>14</v>
      </c>
      <c r="AS7" s="258">
        <v>136</v>
      </c>
      <c r="AT7" s="263">
        <v>175</v>
      </c>
      <c r="AU7" s="257">
        <v>129</v>
      </c>
      <c r="AV7" s="261">
        <v>212</v>
      </c>
      <c r="AW7" s="258">
        <v>341</v>
      </c>
      <c r="AX7" s="260">
        <v>0</v>
      </c>
      <c r="AY7" s="261">
        <v>478</v>
      </c>
      <c r="AZ7" s="261">
        <v>749</v>
      </c>
      <c r="BA7" s="261">
        <v>635</v>
      </c>
      <c r="BB7" s="261">
        <v>564</v>
      </c>
      <c r="BC7" s="261">
        <v>382</v>
      </c>
      <c r="BD7" s="262">
        <v>2808</v>
      </c>
      <c r="BE7" s="263">
        <v>3149</v>
      </c>
      <c r="BF7" s="257">
        <v>0</v>
      </c>
      <c r="BG7" s="261">
        <v>0</v>
      </c>
      <c r="BH7" s="258">
        <v>0</v>
      </c>
      <c r="BI7" s="260">
        <v>0</v>
      </c>
      <c r="BJ7" s="261">
        <v>584</v>
      </c>
      <c r="BK7" s="261">
        <v>621</v>
      </c>
      <c r="BL7" s="261">
        <v>299</v>
      </c>
      <c r="BM7" s="261">
        <v>152</v>
      </c>
      <c r="BN7" s="261">
        <v>63</v>
      </c>
      <c r="BO7" s="258">
        <v>1719</v>
      </c>
      <c r="BP7" s="263">
        <v>1719</v>
      </c>
      <c r="BQ7" s="257">
        <v>70</v>
      </c>
      <c r="BR7" s="261">
        <v>91</v>
      </c>
      <c r="BS7" s="258">
        <v>161</v>
      </c>
      <c r="BT7" s="260">
        <v>0</v>
      </c>
      <c r="BU7" s="261">
        <v>125</v>
      </c>
      <c r="BV7" s="261">
        <v>230</v>
      </c>
      <c r="BW7" s="261">
        <v>149</v>
      </c>
      <c r="BX7" s="261">
        <v>89</v>
      </c>
      <c r="BY7" s="261">
        <v>25</v>
      </c>
      <c r="BZ7" s="258">
        <v>618</v>
      </c>
      <c r="CA7" s="263">
        <v>779</v>
      </c>
      <c r="CB7" s="257">
        <v>1</v>
      </c>
      <c r="CC7" s="261">
        <v>10</v>
      </c>
      <c r="CD7" s="258">
        <v>11</v>
      </c>
      <c r="CE7" s="260">
        <v>0</v>
      </c>
      <c r="CF7" s="261">
        <v>57</v>
      </c>
      <c r="CG7" s="261">
        <v>91</v>
      </c>
      <c r="CH7" s="261">
        <v>110</v>
      </c>
      <c r="CI7" s="261">
        <v>75</v>
      </c>
      <c r="CJ7" s="261">
        <v>39</v>
      </c>
      <c r="CK7" s="258">
        <v>372</v>
      </c>
      <c r="CL7" s="263">
        <v>383</v>
      </c>
      <c r="CM7" s="257">
        <v>1</v>
      </c>
      <c r="CN7" s="261">
        <v>2</v>
      </c>
      <c r="CO7" s="258">
        <v>3</v>
      </c>
      <c r="CP7" s="260">
        <v>0</v>
      </c>
      <c r="CQ7" s="261">
        <v>10</v>
      </c>
      <c r="CR7" s="261">
        <v>28</v>
      </c>
      <c r="CS7" s="261">
        <v>31</v>
      </c>
      <c r="CT7" s="261">
        <v>28</v>
      </c>
      <c r="CU7" s="261">
        <v>15</v>
      </c>
      <c r="CV7" s="258">
        <v>112</v>
      </c>
      <c r="CW7" s="263">
        <v>115</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42</v>
      </c>
      <c r="DU7" s="261">
        <v>630</v>
      </c>
      <c r="DV7" s="258">
        <v>872</v>
      </c>
      <c r="DW7" s="260">
        <v>0</v>
      </c>
      <c r="DX7" s="261">
        <v>571</v>
      </c>
      <c r="DY7" s="261">
        <v>1407</v>
      </c>
      <c r="DZ7" s="261">
        <v>806</v>
      </c>
      <c r="EA7" s="261">
        <v>557</v>
      </c>
      <c r="EB7" s="261">
        <v>332</v>
      </c>
      <c r="EC7" s="258">
        <v>3673</v>
      </c>
      <c r="ED7" s="263">
        <v>4545</v>
      </c>
      <c r="EE7" s="257">
        <v>74</v>
      </c>
      <c r="EF7" s="261">
        <v>77</v>
      </c>
      <c r="EG7" s="258">
        <v>151</v>
      </c>
      <c r="EH7" s="260">
        <v>0</v>
      </c>
      <c r="EI7" s="261">
        <v>206</v>
      </c>
      <c r="EJ7" s="261">
        <v>236</v>
      </c>
      <c r="EK7" s="261">
        <v>204</v>
      </c>
      <c r="EL7" s="261">
        <v>214</v>
      </c>
      <c r="EM7" s="261">
        <v>109</v>
      </c>
      <c r="EN7" s="258">
        <v>969</v>
      </c>
      <c r="EO7" s="263">
        <v>1120</v>
      </c>
      <c r="EP7" s="257">
        <v>390</v>
      </c>
      <c r="EQ7" s="261">
        <v>808</v>
      </c>
      <c r="ER7" s="258">
        <v>1198</v>
      </c>
      <c r="ES7" s="260">
        <v>0</v>
      </c>
      <c r="ET7" s="261">
        <v>1567</v>
      </c>
      <c r="EU7" s="261">
        <v>1986</v>
      </c>
      <c r="EV7" s="261">
        <v>984</v>
      </c>
      <c r="EW7" s="261">
        <v>622</v>
      </c>
      <c r="EX7" s="261">
        <v>337</v>
      </c>
      <c r="EY7" s="258">
        <v>5496</v>
      </c>
      <c r="EZ7" s="263">
        <v>6694</v>
      </c>
    </row>
    <row r="8" spans="2:156" ht="21" customHeight="1" x14ac:dyDescent="0.2">
      <c r="B8" s="472" t="s">
        <v>6</v>
      </c>
      <c r="C8" s="257">
        <v>0</v>
      </c>
      <c r="D8" s="261">
        <v>0</v>
      </c>
      <c r="E8" s="358">
        <v>0</v>
      </c>
      <c r="F8" s="260">
        <v>0</v>
      </c>
      <c r="G8" s="261">
        <v>180</v>
      </c>
      <c r="H8" s="261">
        <v>154</v>
      </c>
      <c r="I8" s="261">
        <v>72</v>
      </c>
      <c r="J8" s="261">
        <v>66</v>
      </c>
      <c r="K8" s="261">
        <v>52</v>
      </c>
      <c r="L8" s="262">
        <v>524</v>
      </c>
      <c r="M8" s="263">
        <v>524</v>
      </c>
      <c r="N8" s="257">
        <v>0</v>
      </c>
      <c r="O8" s="261">
        <v>0</v>
      </c>
      <c r="P8" s="258">
        <v>0</v>
      </c>
      <c r="Q8" s="260">
        <v>0</v>
      </c>
      <c r="R8" s="261">
        <v>3</v>
      </c>
      <c r="S8" s="261">
        <v>3</v>
      </c>
      <c r="T8" s="261">
        <v>7</v>
      </c>
      <c r="U8" s="261">
        <v>11</v>
      </c>
      <c r="V8" s="261">
        <v>23</v>
      </c>
      <c r="W8" s="258">
        <v>47</v>
      </c>
      <c r="X8" s="263">
        <v>47</v>
      </c>
      <c r="Y8" s="257">
        <v>18</v>
      </c>
      <c r="Z8" s="261">
        <v>40</v>
      </c>
      <c r="AA8" s="258">
        <v>58</v>
      </c>
      <c r="AB8" s="260">
        <v>0</v>
      </c>
      <c r="AC8" s="261">
        <v>146</v>
      </c>
      <c r="AD8" s="261">
        <v>156</v>
      </c>
      <c r="AE8" s="261">
        <v>71</v>
      </c>
      <c r="AF8" s="261">
        <v>74</v>
      </c>
      <c r="AG8" s="261">
        <v>53</v>
      </c>
      <c r="AH8" s="258">
        <v>500</v>
      </c>
      <c r="AI8" s="263">
        <v>558</v>
      </c>
      <c r="AJ8" s="257">
        <v>3</v>
      </c>
      <c r="AK8" s="261">
        <v>4</v>
      </c>
      <c r="AL8" s="258">
        <v>7</v>
      </c>
      <c r="AM8" s="260">
        <v>0</v>
      </c>
      <c r="AN8" s="261">
        <v>17</v>
      </c>
      <c r="AO8" s="261">
        <v>17</v>
      </c>
      <c r="AP8" s="261">
        <v>8</v>
      </c>
      <c r="AQ8" s="261">
        <v>9</v>
      </c>
      <c r="AR8" s="261">
        <v>4</v>
      </c>
      <c r="AS8" s="258">
        <v>55</v>
      </c>
      <c r="AT8" s="263">
        <v>62</v>
      </c>
      <c r="AU8" s="257">
        <v>51</v>
      </c>
      <c r="AV8" s="261">
        <v>46</v>
      </c>
      <c r="AW8" s="258">
        <v>97</v>
      </c>
      <c r="AX8" s="260">
        <v>0</v>
      </c>
      <c r="AY8" s="261">
        <v>237</v>
      </c>
      <c r="AZ8" s="261">
        <v>224</v>
      </c>
      <c r="BA8" s="261">
        <v>183</v>
      </c>
      <c r="BB8" s="261">
        <v>186</v>
      </c>
      <c r="BC8" s="261">
        <v>118</v>
      </c>
      <c r="BD8" s="262">
        <v>948</v>
      </c>
      <c r="BE8" s="263">
        <v>1045</v>
      </c>
      <c r="BF8" s="257">
        <v>0</v>
      </c>
      <c r="BG8" s="261">
        <v>0</v>
      </c>
      <c r="BH8" s="258">
        <v>0</v>
      </c>
      <c r="BI8" s="260">
        <v>0</v>
      </c>
      <c r="BJ8" s="261">
        <v>230</v>
      </c>
      <c r="BK8" s="261">
        <v>187</v>
      </c>
      <c r="BL8" s="261">
        <v>72</v>
      </c>
      <c r="BM8" s="261">
        <v>52</v>
      </c>
      <c r="BN8" s="261">
        <v>25</v>
      </c>
      <c r="BO8" s="258">
        <v>566</v>
      </c>
      <c r="BP8" s="263">
        <v>566</v>
      </c>
      <c r="BQ8" s="257">
        <v>8</v>
      </c>
      <c r="BR8" s="261">
        <v>11</v>
      </c>
      <c r="BS8" s="258">
        <v>19</v>
      </c>
      <c r="BT8" s="260">
        <v>0</v>
      </c>
      <c r="BU8" s="261">
        <v>44</v>
      </c>
      <c r="BV8" s="261">
        <v>52</v>
      </c>
      <c r="BW8" s="261">
        <v>37</v>
      </c>
      <c r="BX8" s="261">
        <v>20</v>
      </c>
      <c r="BY8" s="261">
        <v>12</v>
      </c>
      <c r="BZ8" s="258">
        <v>165</v>
      </c>
      <c r="CA8" s="263">
        <v>184</v>
      </c>
      <c r="CB8" s="257">
        <v>0</v>
      </c>
      <c r="CC8" s="261">
        <v>3</v>
      </c>
      <c r="CD8" s="258">
        <v>3</v>
      </c>
      <c r="CE8" s="260">
        <v>0</v>
      </c>
      <c r="CF8" s="261">
        <v>27</v>
      </c>
      <c r="CG8" s="261">
        <v>25</v>
      </c>
      <c r="CH8" s="261">
        <v>27</v>
      </c>
      <c r="CI8" s="261">
        <v>21</v>
      </c>
      <c r="CJ8" s="261">
        <v>13</v>
      </c>
      <c r="CK8" s="258">
        <v>113</v>
      </c>
      <c r="CL8" s="263">
        <v>116</v>
      </c>
      <c r="CM8" s="257">
        <v>0</v>
      </c>
      <c r="CN8" s="261">
        <v>0</v>
      </c>
      <c r="CO8" s="258">
        <v>0</v>
      </c>
      <c r="CP8" s="260">
        <v>0</v>
      </c>
      <c r="CQ8" s="261">
        <v>2</v>
      </c>
      <c r="CR8" s="261">
        <v>4</v>
      </c>
      <c r="CS8" s="261">
        <v>3</v>
      </c>
      <c r="CT8" s="261">
        <v>7</v>
      </c>
      <c r="CU8" s="261">
        <v>4</v>
      </c>
      <c r="CV8" s="258">
        <v>20</v>
      </c>
      <c r="CW8" s="263">
        <v>20</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76</v>
      </c>
      <c r="DU8" s="261">
        <v>123</v>
      </c>
      <c r="DV8" s="258">
        <v>199</v>
      </c>
      <c r="DW8" s="260">
        <v>0</v>
      </c>
      <c r="DX8" s="261">
        <v>271</v>
      </c>
      <c r="DY8" s="261">
        <v>356</v>
      </c>
      <c r="DZ8" s="261">
        <v>199</v>
      </c>
      <c r="EA8" s="261">
        <v>170</v>
      </c>
      <c r="EB8" s="261">
        <v>99</v>
      </c>
      <c r="EC8" s="258">
        <v>1095</v>
      </c>
      <c r="ED8" s="263">
        <v>1294</v>
      </c>
      <c r="EE8" s="257">
        <v>30</v>
      </c>
      <c r="EF8" s="261">
        <v>14</v>
      </c>
      <c r="EG8" s="258">
        <v>44</v>
      </c>
      <c r="EH8" s="260">
        <v>0</v>
      </c>
      <c r="EI8" s="261">
        <v>85</v>
      </c>
      <c r="EJ8" s="261">
        <v>60</v>
      </c>
      <c r="EK8" s="261">
        <v>61</v>
      </c>
      <c r="EL8" s="261">
        <v>60</v>
      </c>
      <c r="EM8" s="261">
        <v>32</v>
      </c>
      <c r="EN8" s="258">
        <v>298</v>
      </c>
      <c r="EO8" s="263">
        <v>342</v>
      </c>
      <c r="EP8" s="257">
        <v>102</v>
      </c>
      <c r="EQ8" s="261">
        <v>159</v>
      </c>
      <c r="ER8" s="258">
        <v>261</v>
      </c>
      <c r="ES8" s="260">
        <v>0</v>
      </c>
      <c r="ET8" s="261">
        <v>594</v>
      </c>
      <c r="EU8" s="261">
        <v>478</v>
      </c>
      <c r="EV8" s="261">
        <v>235</v>
      </c>
      <c r="EW8" s="261">
        <v>177</v>
      </c>
      <c r="EX8" s="261">
        <v>102</v>
      </c>
      <c r="EY8" s="258">
        <v>1586</v>
      </c>
      <c r="EZ8" s="263">
        <v>1847</v>
      </c>
    </row>
    <row r="9" spans="2:156" ht="21" customHeight="1" x14ac:dyDescent="0.2">
      <c r="B9" s="472" t="s">
        <v>14</v>
      </c>
      <c r="C9" s="257">
        <v>0</v>
      </c>
      <c r="D9" s="261">
        <v>0</v>
      </c>
      <c r="E9" s="358">
        <v>0</v>
      </c>
      <c r="F9" s="260">
        <v>0</v>
      </c>
      <c r="G9" s="261">
        <v>54</v>
      </c>
      <c r="H9" s="261">
        <v>101</v>
      </c>
      <c r="I9" s="261">
        <v>52</v>
      </c>
      <c r="J9" s="261">
        <v>42</v>
      </c>
      <c r="K9" s="261">
        <v>28</v>
      </c>
      <c r="L9" s="262">
        <v>277</v>
      </c>
      <c r="M9" s="263">
        <v>277</v>
      </c>
      <c r="N9" s="257">
        <v>0</v>
      </c>
      <c r="O9" s="261">
        <v>0</v>
      </c>
      <c r="P9" s="258">
        <v>0</v>
      </c>
      <c r="Q9" s="260">
        <v>0</v>
      </c>
      <c r="R9" s="261">
        <v>0</v>
      </c>
      <c r="S9" s="261">
        <v>1</v>
      </c>
      <c r="T9" s="261">
        <v>5</v>
      </c>
      <c r="U9" s="261">
        <v>8</v>
      </c>
      <c r="V9" s="261">
        <v>6</v>
      </c>
      <c r="W9" s="258">
        <v>20</v>
      </c>
      <c r="X9" s="263">
        <v>20</v>
      </c>
      <c r="Y9" s="257">
        <v>10</v>
      </c>
      <c r="Z9" s="261">
        <v>22</v>
      </c>
      <c r="AA9" s="258">
        <v>32</v>
      </c>
      <c r="AB9" s="260">
        <v>0</v>
      </c>
      <c r="AC9" s="261">
        <v>51</v>
      </c>
      <c r="AD9" s="261">
        <v>93</v>
      </c>
      <c r="AE9" s="261">
        <v>62</v>
      </c>
      <c r="AF9" s="261">
        <v>40</v>
      </c>
      <c r="AG9" s="261">
        <v>33</v>
      </c>
      <c r="AH9" s="258">
        <v>279</v>
      </c>
      <c r="AI9" s="263">
        <v>311</v>
      </c>
      <c r="AJ9" s="257">
        <v>1</v>
      </c>
      <c r="AK9" s="261">
        <v>3</v>
      </c>
      <c r="AL9" s="258">
        <v>4</v>
      </c>
      <c r="AM9" s="260">
        <v>0</v>
      </c>
      <c r="AN9" s="261">
        <v>1</v>
      </c>
      <c r="AO9" s="261">
        <v>2</v>
      </c>
      <c r="AP9" s="261">
        <v>4</v>
      </c>
      <c r="AQ9" s="261">
        <v>4</v>
      </c>
      <c r="AR9" s="261">
        <v>1</v>
      </c>
      <c r="AS9" s="258">
        <v>12</v>
      </c>
      <c r="AT9" s="263">
        <v>16</v>
      </c>
      <c r="AU9" s="257">
        <v>16</v>
      </c>
      <c r="AV9" s="261">
        <v>25</v>
      </c>
      <c r="AW9" s="258">
        <v>41</v>
      </c>
      <c r="AX9" s="260">
        <v>0</v>
      </c>
      <c r="AY9" s="261">
        <v>90</v>
      </c>
      <c r="AZ9" s="261">
        <v>112</v>
      </c>
      <c r="BA9" s="261">
        <v>108</v>
      </c>
      <c r="BB9" s="261">
        <v>86</v>
      </c>
      <c r="BC9" s="261">
        <v>60</v>
      </c>
      <c r="BD9" s="262">
        <v>456</v>
      </c>
      <c r="BE9" s="263">
        <v>497</v>
      </c>
      <c r="BF9" s="257">
        <v>0</v>
      </c>
      <c r="BG9" s="261">
        <v>0</v>
      </c>
      <c r="BH9" s="258">
        <v>0</v>
      </c>
      <c r="BI9" s="260">
        <v>0</v>
      </c>
      <c r="BJ9" s="261">
        <v>116</v>
      </c>
      <c r="BK9" s="261">
        <v>118</v>
      </c>
      <c r="BL9" s="261">
        <v>74</v>
      </c>
      <c r="BM9" s="261">
        <v>36</v>
      </c>
      <c r="BN9" s="261">
        <v>16</v>
      </c>
      <c r="BO9" s="258">
        <v>360</v>
      </c>
      <c r="BP9" s="263">
        <v>360</v>
      </c>
      <c r="BQ9" s="257">
        <v>5</v>
      </c>
      <c r="BR9" s="261">
        <v>10</v>
      </c>
      <c r="BS9" s="258">
        <v>15</v>
      </c>
      <c r="BT9" s="260">
        <v>0</v>
      </c>
      <c r="BU9" s="261">
        <v>14</v>
      </c>
      <c r="BV9" s="261">
        <v>32</v>
      </c>
      <c r="BW9" s="261">
        <v>14</v>
      </c>
      <c r="BX9" s="261">
        <v>10</v>
      </c>
      <c r="BY9" s="261">
        <v>0</v>
      </c>
      <c r="BZ9" s="258">
        <v>70</v>
      </c>
      <c r="CA9" s="263">
        <v>85</v>
      </c>
      <c r="CB9" s="257">
        <v>0</v>
      </c>
      <c r="CC9" s="261">
        <v>0</v>
      </c>
      <c r="CD9" s="258">
        <v>0</v>
      </c>
      <c r="CE9" s="260">
        <v>0</v>
      </c>
      <c r="CF9" s="261">
        <v>11</v>
      </c>
      <c r="CG9" s="261">
        <v>21</v>
      </c>
      <c r="CH9" s="261">
        <v>21</v>
      </c>
      <c r="CI9" s="261">
        <v>15</v>
      </c>
      <c r="CJ9" s="261">
        <v>9</v>
      </c>
      <c r="CK9" s="258">
        <v>77</v>
      </c>
      <c r="CL9" s="263">
        <v>77</v>
      </c>
      <c r="CM9" s="257">
        <v>0</v>
      </c>
      <c r="CN9" s="261">
        <v>0</v>
      </c>
      <c r="CO9" s="258">
        <v>0</v>
      </c>
      <c r="CP9" s="260">
        <v>0</v>
      </c>
      <c r="CQ9" s="261">
        <v>0</v>
      </c>
      <c r="CR9" s="261">
        <v>2</v>
      </c>
      <c r="CS9" s="261">
        <v>2</v>
      </c>
      <c r="CT9" s="261">
        <v>1</v>
      </c>
      <c r="CU9" s="261">
        <v>1</v>
      </c>
      <c r="CV9" s="258">
        <v>6</v>
      </c>
      <c r="CW9" s="263">
        <v>6</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40</v>
      </c>
      <c r="DU9" s="261">
        <v>99</v>
      </c>
      <c r="DV9" s="258">
        <v>139</v>
      </c>
      <c r="DW9" s="260">
        <v>0</v>
      </c>
      <c r="DX9" s="261">
        <v>111</v>
      </c>
      <c r="DY9" s="261">
        <v>252</v>
      </c>
      <c r="DZ9" s="261">
        <v>149</v>
      </c>
      <c r="EA9" s="261">
        <v>101</v>
      </c>
      <c r="EB9" s="261">
        <v>52</v>
      </c>
      <c r="EC9" s="258">
        <v>665</v>
      </c>
      <c r="ED9" s="263">
        <v>804</v>
      </c>
      <c r="EE9" s="257">
        <v>13</v>
      </c>
      <c r="EF9" s="261">
        <v>9</v>
      </c>
      <c r="EG9" s="258">
        <v>22</v>
      </c>
      <c r="EH9" s="260">
        <v>0</v>
      </c>
      <c r="EI9" s="261">
        <v>35</v>
      </c>
      <c r="EJ9" s="261">
        <v>24</v>
      </c>
      <c r="EK9" s="261">
        <v>26</v>
      </c>
      <c r="EL9" s="261">
        <v>20</v>
      </c>
      <c r="EM9" s="261">
        <v>13</v>
      </c>
      <c r="EN9" s="258">
        <v>118</v>
      </c>
      <c r="EO9" s="263">
        <v>140</v>
      </c>
      <c r="EP9" s="257">
        <v>53</v>
      </c>
      <c r="EQ9" s="261">
        <v>118</v>
      </c>
      <c r="ER9" s="258">
        <v>171</v>
      </c>
      <c r="ES9" s="260">
        <v>0</v>
      </c>
      <c r="ET9" s="261">
        <v>266</v>
      </c>
      <c r="EU9" s="261">
        <v>348</v>
      </c>
      <c r="EV9" s="261">
        <v>184</v>
      </c>
      <c r="EW9" s="261">
        <v>106</v>
      </c>
      <c r="EX9" s="261">
        <v>52</v>
      </c>
      <c r="EY9" s="258">
        <v>956</v>
      </c>
      <c r="EZ9" s="263">
        <v>1127</v>
      </c>
    </row>
    <row r="10" spans="2:156" ht="21" customHeight="1" x14ac:dyDescent="0.2">
      <c r="B10" s="472" t="s">
        <v>7</v>
      </c>
      <c r="C10" s="257">
        <v>0</v>
      </c>
      <c r="D10" s="261">
        <v>0</v>
      </c>
      <c r="E10" s="358">
        <v>0</v>
      </c>
      <c r="F10" s="260">
        <v>0</v>
      </c>
      <c r="G10" s="261">
        <v>125</v>
      </c>
      <c r="H10" s="261">
        <v>92</v>
      </c>
      <c r="I10" s="261">
        <v>40</v>
      </c>
      <c r="J10" s="261">
        <v>41</v>
      </c>
      <c r="K10" s="261">
        <v>28</v>
      </c>
      <c r="L10" s="262">
        <v>326</v>
      </c>
      <c r="M10" s="263">
        <v>326</v>
      </c>
      <c r="N10" s="257">
        <v>0</v>
      </c>
      <c r="O10" s="261">
        <v>0</v>
      </c>
      <c r="P10" s="258">
        <v>0</v>
      </c>
      <c r="Q10" s="260">
        <v>0</v>
      </c>
      <c r="R10" s="261">
        <v>1</v>
      </c>
      <c r="S10" s="261">
        <v>7</v>
      </c>
      <c r="T10" s="261">
        <v>6</v>
      </c>
      <c r="U10" s="261">
        <v>10</v>
      </c>
      <c r="V10" s="261">
        <v>12</v>
      </c>
      <c r="W10" s="258">
        <v>36</v>
      </c>
      <c r="X10" s="263">
        <v>36</v>
      </c>
      <c r="Y10" s="257">
        <v>3</v>
      </c>
      <c r="Z10" s="261">
        <v>1</v>
      </c>
      <c r="AA10" s="258">
        <v>4</v>
      </c>
      <c r="AB10" s="260">
        <v>0</v>
      </c>
      <c r="AC10" s="261">
        <v>49</v>
      </c>
      <c r="AD10" s="261">
        <v>46</v>
      </c>
      <c r="AE10" s="261">
        <v>26</v>
      </c>
      <c r="AF10" s="261">
        <v>24</v>
      </c>
      <c r="AG10" s="261">
        <v>13</v>
      </c>
      <c r="AH10" s="258">
        <v>158</v>
      </c>
      <c r="AI10" s="263">
        <v>162</v>
      </c>
      <c r="AJ10" s="257">
        <v>1</v>
      </c>
      <c r="AK10" s="261">
        <v>0</v>
      </c>
      <c r="AL10" s="258">
        <v>1</v>
      </c>
      <c r="AM10" s="260">
        <v>0</v>
      </c>
      <c r="AN10" s="261">
        <v>6</v>
      </c>
      <c r="AO10" s="261">
        <v>6</v>
      </c>
      <c r="AP10" s="261">
        <v>12</v>
      </c>
      <c r="AQ10" s="261">
        <v>5</v>
      </c>
      <c r="AR10" s="261">
        <v>1</v>
      </c>
      <c r="AS10" s="258">
        <v>30</v>
      </c>
      <c r="AT10" s="263">
        <v>31</v>
      </c>
      <c r="AU10" s="257">
        <v>14</v>
      </c>
      <c r="AV10" s="261">
        <v>15</v>
      </c>
      <c r="AW10" s="258">
        <v>29</v>
      </c>
      <c r="AX10" s="260">
        <v>0</v>
      </c>
      <c r="AY10" s="261">
        <v>117</v>
      </c>
      <c r="AZ10" s="261">
        <v>119</v>
      </c>
      <c r="BA10" s="261">
        <v>101</v>
      </c>
      <c r="BB10" s="261">
        <v>74</v>
      </c>
      <c r="BC10" s="261">
        <v>54</v>
      </c>
      <c r="BD10" s="262">
        <v>465</v>
      </c>
      <c r="BE10" s="263">
        <v>494</v>
      </c>
      <c r="BF10" s="257">
        <v>0</v>
      </c>
      <c r="BG10" s="261">
        <v>0</v>
      </c>
      <c r="BH10" s="258">
        <v>0</v>
      </c>
      <c r="BI10" s="260">
        <v>0</v>
      </c>
      <c r="BJ10" s="261">
        <v>146</v>
      </c>
      <c r="BK10" s="261">
        <v>98</v>
      </c>
      <c r="BL10" s="261">
        <v>41</v>
      </c>
      <c r="BM10" s="261">
        <v>17</v>
      </c>
      <c r="BN10" s="261">
        <v>10</v>
      </c>
      <c r="BO10" s="258">
        <v>312</v>
      </c>
      <c r="BP10" s="263">
        <v>312</v>
      </c>
      <c r="BQ10" s="257">
        <v>1</v>
      </c>
      <c r="BR10" s="261">
        <v>3</v>
      </c>
      <c r="BS10" s="258">
        <v>4</v>
      </c>
      <c r="BT10" s="260">
        <v>0</v>
      </c>
      <c r="BU10" s="261">
        <v>18</v>
      </c>
      <c r="BV10" s="261">
        <v>25</v>
      </c>
      <c r="BW10" s="261">
        <v>11</v>
      </c>
      <c r="BX10" s="261">
        <v>7</v>
      </c>
      <c r="BY10" s="261">
        <v>2</v>
      </c>
      <c r="BZ10" s="258">
        <v>63</v>
      </c>
      <c r="CA10" s="263">
        <v>67</v>
      </c>
      <c r="CB10" s="257">
        <v>0</v>
      </c>
      <c r="CC10" s="261">
        <v>1</v>
      </c>
      <c r="CD10" s="258">
        <v>1</v>
      </c>
      <c r="CE10" s="260">
        <v>0</v>
      </c>
      <c r="CF10" s="261">
        <v>24</v>
      </c>
      <c r="CG10" s="261">
        <v>34</v>
      </c>
      <c r="CH10" s="261">
        <v>25</v>
      </c>
      <c r="CI10" s="261">
        <v>18</v>
      </c>
      <c r="CJ10" s="261">
        <v>7</v>
      </c>
      <c r="CK10" s="258">
        <v>108</v>
      </c>
      <c r="CL10" s="263">
        <v>109</v>
      </c>
      <c r="CM10" s="257">
        <v>0</v>
      </c>
      <c r="CN10" s="261">
        <v>0</v>
      </c>
      <c r="CO10" s="258">
        <v>0</v>
      </c>
      <c r="CP10" s="260">
        <v>0</v>
      </c>
      <c r="CQ10" s="261">
        <v>0</v>
      </c>
      <c r="CR10" s="261">
        <v>0</v>
      </c>
      <c r="CS10" s="261">
        <v>0</v>
      </c>
      <c r="CT10" s="261">
        <v>2</v>
      </c>
      <c r="CU10" s="261">
        <v>1</v>
      </c>
      <c r="CV10" s="258">
        <v>3</v>
      </c>
      <c r="CW10" s="263">
        <v>3</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28</v>
      </c>
      <c r="DU10" s="261">
        <v>35</v>
      </c>
      <c r="DV10" s="258">
        <v>63</v>
      </c>
      <c r="DW10" s="260">
        <v>0</v>
      </c>
      <c r="DX10" s="261">
        <v>148</v>
      </c>
      <c r="DY10" s="261">
        <v>203</v>
      </c>
      <c r="DZ10" s="261">
        <v>100</v>
      </c>
      <c r="EA10" s="261">
        <v>78</v>
      </c>
      <c r="EB10" s="261">
        <v>45</v>
      </c>
      <c r="EC10" s="258">
        <v>574</v>
      </c>
      <c r="ED10" s="263">
        <v>637</v>
      </c>
      <c r="EE10" s="257">
        <v>7</v>
      </c>
      <c r="EF10" s="261">
        <v>11</v>
      </c>
      <c r="EG10" s="258">
        <v>18</v>
      </c>
      <c r="EH10" s="260">
        <v>0</v>
      </c>
      <c r="EI10" s="261">
        <v>45</v>
      </c>
      <c r="EJ10" s="261">
        <v>46</v>
      </c>
      <c r="EK10" s="261">
        <v>31</v>
      </c>
      <c r="EL10" s="261">
        <v>21</v>
      </c>
      <c r="EM10" s="261">
        <v>12</v>
      </c>
      <c r="EN10" s="258">
        <v>155</v>
      </c>
      <c r="EO10" s="263">
        <v>173</v>
      </c>
      <c r="EP10" s="257">
        <v>35</v>
      </c>
      <c r="EQ10" s="261">
        <v>39</v>
      </c>
      <c r="ER10" s="258">
        <v>74</v>
      </c>
      <c r="ES10" s="260">
        <v>0</v>
      </c>
      <c r="ET10" s="261">
        <v>356</v>
      </c>
      <c r="EU10" s="261">
        <v>279</v>
      </c>
      <c r="EV10" s="261">
        <v>124</v>
      </c>
      <c r="EW10" s="261">
        <v>85</v>
      </c>
      <c r="EX10" s="261">
        <v>49</v>
      </c>
      <c r="EY10" s="258">
        <v>893</v>
      </c>
      <c r="EZ10" s="263">
        <v>967</v>
      </c>
    </row>
    <row r="11" spans="2:156" ht="21" customHeight="1" x14ac:dyDescent="0.2">
      <c r="B11" s="472" t="s">
        <v>8</v>
      </c>
      <c r="C11" s="257">
        <v>0</v>
      </c>
      <c r="D11" s="261">
        <v>0</v>
      </c>
      <c r="E11" s="358">
        <v>0</v>
      </c>
      <c r="F11" s="260">
        <v>0</v>
      </c>
      <c r="G11" s="261">
        <v>18</v>
      </c>
      <c r="H11" s="261">
        <v>33</v>
      </c>
      <c r="I11" s="261">
        <v>30</v>
      </c>
      <c r="J11" s="261">
        <v>9</v>
      </c>
      <c r="K11" s="261">
        <v>10</v>
      </c>
      <c r="L11" s="262">
        <v>100</v>
      </c>
      <c r="M11" s="263">
        <v>100</v>
      </c>
      <c r="N11" s="257">
        <v>0</v>
      </c>
      <c r="O11" s="261">
        <v>0</v>
      </c>
      <c r="P11" s="258">
        <v>0</v>
      </c>
      <c r="Q11" s="260">
        <v>0</v>
      </c>
      <c r="R11" s="261">
        <v>0</v>
      </c>
      <c r="S11" s="261">
        <v>0</v>
      </c>
      <c r="T11" s="261">
        <v>0</v>
      </c>
      <c r="U11" s="261">
        <v>1</v>
      </c>
      <c r="V11" s="261">
        <v>7</v>
      </c>
      <c r="W11" s="258">
        <v>8</v>
      </c>
      <c r="X11" s="263">
        <v>8</v>
      </c>
      <c r="Y11" s="257">
        <v>1</v>
      </c>
      <c r="Z11" s="261">
        <v>3</v>
      </c>
      <c r="AA11" s="258">
        <v>4</v>
      </c>
      <c r="AB11" s="260">
        <v>0</v>
      </c>
      <c r="AC11" s="261">
        <v>20</v>
      </c>
      <c r="AD11" s="261">
        <v>30</v>
      </c>
      <c r="AE11" s="261">
        <v>28</v>
      </c>
      <c r="AF11" s="261">
        <v>8</v>
      </c>
      <c r="AG11" s="261">
        <v>9</v>
      </c>
      <c r="AH11" s="258">
        <v>95</v>
      </c>
      <c r="AI11" s="263">
        <v>99</v>
      </c>
      <c r="AJ11" s="257">
        <v>0</v>
      </c>
      <c r="AK11" s="261">
        <v>1</v>
      </c>
      <c r="AL11" s="258">
        <v>1</v>
      </c>
      <c r="AM11" s="260">
        <v>0</v>
      </c>
      <c r="AN11" s="261">
        <v>1</v>
      </c>
      <c r="AO11" s="261">
        <v>2</v>
      </c>
      <c r="AP11" s="261">
        <v>5</v>
      </c>
      <c r="AQ11" s="261">
        <v>4</v>
      </c>
      <c r="AR11" s="261">
        <v>0</v>
      </c>
      <c r="AS11" s="258">
        <v>12</v>
      </c>
      <c r="AT11" s="263">
        <v>13</v>
      </c>
      <c r="AU11" s="257">
        <v>10</v>
      </c>
      <c r="AV11" s="261">
        <v>4</v>
      </c>
      <c r="AW11" s="258">
        <v>14</v>
      </c>
      <c r="AX11" s="260">
        <v>0</v>
      </c>
      <c r="AY11" s="261">
        <v>37</v>
      </c>
      <c r="AZ11" s="261">
        <v>34</v>
      </c>
      <c r="BA11" s="261">
        <v>47</v>
      </c>
      <c r="BB11" s="261">
        <v>22</v>
      </c>
      <c r="BC11" s="261">
        <v>21</v>
      </c>
      <c r="BD11" s="262">
        <v>161</v>
      </c>
      <c r="BE11" s="263">
        <v>175</v>
      </c>
      <c r="BF11" s="257">
        <v>0</v>
      </c>
      <c r="BG11" s="261">
        <v>0</v>
      </c>
      <c r="BH11" s="258">
        <v>0</v>
      </c>
      <c r="BI11" s="260">
        <v>0</v>
      </c>
      <c r="BJ11" s="261">
        <v>35</v>
      </c>
      <c r="BK11" s="261">
        <v>32</v>
      </c>
      <c r="BL11" s="261">
        <v>21</v>
      </c>
      <c r="BM11" s="261">
        <v>12</v>
      </c>
      <c r="BN11" s="261">
        <v>5</v>
      </c>
      <c r="BO11" s="258">
        <v>105</v>
      </c>
      <c r="BP11" s="263">
        <v>105</v>
      </c>
      <c r="BQ11" s="257">
        <v>5</v>
      </c>
      <c r="BR11" s="261">
        <v>3</v>
      </c>
      <c r="BS11" s="258">
        <v>8</v>
      </c>
      <c r="BT11" s="260">
        <v>0</v>
      </c>
      <c r="BU11" s="261">
        <v>9</v>
      </c>
      <c r="BV11" s="261">
        <v>9</v>
      </c>
      <c r="BW11" s="261">
        <v>9</v>
      </c>
      <c r="BX11" s="261">
        <v>2</v>
      </c>
      <c r="BY11" s="261">
        <v>0</v>
      </c>
      <c r="BZ11" s="258">
        <v>29</v>
      </c>
      <c r="CA11" s="263">
        <v>37</v>
      </c>
      <c r="CB11" s="257">
        <v>1</v>
      </c>
      <c r="CC11" s="261">
        <v>0</v>
      </c>
      <c r="CD11" s="258">
        <v>1</v>
      </c>
      <c r="CE11" s="260">
        <v>0</v>
      </c>
      <c r="CF11" s="261">
        <v>5</v>
      </c>
      <c r="CG11" s="261">
        <v>6</v>
      </c>
      <c r="CH11" s="261">
        <v>11</v>
      </c>
      <c r="CI11" s="261">
        <v>5</v>
      </c>
      <c r="CJ11" s="261">
        <v>1</v>
      </c>
      <c r="CK11" s="258">
        <v>28</v>
      </c>
      <c r="CL11" s="263">
        <v>29</v>
      </c>
      <c r="CM11" s="257">
        <v>0</v>
      </c>
      <c r="CN11" s="261">
        <v>0</v>
      </c>
      <c r="CO11" s="258">
        <v>0</v>
      </c>
      <c r="CP11" s="260">
        <v>0</v>
      </c>
      <c r="CQ11" s="261">
        <v>0</v>
      </c>
      <c r="CR11" s="261">
        <v>0</v>
      </c>
      <c r="CS11" s="261">
        <v>3</v>
      </c>
      <c r="CT11" s="261">
        <v>0</v>
      </c>
      <c r="CU11" s="261">
        <v>0</v>
      </c>
      <c r="CV11" s="258">
        <v>3</v>
      </c>
      <c r="CW11" s="263">
        <v>3</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18</v>
      </c>
      <c r="DU11" s="261">
        <v>23</v>
      </c>
      <c r="DV11" s="258">
        <v>41</v>
      </c>
      <c r="DW11" s="260">
        <v>0</v>
      </c>
      <c r="DX11" s="261">
        <v>53</v>
      </c>
      <c r="DY11" s="261">
        <v>84</v>
      </c>
      <c r="DZ11" s="261">
        <v>66</v>
      </c>
      <c r="EA11" s="261">
        <v>30</v>
      </c>
      <c r="EB11" s="261">
        <v>19</v>
      </c>
      <c r="EC11" s="258">
        <v>252</v>
      </c>
      <c r="ED11" s="263">
        <v>293</v>
      </c>
      <c r="EE11" s="257">
        <v>8</v>
      </c>
      <c r="EF11" s="261">
        <v>3</v>
      </c>
      <c r="EG11" s="258">
        <v>11</v>
      </c>
      <c r="EH11" s="260">
        <v>0</v>
      </c>
      <c r="EI11" s="261">
        <v>17</v>
      </c>
      <c r="EJ11" s="261">
        <v>7</v>
      </c>
      <c r="EK11" s="261">
        <v>9</v>
      </c>
      <c r="EL11" s="261">
        <v>9</v>
      </c>
      <c r="EM11" s="261">
        <v>6</v>
      </c>
      <c r="EN11" s="258">
        <v>48</v>
      </c>
      <c r="EO11" s="263">
        <v>59</v>
      </c>
      <c r="EP11" s="257">
        <v>24</v>
      </c>
      <c r="EQ11" s="261">
        <v>25</v>
      </c>
      <c r="ER11" s="258">
        <v>49</v>
      </c>
      <c r="ES11" s="260">
        <v>0</v>
      </c>
      <c r="ET11" s="261">
        <v>104</v>
      </c>
      <c r="EU11" s="261">
        <v>108</v>
      </c>
      <c r="EV11" s="261">
        <v>71</v>
      </c>
      <c r="EW11" s="261">
        <v>29</v>
      </c>
      <c r="EX11" s="261">
        <v>20</v>
      </c>
      <c r="EY11" s="258">
        <v>332</v>
      </c>
      <c r="EZ11" s="263">
        <v>381</v>
      </c>
    </row>
    <row r="12" spans="2:156" ht="21" customHeight="1" x14ac:dyDescent="0.2">
      <c r="B12" s="472" t="s">
        <v>9</v>
      </c>
      <c r="C12" s="257">
        <v>0</v>
      </c>
      <c r="D12" s="261">
        <v>0</v>
      </c>
      <c r="E12" s="358">
        <v>0</v>
      </c>
      <c r="F12" s="260">
        <v>0</v>
      </c>
      <c r="G12" s="261">
        <v>43</v>
      </c>
      <c r="H12" s="261">
        <v>42</v>
      </c>
      <c r="I12" s="261">
        <v>33</v>
      </c>
      <c r="J12" s="261">
        <v>29</v>
      </c>
      <c r="K12" s="261">
        <v>18</v>
      </c>
      <c r="L12" s="262">
        <v>165</v>
      </c>
      <c r="M12" s="263">
        <v>165</v>
      </c>
      <c r="N12" s="257">
        <v>0</v>
      </c>
      <c r="O12" s="261">
        <v>0</v>
      </c>
      <c r="P12" s="258">
        <v>0</v>
      </c>
      <c r="Q12" s="260">
        <v>0</v>
      </c>
      <c r="R12" s="261">
        <v>0</v>
      </c>
      <c r="S12" s="261">
        <v>3</v>
      </c>
      <c r="T12" s="261">
        <v>3</v>
      </c>
      <c r="U12" s="261">
        <v>2</v>
      </c>
      <c r="V12" s="261">
        <v>4</v>
      </c>
      <c r="W12" s="258">
        <v>12</v>
      </c>
      <c r="X12" s="263">
        <v>12</v>
      </c>
      <c r="Y12" s="257">
        <v>5</v>
      </c>
      <c r="Z12" s="261">
        <v>9</v>
      </c>
      <c r="AA12" s="258">
        <v>14</v>
      </c>
      <c r="AB12" s="260">
        <v>0</v>
      </c>
      <c r="AC12" s="261">
        <v>39</v>
      </c>
      <c r="AD12" s="261">
        <v>29</v>
      </c>
      <c r="AE12" s="261">
        <v>32</v>
      </c>
      <c r="AF12" s="261">
        <v>26</v>
      </c>
      <c r="AG12" s="261">
        <v>14</v>
      </c>
      <c r="AH12" s="258">
        <v>140</v>
      </c>
      <c r="AI12" s="263">
        <v>154</v>
      </c>
      <c r="AJ12" s="257">
        <v>1</v>
      </c>
      <c r="AK12" s="261">
        <v>1</v>
      </c>
      <c r="AL12" s="258">
        <v>2</v>
      </c>
      <c r="AM12" s="260">
        <v>0</v>
      </c>
      <c r="AN12" s="261">
        <v>1</v>
      </c>
      <c r="AO12" s="261">
        <v>7</v>
      </c>
      <c r="AP12" s="261">
        <v>3</v>
      </c>
      <c r="AQ12" s="261">
        <v>4</v>
      </c>
      <c r="AR12" s="261">
        <v>2</v>
      </c>
      <c r="AS12" s="258">
        <v>17</v>
      </c>
      <c r="AT12" s="263">
        <v>19</v>
      </c>
      <c r="AU12" s="257">
        <v>7</v>
      </c>
      <c r="AV12" s="261">
        <v>7</v>
      </c>
      <c r="AW12" s="258">
        <v>14</v>
      </c>
      <c r="AX12" s="260">
        <v>0</v>
      </c>
      <c r="AY12" s="261">
        <v>58</v>
      </c>
      <c r="AZ12" s="261">
        <v>46</v>
      </c>
      <c r="BA12" s="261">
        <v>63</v>
      </c>
      <c r="BB12" s="261">
        <v>43</v>
      </c>
      <c r="BC12" s="261">
        <v>29</v>
      </c>
      <c r="BD12" s="262">
        <v>239</v>
      </c>
      <c r="BE12" s="263">
        <v>253</v>
      </c>
      <c r="BF12" s="257">
        <v>0</v>
      </c>
      <c r="BG12" s="261">
        <v>0</v>
      </c>
      <c r="BH12" s="258">
        <v>0</v>
      </c>
      <c r="BI12" s="260">
        <v>0</v>
      </c>
      <c r="BJ12" s="261">
        <v>45</v>
      </c>
      <c r="BK12" s="261">
        <v>36</v>
      </c>
      <c r="BL12" s="261">
        <v>23</v>
      </c>
      <c r="BM12" s="261">
        <v>18</v>
      </c>
      <c r="BN12" s="261">
        <v>3</v>
      </c>
      <c r="BO12" s="258">
        <v>125</v>
      </c>
      <c r="BP12" s="263">
        <v>125</v>
      </c>
      <c r="BQ12" s="257">
        <v>3</v>
      </c>
      <c r="BR12" s="261">
        <v>6</v>
      </c>
      <c r="BS12" s="258">
        <v>9</v>
      </c>
      <c r="BT12" s="260">
        <v>0</v>
      </c>
      <c r="BU12" s="261">
        <v>17</v>
      </c>
      <c r="BV12" s="261">
        <v>18</v>
      </c>
      <c r="BW12" s="261">
        <v>14</v>
      </c>
      <c r="BX12" s="261">
        <v>7</v>
      </c>
      <c r="BY12" s="261">
        <v>3</v>
      </c>
      <c r="BZ12" s="258">
        <v>59</v>
      </c>
      <c r="CA12" s="263">
        <v>68</v>
      </c>
      <c r="CB12" s="257">
        <v>0</v>
      </c>
      <c r="CC12" s="261">
        <v>1</v>
      </c>
      <c r="CD12" s="258">
        <v>1</v>
      </c>
      <c r="CE12" s="260">
        <v>0</v>
      </c>
      <c r="CF12" s="261">
        <v>7</v>
      </c>
      <c r="CG12" s="261">
        <v>9</v>
      </c>
      <c r="CH12" s="261">
        <v>11</v>
      </c>
      <c r="CI12" s="261">
        <v>9</v>
      </c>
      <c r="CJ12" s="261">
        <v>4</v>
      </c>
      <c r="CK12" s="258">
        <v>40</v>
      </c>
      <c r="CL12" s="263">
        <v>41</v>
      </c>
      <c r="CM12" s="257">
        <v>0</v>
      </c>
      <c r="CN12" s="261">
        <v>0</v>
      </c>
      <c r="CO12" s="258">
        <v>0</v>
      </c>
      <c r="CP12" s="260">
        <v>0</v>
      </c>
      <c r="CQ12" s="261">
        <v>0</v>
      </c>
      <c r="CR12" s="261">
        <v>2</v>
      </c>
      <c r="CS12" s="261">
        <v>1</v>
      </c>
      <c r="CT12" s="261">
        <v>1</v>
      </c>
      <c r="CU12" s="261">
        <v>1</v>
      </c>
      <c r="CV12" s="258">
        <v>5</v>
      </c>
      <c r="CW12" s="263">
        <v>5</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27</v>
      </c>
      <c r="DU12" s="261">
        <v>30</v>
      </c>
      <c r="DV12" s="258">
        <v>57</v>
      </c>
      <c r="DW12" s="260">
        <v>0</v>
      </c>
      <c r="DX12" s="261">
        <v>75</v>
      </c>
      <c r="DY12" s="261">
        <v>79</v>
      </c>
      <c r="DZ12" s="261">
        <v>68</v>
      </c>
      <c r="EA12" s="261">
        <v>44</v>
      </c>
      <c r="EB12" s="261">
        <v>27</v>
      </c>
      <c r="EC12" s="258">
        <v>293</v>
      </c>
      <c r="ED12" s="263">
        <v>350</v>
      </c>
      <c r="EE12" s="257">
        <v>7</v>
      </c>
      <c r="EF12" s="261">
        <v>2</v>
      </c>
      <c r="EG12" s="258">
        <v>9</v>
      </c>
      <c r="EH12" s="260">
        <v>0</v>
      </c>
      <c r="EI12" s="261">
        <v>22</v>
      </c>
      <c r="EJ12" s="261">
        <v>15</v>
      </c>
      <c r="EK12" s="261">
        <v>17</v>
      </c>
      <c r="EL12" s="261">
        <v>13</v>
      </c>
      <c r="EM12" s="261">
        <v>9</v>
      </c>
      <c r="EN12" s="258">
        <v>76</v>
      </c>
      <c r="EO12" s="263">
        <v>85</v>
      </c>
      <c r="EP12" s="257">
        <v>32</v>
      </c>
      <c r="EQ12" s="261">
        <v>42</v>
      </c>
      <c r="ER12" s="258">
        <v>74</v>
      </c>
      <c r="ES12" s="260">
        <v>0</v>
      </c>
      <c r="ET12" s="261">
        <v>141</v>
      </c>
      <c r="EU12" s="261">
        <v>117</v>
      </c>
      <c r="EV12" s="261">
        <v>82</v>
      </c>
      <c r="EW12" s="261">
        <v>50</v>
      </c>
      <c r="EX12" s="261">
        <v>24</v>
      </c>
      <c r="EY12" s="258">
        <v>414</v>
      </c>
      <c r="EZ12" s="263">
        <v>488</v>
      </c>
    </row>
    <row r="13" spans="2:156" ht="21" customHeight="1" x14ac:dyDescent="0.2">
      <c r="B13" s="472" t="s">
        <v>10</v>
      </c>
      <c r="C13" s="257">
        <v>0</v>
      </c>
      <c r="D13" s="261">
        <v>0</v>
      </c>
      <c r="E13" s="358">
        <v>0</v>
      </c>
      <c r="F13" s="260">
        <v>0</v>
      </c>
      <c r="G13" s="261">
        <v>83</v>
      </c>
      <c r="H13" s="261">
        <v>50</v>
      </c>
      <c r="I13" s="261">
        <v>22</v>
      </c>
      <c r="J13" s="261">
        <v>35</v>
      </c>
      <c r="K13" s="261">
        <v>16</v>
      </c>
      <c r="L13" s="262">
        <v>206</v>
      </c>
      <c r="M13" s="263">
        <v>206</v>
      </c>
      <c r="N13" s="257">
        <v>0</v>
      </c>
      <c r="O13" s="261">
        <v>0</v>
      </c>
      <c r="P13" s="258">
        <v>0</v>
      </c>
      <c r="Q13" s="260">
        <v>0</v>
      </c>
      <c r="R13" s="261">
        <v>1</v>
      </c>
      <c r="S13" s="261">
        <v>2</v>
      </c>
      <c r="T13" s="261">
        <v>4</v>
      </c>
      <c r="U13" s="261">
        <v>6</v>
      </c>
      <c r="V13" s="261">
        <v>15</v>
      </c>
      <c r="W13" s="258">
        <v>28</v>
      </c>
      <c r="X13" s="263">
        <v>28</v>
      </c>
      <c r="Y13" s="257">
        <v>13</v>
      </c>
      <c r="Z13" s="261">
        <v>22</v>
      </c>
      <c r="AA13" s="258">
        <v>35</v>
      </c>
      <c r="AB13" s="260">
        <v>0</v>
      </c>
      <c r="AC13" s="261">
        <v>64</v>
      </c>
      <c r="AD13" s="261">
        <v>40</v>
      </c>
      <c r="AE13" s="261">
        <v>20</v>
      </c>
      <c r="AF13" s="261">
        <v>31</v>
      </c>
      <c r="AG13" s="261">
        <v>19</v>
      </c>
      <c r="AH13" s="258">
        <v>174</v>
      </c>
      <c r="AI13" s="263">
        <v>209</v>
      </c>
      <c r="AJ13" s="257">
        <v>3</v>
      </c>
      <c r="AK13" s="261">
        <v>3</v>
      </c>
      <c r="AL13" s="258">
        <v>6</v>
      </c>
      <c r="AM13" s="260">
        <v>0</v>
      </c>
      <c r="AN13" s="261">
        <v>8</v>
      </c>
      <c r="AO13" s="261">
        <v>5</v>
      </c>
      <c r="AP13" s="261">
        <v>5</v>
      </c>
      <c r="AQ13" s="261">
        <v>3</v>
      </c>
      <c r="AR13" s="261">
        <v>6</v>
      </c>
      <c r="AS13" s="258">
        <v>27</v>
      </c>
      <c r="AT13" s="263">
        <v>33</v>
      </c>
      <c r="AU13" s="257">
        <v>15</v>
      </c>
      <c r="AV13" s="261">
        <v>8</v>
      </c>
      <c r="AW13" s="258">
        <v>23</v>
      </c>
      <c r="AX13" s="260">
        <v>0</v>
      </c>
      <c r="AY13" s="261">
        <v>88</v>
      </c>
      <c r="AZ13" s="261">
        <v>74</v>
      </c>
      <c r="BA13" s="261">
        <v>66</v>
      </c>
      <c r="BB13" s="261">
        <v>79</v>
      </c>
      <c r="BC13" s="261">
        <v>42</v>
      </c>
      <c r="BD13" s="262">
        <v>349</v>
      </c>
      <c r="BE13" s="263">
        <v>372</v>
      </c>
      <c r="BF13" s="257">
        <v>0</v>
      </c>
      <c r="BG13" s="261">
        <v>0</v>
      </c>
      <c r="BH13" s="258">
        <v>0</v>
      </c>
      <c r="BI13" s="260">
        <v>0</v>
      </c>
      <c r="BJ13" s="261">
        <v>113</v>
      </c>
      <c r="BK13" s="261">
        <v>62</v>
      </c>
      <c r="BL13" s="261">
        <v>37</v>
      </c>
      <c r="BM13" s="261">
        <v>22</v>
      </c>
      <c r="BN13" s="261">
        <v>7</v>
      </c>
      <c r="BO13" s="258">
        <v>241</v>
      </c>
      <c r="BP13" s="263">
        <v>241</v>
      </c>
      <c r="BQ13" s="257">
        <v>5</v>
      </c>
      <c r="BR13" s="261">
        <v>7</v>
      </c>
      <c r="BS13" s="258">
        <v>12</v>
      </c>
      <c r="BT13" s="260">
        <v>0</v>
      </c>
      <c r="BU13" s="261">
        <v>24</v>
      </c>
      <c r="BV13" s="261">
        <v>13</v>
      </c>
      <c r="BW13" s="261">
        <v>6</v>
      </c>
      <c r="BX13" s="261">
        <v>7</v>
      </c>
      <c r="BY13" s="261">
        <v>2</v>
      </c>
      <c r="BZ13" s="258">
        <v>52</v>
      </c>
      <c r="CA13" s="263">
        <v>64</v>
      </c>
      <c r="CB13" s="257">
        <v>1</v>
      </c>
      <c r="CC13" s="261">
        <v>2</v>
      </c>
      <c r="CD13" s="258">
        <v>3</v>
      </c>
      <c r="CE13" s="260">
        <v>0</v>
      </c>
      <c r="CF13" s="261">
        <v>9</v>
      </c>
      <c r="CG13" s="261">
        <v>14</v>
      </c>
      <c r="CH13" s="261">
        <v>11</v>
      </c>
      <c r="CI13" s="261">
        <v>14</v>
      </c>
      <c r="CJ13" s="261">
        <v>6</v>
      </c>
      <c r="CK13" s="258">
        <v>54</v>
      </c>
      <c r="CL13" s="263">
        <v>57</v>
      </c>
      <c r="CM13" s="257">
        <v>0</v>
      </c>
      <c r="CN13" s="261">
        <v>0</v>
      </c>
      <c r="CO13" s="258">
        <v>0</v>
      </c>
      <c r="CP13" s="260">
        <v>0</v>
      </c>
      <c r="CQ13" s="261">
        <v>0</v>
      </c>
      <c r="CR13" s="261">
        <v>2</v>
      </c>
      <c r="CS13" s="261">
        <v>4</v>
      </c>
      <c r="CT13" s="261">
        <v>3</v>
      </c>
      <c r="CU13" s="261">
        <v>0</v>
      </c>
      <c r="CV13" s="258">
        <v>9</v>
      </c>
      <c r="CW13" s="263">
        <v>9</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71</v>
      </c>
      <c r="DU13" s="261">
        <v>71</v>
      </c>
      <c r="DV13" s="258">
        <v>142</v>
      </c>
      <c r="DW13" s="260">
        <v>0</v>
      </c>
      <c r="DX13" s="261">
        <v>136</v>
      </c>
      <c r="DY13" s="261">
        <v>110</v>
      </c>
      <c r="DZ13" s="261">
        <v>66</v>
      </c>
      <c r="EA13" s="261">
        <v>72</v>
      </c>
      <c r="EB13" s="261">
        <v>34</v>
      </c>
      <c r="EC13" s="258">
        <v>418</v>
      </c>
      <c r="ED13" s="263">
        <v>560</v>
      </c>
      <c r="EE13" s="257">
        <v>6</v>
      </c>
      <c r="EF13" s="261">
        <v>0</v>
      </c>
      <c r="EG13" s="258">
        <v>6</v>
      </c>
      <c r="EH13" s="260">
        <v>0</v>
      </c>
      <c r="EI13" s="261">
        <v>27</v>
      </c>
      <c r="EJ13" s="261">
        <v>20</v>
      </c>
      <c r="EK13" s="261">
        <v>13</v>
      </c>
      <c r="EL13" s="261">
        <v>23</v>
      </c>
      <c r="EM13" s="261">
        <v>7</v>
      </c>
      <c r="EN13" s="258">
        <v>90</v>
      </c>
      <c r="EO13" s="263">
        <v>96</v>
      </c>
      <c r="EP13" s="257">
        <v>90</v>
      </c>
      <c r="EQ13" s="261">
        <v>90</v>
      </c>
      <c r="ER13" s="258">
        <v>180</v>
      </c>
      <c r="ES13" s="260">
        <v>0</v>
      </c>
      <c r="ET13" s="261">
        <v>262</v>
      </c>
      <c r="EU13" s="261">
        <v>143</v>
      </c>
      <c r="EV13" s="261">
        <v>75</v>
      </c>
      <c r="EW13" s="261">
        <v>69</v>
      </c>
      <c r="EX13" s="261">
        <v>36</v>
      </c>
      <c r="EY13" s="258">
        <v>585</v>
      </c>
      <c r="EZ13" s="263">
        <v>765</v>
      </c>
    </row>
    <row r="14" spans="2:156" ht="21" customHeight="1" x14ac:dyDescent="0.2">
      <c r="B14" s="472" t="s">
        <v>11</v>
      </c>
      <c r="C14" s="257">
        <v>0</v>
      </c>
      <c r="D14" s="261">
        <v>0</v>
      </c>
      <c r="E14" s="358">
        <v>0</v>
      </c>
      <c r="F14" s="260">
        <v>0</v>
      </c>
      <c r="G14" s="261">
        <v>10</v>
      </c>
      <c r="H14" s="261">
        <v>15</v>
      </c>
      <c r="I14" s="261">
        <v>8</v>
      </c>
      <c r="J14" s="261">
        <v>12</v>
      </c>
      <c r="K14" s="261">
        <v>10</v>
      </c>
      <c r="L14" s="262">
        <v>55</v>
      </c>
      <c r="M14" s="263">
        <v>55</v>
      </c>
      <c r="N14" s="257">
        <v>0</v>
      </c>
      <c r="O14" s="261">
        <v>0</v>
      </c>
      <c r="P14" s="258">
        <v>0</v>
      </c>
      <c r="Q14" s="260">
        <v>0</v>
      </c>
      <c r="R14" s="261">
        <v>0</v>
      </c>
      <c r="S14" s="261">
        <v>3</v>
      </c>
      <c r="T14" s="261">
        <v>2</v>
      </c>
      <c r="U14" s="261">
        <v>2</v>
      </c>
      <c r="V14" s="261">
        <v>3</v>
      </c>
      <c r="W14" s="258">
        <v>10</v>
      </c>
      <c r="X14" s="263">
        <v>10</v>
      </c>
      <c r="Y14" s="257">
        <v>5</v>
      </c>
      <c r="Z14" s="261">
        <v>5</v>
      </c>
      <c r="AA14" s="258">
        <v>10</v>
      </c>
      <c r="AB14" s="260">
        <v>0</v>
      </c>
      <c r="AC14" s="261">
        <v>20</v>
      </c>
      <c r="AD14" s="261">
        <v>14</v>
      </c>
      <c r="AE14" s="261">
        <v>16</v>
      </c>
      <c r="AF14" s="261">
        <v>14</v>
      </c>
      <c r="AG14" s="261">
        <v>6</v>
      </c>
      <c r="AH14" s="258">
        <v>70</v>
      </c>
      <c r="AI14" s="263">
        <v>80</v>
      </c>
      <c r="AJ14" s="257">
        <v>0</v>
      </c>
      <c r="AK14" s="261">
        <v>2</v>
      </c>
      <c r="AL14" s="258">
        <v>2</v>
      </c>
      <c r="AM14" s="260">
        <v>0</v>
      </c>
      <c r="AN14" s="261">
        <v>2</v>
      </c>
      <c r="AO14" s="261">
        <v>0</v>
      </c>
      <c r="AP14" s="261">
        <v>1</v>
      </c>
      <c r="AQ14" s="261">
        <v>3</v>
      </c>
      <c r="AR14" s="261">
        <v>1</v>
      </c>
      <c r="AS14" s="258">
        <v>7</v>
      </c>
      <c r="AT14" s="263">
        <v>9</v>
      </c>
      <c r="AU14" s="257">
        <v>4</v>
      </c>
      <c r="AV14" s="261">
        <v>5</v>
      </c>
      <c r="AW14" s="258">
        <v>9</v>
      </c>
      <c r="AX14" s="260">
        <v>0</v>
      </c>
      <c r="AY14" s="261">
        <v>21</v>
      </c>
      <c r="AZ14" s="261">
        <v>35</v>
      </c>
      <c r="BA14" s="261">
        <v>18</v>
      </c>
      <c r="BB14" s="261">
        <v>33</v>
      </c>
      <c r="BC14" s="261">
        <v>13</v>
      </c>
      <c r="BD14" s="262">
        <v>120</v>
      </c>
      <c r="BE14" s="263">
        <v>129</v>
      </c>
      <c r="BF14" s="257">
        <v>0</v>
      </c>
      <c r="BG14" s="261">
        <v>0</v>
      </c>
      <c r="BH14" s="258">
        <v>0</v>
      </c>
      <c r="BI14" s="260">
        <v>0</v>
      </c>
      <c r="BJ14" s="261">
        <v>42</v>
      </c>
      <c r="BK14" s="261">
        <v>22</v>
      </c>
      <c r="BL14" s="261">
        <v>15</v>
      </c>
      <c r="BM14" s="261">
        <v>12</v>
      </c>
      <c r="BN14" s="261">
        <v>2</v>
      </c>
      <c r="BO14" s="258">
        <v>93</v>
      </c>
      <c r="BP14" s="263">
        <v>93</v>
      </c>
      <c r="BQ14" s="257">
        <v>8</v>
      </c>
      <c r="BR14" s="261">
        <v>5</v>
      </c>
      <c r="BS14" s="258">
        <v>13</v>
      </c>
      <c r="BT14" s="260">
        <v>0</v>
      </c>
      <c r="BU14" s="261">
        <v>19</v>
      </c>
      <c r="BV14" s="261">
        <v>10</v>
      </c>
      <c r="BW14" s="261">
        <v>8</v>
      </c>
      <c r="BX14" s="261">
        <v>8</v>
      </c>
      <c r="BY14" s="261">
        <v>2</v>
      </c>
      <c r="BZ14" s="258">
        <v>47</v>
      </c>
      <c r="CA14" s="263">
        <v>60</v>
      </c>
      <c r="CB14" s="257">
        <v>1</v>
      </c>
      <c r="CC14" s="261">
        <v>1</v>
      </c>
      <c r="CD14" s="258">
        <v>2</v>
      </c>
      <c r="CE14" s="260">
        <v>0</v>
      </c>
      <c r="CF14" s="261">
        <v>7</v>
      </c>
      <c r="CG14" s="261">
        <v>11</v>
      </c>
      <c r="CH14" s="261">
        <v>2</v>
      </c>
      <c r="CI14" s="261">
        <v>3</v>
      </c>
      <c r="CJ14" s="261">
        <v>1</v>
      </c>
      <c r="CK14" s="258">
        <v>24</v>
      </c>
      <c r="CL14" s="263">
        <v>26</v>
      </c>
      <c r="CM14" s="257">
        <v>0</v>
      </c>
      <c r="CN14" s="261">
        <v>0</v>
      </c>
      <c r="CO14" s="258">
        <v>0</v>
      </c>
      <c r="CP14" s="260">
        <v>0</v>
      </c>
      <c r="CQ14" s="261">
        <v>2</v>
      </c>
      <c r="CR14" s="261">
        <v>1</v>
      </c>
      <c r="CS14" s="261">
        <v>0</v>
      </c>
      <c r="CT14" s="261">
        <v>0</v>
      </c>
      <c r="CU14" s="261">
        <v>0</v>
      </c>
      <c r="CV14" s="258">
        <v>3</v>
      </c>
      <c r="CW14" s="263">
        <v>3</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5</v>
      </c>
      <c r="DU14" s="261">
        <v>32</v>
      </c>
      <c r="DV14" s="258">
        <v>47</v>
      </c>
      <c r="DW14" s="260">
        <v>0</v>
      </c>
      <c r="DX14" s="261">
        <v>47</v>
      </c>
      <c r="DY14" s="261">
        <v>54</v>
      </c>
      <c r="DZ14" s="261">
        <v>33</v>
      </c>
      <c r="EA14" s="261">
        <v>32</v>
      </c>
      <c r="EB14" s="261">
        <v>12</v>
      </c>
      <c r="EC14" s="258">
        <v>178</v>
      </c>
      <c r="ED14" s="263">
        <v>225</v>
      </c>
      <c r="EE14" s="257">
        <v>5</v>
      </c>
      <c r="EF14" s="261">
        <v>2</v>
      </c>
      <c r="EG14" s="258">
        <v>7</v>
      </c>
      <c r="EH14" s="260">
        <v>0</v>
      </c>
      <c r="EI14" s="261">
        <v>17</v>
      </c>
      <c r="EJ14" s="261">
        <v>12</v>
      </c>
      <c r="EK14" s="261">
        <v>6</v>
      </c>
      <c r="EL14" s="261">
        <v>17</v>
      </c>
      <c r="EM14" s="261">
        <v>4</v>
      </c>
      <c r="EN14" s="258">
        <v>56</v>
      </c>
      <c r="EO14" s="263">
        <v>63</v>
      </c>
      <c r="EP14" s="257">
        <v>26</v>
      </c>
      <c r="EQ14" s="261">
        <v>37</v>
      </c>
      <c r="ER14" s="258">
        <v>63</v>
      </c>
      <c r="ES14" s="260">
        <v>0</v>
      </c>
      <c r="ET14" s="261">
        <v>97</v>
      </c>
      <c r="EU14" s="261">
        <v>74</v>
      </c>
      <c r="EV14" s="261">
        <v>38</v>
      </c>
      <c r="EW14" s="261">
        <v>35</v>
      </c>
      <c r="EX14" s="261">
        <v>14</v>
      </c>
      <c r="EY14" s="258">
        <v>258</v>
      </c>
      <c r="EZ14" s="263">
        <v>321</v>
      </c>
    </row>
    <row r="15" spans="2:156" ht="21" customHeight="1" x14ac:dyDescent="0.2">
      <c r="B15" s="472" t="s">
        <v>12</v>
      </c>
      <c r="C15" s="257">
        <v>0</v>
      </c>
      <c r="D15" s="261">
        <v>0</v>
      </c>
      <c r="E15" s="358">
        <v>0</v>
      </c>
      <c r="F15" s="260">
        <v>0</v>
      </c>
      <c r="G15" s="261">
        <v>40</v>
      </c>
      <c r="H15" s="261">
        <v>42</v>
      </c>
      <c r="I15" s="261">
        <v>23</v>
      </c>
      <c r="J15" s="261">
        <v>22</v>
      </c>
      <c r="K15" s="261">
        <v>7</v>
      </c>
      <c r="L15" s="262">
        <v>134</v>
      </c>
      <c r="M15" s="263">
        <v>134</v>
      </c>
      <c r="N15" s="257">
        <v>0</v>
      </c>
      <c r="O15" s="261">
        <v>0</v>
      </c>
      <c r="P15" s="258">
        <v>0</v>
      </c>
      <c r="Q15" s="260">
        <v>0</v>
      </c>
      <c r="R15" s="261">
        <v>0</v>
      </c>
      <c r="S15" s="261">
        <v>0</v>
      </c>
      <c r="T15" s="261">
        <v>3</v>
      </c>
      <c r="U15" s="261">
        <v>8</v>
      </c>
      <c r="V15" s="261">
        <v>4</v>
      </c>
      <c r="W15" s="258">
        <v>15</v>
      </c>
      <c r="X15" s="263">
        <v>15</v>
      </c>
      <c r="Y15" s="257">
        <v>13</v>
      </c>
      <c r="Z15" s="261">
        <v>21</v>
      </c>
      <c r="AA15" s="258">
        <v>34</v>
      </c>
      <c r="AB15" s="260">
        <v>0</v>
      </c>
      <c r="AC15" s="261">
        <v>22</v>
      </c>
      <c r="AD15" s="261">
        <v>34</v>
      </c>
      <c r="AE15" s="261">
        <v>19</v>
      </c>
      <c r="AF15" s="261">
        <v>21</v>
      </c>
      <c r="AG15" s="261">
        <v>8</v>
      </c>
      <c r="AH15" s="258">
        <v>104</v>
      </c>
      <c r="AI15" s="263">
        <v>138</v>
      </c>
      <c r="AJ15" s="257">
        <v>0</v>
      </c>
      <c r="AK15" s="261">
        <v>2</v>
      </c>
      <c r="AL15" s="258">
        <v>2</v>
      </c>
      <c r="AM15" s="260">
        <v>0</v>
      </c>
      <c r="AN15" s="261">
        <v>1</v>
      </c>
      <c r="AO15" s="261">
        <v>5</v>
      </c>
      <c r="AP15" s="261">
        <v>1</v>
      </c>
      <c r="AQ15" s="261">
        <v>1</v>
      </c>
      <c r="AR15" s="261">
        <v>0</v>
      </c>
      <c r="AS15" s="258">
        <v>8</v>
      </c>
      <c r="AT15" s="263">
        <v>10</v>
      </c>
      <c r="AU15" s="257">
        <v>7</v>
      </c>
      <c r="AV15" s="261">
        <v>7</v>
      </c>
      <c r="AW15" s="258">
        <v>14</v>
      </c>
      <c r="AX15" s="260">
        <v>0</v>
      </c>
      <c r="AY15" s="261">
        <v>21</v>
      </c>
      <c r="AZ15" s="261">
        <v>42</v>
      </c>
      <c r="BA15" s="261">
        <v>27</v>
      </c>
      <c r="BB15" s="261">
        <v>40</v>
      </c>
      <c r="BC15" s="261">
        <v>8</v>
      </c>
      <c r="BD15" s="262">
        <v>138</v>
      </c>
      <c r="BE15" s="263">
        <v>152</v>
      </c>
      <c r="BF15" s="257">
        <v>0</v>
      </c>
      <c r="BG15" s="261">
        <v>0</v>
      </c>
      <c r="BH15" s="258">
        <v>0</v>
      </c>
      <c r="BI15" s="260">
        <v>0</v>
      </c>
      <c r="BJ15" s="261">
        <v>55</v>
      </c>
      <c r="BK15" s="261">
        <v>35</v>
      </c>
      <c r="BL15" s="261">
        <v>22</v>
      </c>
      <c r="BM15" s="261">
        <v>14</v>
      </c>
      <c r="BN15" s="261">
        <v>1</v>
      </c>
      <c r="BO15" s="258">
        <v>127</v>
      </c>
      <c r="BP15" s="263">
        <v>127</v>
      </c>
      <c r="BQ15" s="257">
        <v>7</v>
      </c>
      <c r="BR15" s="261">
        <v>10</v>
      </c>
      <c r="BS15" s="258">
        <v>17</v>
      </c>
      <c r="BT15" s="260">
        <v>0</v>
      </c>
      <c r="BU15" s="261">
        <v>8</v>
      </c>
      <c r="BV15" s="261">
        <v>16</v>
      </c>
      <c r="BW15" s="261">
        <v>14</v>
      </c>
      <c r="BX15" s="261">
        <v>8</v>
      </c>
      <c r="BY15" s="261">
        <v>0</v>
      </c>
      <c r="BZ15" s="258">
        <v>46</v>
      </c>
      <c r="CA15" s="263">
        <v>63</v>
      </c>
      <c r="CB15" s="257">
        <v>0</v>
      </c>
      <c r="CC15" s="261">
        <v>2</v>
      </c>
      <c r="CD15" s="258">
        <v>2</v>
      </c>
      <c r="CE15" s="260">
        <v>0</v>
      </c>
      <c r="CF15" s="261">
        <v>9</v>
      </c>
      <c r="CG15" s="261">
        <v>9</v>
      </c>
      <c r="CH15" s="261">
        <v>11</v>
      </c>
      <c r="CI15" s="261">
        <v>9</v>
      </c>
      <c r="CJ15" s="261">
        <v>0</v>
      </c>
      <c r="CK15" s="258">
        <v>38</v>
      </c>
      <c r="CL15" s="263">
        <v>40</v>
      </c>
      <c r="CM15" s="257">
        <v>0</v>
      </c>
      <c r="CN15" s="261">
        <v>0</v>
      </c>
      <c r="CO15" s="258">
        <v>0</v>
      </c>
      <c r="CP15" s="260">
        <v>0</v>
      </c>
      <c r="CQ15" s="261">
        <v>0</v>
      </c>
      <c r="CR15" s="261">
        <v>0</v>
      </c>
      <c r="CS15" s="261">
        <v>1</v>
      </c>
      <c r="CT15" s="261">
        <v>1</v>
      </c>
      <c r="CU15" s="261">
        <v>0</v>
      </c>
      <c r="CV15" s="258">
        <v>2</v>
      </c>
      <c r="CW15" s="263">
        <v>2</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3</v>
      </c>
      <c r="DU15" s="261">
        <v>54</v>
      </c>
      <c r="DV15" s="258">
        <v>77</v>
      </c>
      <c r="DW15" s="260">
        <v>0</v>
      </c>
      <c r="DX15" s="261">
        <v>32</v>
      </c>
      <c r="DY15" s="261">
        <v>100</v>
      </c>
      <c r="DZ15" s="261">
        <v>53</v>
      </c>
      <c r="EA15" s="261">
        <v>52</v>
      </c>
      <c r="EB15" s="261">
        <v>13</v>
      </c>
      <c r="EC15" s="258">
        <v>250</v>
      </c>
      <c r="ED15" s="263">
        <v>327</v>
      </c>
      <c r="EE15" s="257">
        <v>4</v>
      </c>
      <c r="EF15" s="261">
        <v>3</v>
      </c>
      <c r="EG15" s="258">
        <v>7</v>
      </c>
      <c r="EH15" s="260">
        <v>0</v>
      </c>
      <c r="EI15" s="261">
        <v>8</v>
      </c>
      <c r="EJ15" s="261">
        <v>14</v>
      </c>
      <c r="EK15" s="261">
        <v>10</v>
      </c>
      <c r="EL15" s="261">
        <v>15</v>
      </c>
      <c r="EM15" s="261">
        <v>1</v>
      </c>
      <c r="EN15" s="258">
        <v>48</v>
      </c>
      <c r="EO15" s="263">
        <v>55</v>
      </c>
      <c r="EP15" s="257">
        <v>41</v>
      </c>
      <c r="EQ15" s="261">
        <v>78</v>
      </c>
      <c r="ER15" s="258">
        <v>119</v>
      </c>
      <c r="ES15" s="260">
        <v>0</v>
      </c>
      <c r="ET15" s="261">
        <v>120</v>
      </c>
      <c r="EU15" s="261">
        <v>114</v>
      </c>
      <c r="EV15" s="261">
        <v>59</v>
      </c>
      <c r="EW15" s="261">
        <v>50</v>
      </c>
      <c r="EX15" s="261">
        <v>10</v>
      </c>
      <c r="EY15" s="258">
        <v>353</v>
      </c>
      <c r="EZ15" s="263">
        <v>472</v>
      </c>
    </row>
    <row r="16" spans="2:156" ht="21" customHeight="1" x14ac:dyDescent="0.2">
      <c r="B16" s="472" t="s">
        <v>13</v>
      </c>
      <c r="C16" s="257">
        <v>0</v>
      </c>
      <c r="D16" s="261">
        <v>0</v>
      </c>
      <c r="E16" s="358">
        <v>0</v>
      </c>
      <c r="F16" s="260">
        <v>0</v>
      </c>
      <c r="G16" s="261">
        <v>17</v>
      </c>
      <c r="H16" s="261">
        <v>17</v>
      </c>
      <c r="I16" s="261">
        <v>9</v>
      </c>
      <c r="J16" s="261">
        <v>16</v>
      </c>
      <c r="K16" s="261">
        <v>8</v>
      </c>
      <c r="L16" s="262">
        <v>67</v>
      </c>
      <c r="M16" s="263">
        <v>67</v>
      </c>
      <c r="N16" s="257">
        <v>0</v>
      </c>
      <c r="O16" s="261">
        <v>0</v>
      </c>
      <c r="P16" s="258">
        <v>0</v>
      </c>
      <c r="Q16" s="260">
        <v>0</v>
      </c>
      <c r="R16" s="261">
        <v>0</v>
      </c>
      <c r="S16" s="261">
        <v>0</v>
      </c>
      <c r="T16" s="261">
        <v>1</v>
      </c>
      <c r="U16" s="261">
        <v>4</v>
      </c>
      <c r="V16" s="261">
        <v>3</v>
      </c>
      <c r="W16" s="258">
        <v>8</v>
      </c>
      <c r="X16" s="263">
        <v>8</v>
      </c>
      <c r="Y16" s="257">
        <v>0</v>
      </c>
      <c r="Z16" s="261">
        <v>3</v>
      </c>
      <c r="AA16" s="258">
        <v>3</v>
      </c>
      <c r="AB16" s="260">
        <v>0</v>
      </c>
      <c r="AC16" s="261">
        <v>7</v>
      </c>
      <c r="AD16" s="261">
        <v>19</v>
      </c>
      <c r="AE16" s="261">
        <v>9</v>
      </c>
      <c r="AF16" s="261">
        <v>9</v>
      </c>
      <c r="AG16" s="261">
        <v>9</v>
      </c>
      <c r="AH16" s="258">
        <v>53</v>
      </c>
      <c r="AI16" s="263">
        <v>56</v>
      </c>
      <c r="AJ16" s="257">
        <v>0</v>
      </c>
      <c r="AK16" s="261">
        <v>1</v>
      </c>
      <c r="AL16" s="258">
        <v>1</v>
      </c>
      <c r="AM16" s="260">
        <v>0</v>
      </c>
      <c r="AN16" s="261">
        <v>2</v>
      </c>
      <c r="AO16" s="261">
        <v>1</v>
      </c>
      <c r="AP16" s="261">
        <v>0</v>
      </c>
      <c r="AQ16" s="261">
        <v>3</v>
      </c>
      <c r="AR16" s="261">
        <v>1</v>
      </c>
      <c r="AS16" s="258">
        <v>7</v>
      </c>
      <c r="AT16" s="263">
        <v>8</v>
      </c>
      <c r="AU16" s="257">
        <v>1</v>
      </c>
      <c r="AV16" s="261">
        <v>1</v>
      </c>
      <c r="AW16" s="258">
        <v>2</v>
      </c>
      <c r="AX16" s="260">
        <v>0</v>
      </c>
      <c r="AY16" s="261">
        <v>15</v>
      </c>
      <c r="AZ16" s="261">
        <v>24</v>
      </c>
      <c r="BA16" s="261">
        <v>17</v>
      </c>
      <c r="BB16" s="261">
        <v>20</v>
      </c>
      <c r="BC16" s="261">
        <v>9</v>
      </c>
      <c r="BD16" s="262">
        <v>85</v>
      </c>
      <c r="BE16" s="263">
        <v>87</v>
      </c>
      <c r="BF16" s="257">
        <v>0</v>
      </c>
      <c r="BG16" s="261">
        <v>0</v>
      </c>
      <c r="BH16" s="258">
        <v>0</v>
      </c>
      <c r="BI16" s="260">
        <v>0</v>
      </c>
      <c r="BJ16" s="261">
        <v>17</v>
      </c>
      <c r="BK16" s="261">
        <v>16</v>
      </c>
      <c r="BL16" s="261">
        <v>9</v>
      </c>
      <c r="BM16" s="261">
        <v>8</v>
      </c>
      <c r="BN16" s="261">
        <v>2</v>
      </c>
      <c r="BO16" s="258">
        <v>52</v>
      </c>
      <c r="BP16" s="263">
        <v>52</v>
      </c>
      <c r="BQ16" s="257">
        <v>0</v>
      </c>
      <c r="BR16" s="261">
        <v>1</v>
      </c>
      <c r="BS16" s="258">
        <v>1</v>
      </c>
      <c r="BT16" s="260">
        <v>0</v>
      </c>
      <c r="BU16" s="261">
        <v>3</v>
      </c>
      <c r="BV16" s="261">
        <v>3</v>
      </c>
      <c r="BW16" s="261">
        <v>3</v>
      </c>
      <c r="BX16" s="261">
        <v>2</v>
      </c>
      <c r="BY16" s="261">
        <v>3</v>
      </c>
      <c r="BZ16" s="258">
        <v>14</v>
      </c>
      <c r="CA16" s="263">
        <v>15</v>
      </c>
      <c r="CB16" s="257">
        <v>0</v>
      </c>
      <c r="CC16" s="261">
        <v>0</v>
      </c>
      <c r="CD16" s="258">
        <v>0</v>
      </c>
      <c r="CE16" s="260">
        <v>0</v>
      </c>
      <c r="CF16" s="261">
        <v>3</v>
      </c>
      <c r="CG16" s="261">
        <v>0</v>
      </c>
      <c r="CH16" s="261">
        <v>2</v>
      </c>
      <c r="CI16" s="261">
        <v>3</v>
      </c>
      <c r="CJ16" s="261">
        <v>0</v>
      </c>
      <c r="CK16" s="258">
        <v>8</v>
      </c>
      <c r="CL16" s="263">
        <v>8</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2</v>
      </c>
      <c r="DU16" s="261">
        <v>12</v>
      </c>
      <c r="DV16" s="258">
        <v>14</v>
      </c>
      <c r="DW16" s="260">
        <v>0</v>
      </c>
      <c r="DX16" s="261">
        <v>19</v>
      </c>
      <c r="DY16" s="261">
        <v>33</v>
      </c>
      <c r="DZ16" s="261">
        <v>15</v>
      </c>
      <c r="EA16" s="261">
        <v>24</v>
      </c>
      <c r="EB16" s="261">
        <v>13</v>
      </c>
      <c r="EC16" s="258">
        <v>104</v>
      </c>
      <c r="ED16" s="263">
        <v>118</v>
      </c>
      <c r="EE16" s="257">
        <v>1</v>
      </c>
      <c r="EF16" s="261">
        <v>0</v>
      </c>
      <c r="EG16" s="258">
        <v>1</v>
      </c>
      <c r="EH16" s="260">
        <v>0</v>
      </c>
      <c r="EI16" s="261">
        <v>7</v>
      </c>
      <c r="EJ16" s="261">
        <v>11</v>
      </c>
      <c r="EK16" s="261">
        <v>10</v>
      </c>
      <c r="EL16" s="261">
        <v>6</v>
      </c>
      <c r="EM16" s="261">
        <v>3</v>
      </c>
      <c r="EN16" s="258">
        <v>37</v>
      </c>
      <c r="EO16" s="263">
        <v>38</v>
      </c>
      <c r="EP16" s="257">
        <v>2</v>
      </c>
      <c r="EQ16" s="261">
        <v>15</v>
      </c>
      <c r="ER16" s="258">
        <v>17</v>
      </c>
      <c r="ES16" s="260">
        <v>0</v>
      </c>
      <c r="ET16" s="261">
        <v>54</v>
      </c>
      <c r="EU16" s="261">
        <v>49</v>
      </c>
      <c r="EV16" s="261">
        <v>27</v>
      </c>
      <c r="EW16" s="261">
        <v>26</v>
      </c>
      <c r="EX16" s="261">
        <v>14</v>
      </c>
      <c r="EY16" s="258">
        <v>170</v>
      </c>
      <c r="EZ16" s="263">
        <v>187</v>
      </c>
    </row>
    <row r="17" spans="2:156" ht="21" customHeight="1" x14ac:dyDescent="0.2">
      <c r="B17" s="472" t="s">
        <v>15</v>
      </c>
      <c r="C17" s="257">
        <v>0</v>
      </c>
      <c r="D17" s="261">
        <v>0</v>
      </c>
      <c r="E17" s="358">
        <v>0</v>
      </c>
      <c r="F17" s="260">
        <v>0</v>
      </c>
      <c r="G17" s="261">
        <v>6</v>
      </c>
      <c r="H17" s="261">
        <v>4</v>
      </c>
      <c r="I17" s="261">
        <v>5</v>
      </c>
      <c r="J17" s="261">
        <v>4</v>
      </c>
      <c r="K17" s="261">
        <v>2</v>
      </c>
      <c r="L17" s="262">
        <v>21</v>
      </c>
      <c r="M17" s="263">
        <v>21</v>
      </c>
      <c r="N17" s="257">
        <v>0</v>
      </c>
      <c r="O17" s="261">
        <v>0</v>
      </c>
      <c r="P17" s="258">
        <v>0</v>
      </c>
      <c r="Q17" s="260">
        <v>0</v>
      </c>
      <c r="R17" s="261">
        <v>0</v>
      </c>
      <c r="S17" s="261">
        <v>1</v>
      </c>
      <c r="T17" s="261">
        <v>0</v>
      </c>
      <c r="U17" s="261">
        <v>0</v>
      </c>
      <c r="V17" s="261">
        <v>0</v>
      </c>
      <c r="W17" s="258">
        <v>1</v>
      </c>
      <c r="X17" s="263">
        <v>1</v>
      </c>
      <c r="Y17" s="257">
        <v>0</v>
      </c>
      <c r="Z17" s="261">
        <v>1</v>
      </c>
      <c r="AA17" s="258">
        <v>1</v>
      </c>
      <c r="AB17" s="260">
        <v>0</v>
      </c>
      <c r="AC17" s="261">
        <v>2</v>
      </c>
      <c r="AD17" s="261">
        <v>4</v>
      </c>
      <c r="AE17" s="261">
        <v>5</v>
      </c>
      <c r="AF17" s="261">
        <v>3</v>
      </c>
      <c r="AG17" s="261">
        <v>1</v>
      </c>
      <c r="AH17" s="258">
        <v>15</v>
      </c>
      <c r="AI17" s="263">
        <v>16</v>
      </c>
      <c r="AJ17" s="257">
        <v>0</v>
      </c>
      <c r="AK17" s="261">
        <v>0</v>
      </c>
      <c r="AL17" s="258">
        <v>0</v>
      </c>
      <c r="AM17" s="260">
        <v>0</v>
      </c>
      <c r="AN17" s="261">
        <v>2</v>
      </c>
      <c r="AO17" s="261">
        <v>2</v>
      </c>
      <c r="AP17" s="261">
        <v>0</v>
      </c>
      <c r="AQ17" s="261">
        <v>0</v>
      </c>
      <c r="AR17" s="261">
        <v>0</v>
      </c>
      <c r="AS17" s="258">
        <v>4</v>
      </c>
      <c r="AT17" s="263">
        <v>4</v>
      </c>
      <c r="AU17" s="257">
        <v>0</v>
      </c>
      <c r="AV17" s="261">
        <v>1</v>
      </c>
      <c r="AW17" s="258">
        <v>1</v>
      </c>
      <c r="AX17" s="260">
        <v>0</v>
      </c>
      <c r="AY17" s="261">
        <v>10</v>
      </c>
      <c r="AZ17" s="261">
        <v>7</v>
      </c>
      <c r="BA17" s="261">
        <v>11</v>
      </c>
      <c r="BB17" s="261">
        <v>4</v>
      </c>
      <c r="BC17" s="261">
        <v>4</v>
      </c>
      <c r="BD17" s="262">
        <v>36</v>
      </c>
      <c r="BE17" s="263">
        <v>37</v>
      </c>
      <c r="BF17" s="257">
        <v>0</v>
      </c>
      <c r="BG17" s="261">
        <v>0</v>
      </c>
      <c r="BH17" s="258">
        <v>0</v>
      </c>
      <c r="BI17" s="260">
        <v>0</v>
      </c>
      <c r="BJ17" s="261">
        <v>3</v>
      </c>
      <c r="BK17" s="261">
        <v>5</v>
      </c>
      <c r="BL17" s="261">
        <v>4</v>
      </c>
      <c r="BM17" s="261">
        <v>1</v>
      </c>
      <c r="BN17" s="261">
        <v>0</v>
      </c>
      <c r="BO17" s="258">
        <v>13</v>
      </c>
      <c r="BP17" s="263">
        <v>13</v>
      </c>
      <c r="BQ17" s="257">
        <v>0</v>
      </c>
      <c r="BR17" s="261">
        <v>0</v>
      </c>
      <c r="BS17" s="258">
        <v>0</v>
      </c>
      <c r="BT17" s="260">
        <v>0</v>
      </c>
      <c r="BU17" s="261">
        <v>1</v>
      </c>
      <c r="BV17" s="261">
        <v>2</v>
      </c>
      <c r="BW17" s="261">
        <v>3</v>
      </c>
      <c r="BX17" s="261">
        <v>0</v>
      </c>
      <c r="BY17" s="261">
        <v>0</v>
      </c>
      <c r="BZ17" s="258">
        <v>6</v>
      </c>
      <c r="CA17" s="263">
        <v>6</v>
      </c>
      <c r="CB17" s="257">
        <v>0</v>
      </c>
      <c r="CC17" s="261">
        <v>0</v>
      </c>
      <c r="CD17" s="258">
        <v>0</v>
      </c>
      <c r="CE17" s="260">
        <v>0</v>
      </c>
      <c r="CF17" s="261">
        <v>0</v>
      </c>
      <c r="CG17" s="261">
        <v>4</v>
      </c>
      <c r="CH17" s="261">
        <v>3</v>
      </c>
      <c r="CI17" s="261">
        <v>3</v>
      </c>
      <c r="CJ17" s="261">
        <v>0</v>
      </c>
      <c r="CK17" s="258">
        <v>10</v>
      </c>
      <c r="CL17" s="263">
        <v>10</v>
      </c>
      <c r="CM17" s="257">
        <v>0</v>
      </c>
      <c r="CN17" s="261">
        <v>0</v>
      </c>
      <c r="CO17" s="258">
        <v>0</v>
      </c>
      <c r="CP17" s="260">
        <v>0</v>
      </c>
      <c r="CQ17" s="261">
        <v>0</v>
      </c>
      <c r="CR17" s="261">
        <v>0</v>
      </c>
      <c r="CS17" s="261">
        <v>1</v>
      </c>
      <c r="CT17" s="261">
        <v>0</v>
      </c>
      <c r="CU17" s="261">
        <v>0</v>
      </c>
      <c r="CV17" s="258">
        <v>1</v>
      </c>
      <c r="CW17" s="263">
        <v>1</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2</v>
      </c>
      <c r="DU17" s="261">
        <v>6</v>
      </c>
      <c r="DV17" s="258">
        <v>8</v>
      </c>
      <c r="DW17" s="260">
        <v>0</v>
      </c>
      <c r="DX17" s="261">
        <v>6</v>
      </c>
      <c r="DY17" s="261">
        <v>15</v>
      </c>
      <c r="DZ17" s="261">
        <v>15</v>
      </c>
      <c r="EA17" s="261">
        <v>6</v>
      </c>
      <c r="EB17" s="261">
        <v>3</v>
      </c>
      <c r="EC17" s="258">
        <v>45</v>
      </c>
      <c r="ED17" s="263">
        <v>53</v>
      </c>
      <c r="EE17" s="257">
        <v>3</v>
      </c>
      <c r="EF17" s="261">
        <v>2</v>
      </c>
      <c r="EG17" s="258">
        <v>5</v>
      </c>
      <c r="EH17" s="260">
        <v>0</v>
      </c>
      <c r="EI17" s="261">
        <v>7</v>
      </c>
      <c r="EJ17" s="261">
        <v>3</v>
      </c>
      <c r="EK17" s="261">
        <v>6</v>
      </c>
      <c r="EL17" s="261">
        <v>0</v>
      </c>
      <c r="EM17" s="261">
        <v>1</v>
      </c>
      <c r="EN17" s="258">
        <v>17</v>
      </c>
      <c r="EO17" s="263">
        <v>22</v>
      </c>
      <c r="EP17" s="257">
        <v>2</v>
      </c>
      <c r="EQ17" s="261">
        <v>7</v>
      </c>
      <c r="ER17" s="258">
        <v>9</v>
      </c>
      <c r="ES17" s="260">
        <v>0</v>
      </c>
      <c r="ET17" s="261">
        <v>23</v>
      </c>
      <c r="EU17" s="261">
        <v>20</v>
      </c>
      <c r="EV17" s="261">
        <v>18</v>
      </c>
      <c r="EW17" s="261">
        <v>9</v>
      </c>
      <c r="EX17" s="261">
        <v>3</v>
      </c>
      <c r="EY17" s="258">
        <v>73</v>
      </c>
      <c r="EZ17" s="263">
        <v>82</v>
      </c>
    </row>
    <row r="18" spans="2:156" ht="21" customHeight="1" x14ac:dyDescent="0.2">
      <c r="B18" s="472" t="s">
        <v>16</v>
      </c>
      <c r="C18" s="257">
        <v>0</v>
      </c>
      <c r="D18" s="261">
        <v>0</v>
      </c>
      <c r="E18" s="358">
        <v>0</v>
      </c>
      <c r="F18" s="260">
        <v>0</v>
      </c>
      <c r="G18" s="261">
        <v>15</v>
      </c>
      <c r="H18" s="261">
        <v>9</v>
      </c>
      <c r="I18" s="261">
        <v>9</v>
      </c>
      <c r="J18" s="261">
        <v>3</v>
      </c>
      <c r="K18" s="261">
        <v>1</v>
      </c>
      <c r="L18" s="262">
        <v>37</v>
      </c>
      <c r="M18" s="263">
        <v>37</v>
      </c>
      <c r="N18" s="257">
        <v>0</v>
      </c>
      <c r="O18" s="261">
        <v>0</v>
      </c>
      <c r="P18" s="258">
        <v>0</v>
      </c>
      <c r="Q18" s="260">
        <v>0</v>
      </c>
      <c r="R18" s="261">
        <v>0</v>
      </c>
      <c r="S18" s="261">
        <v>0</v>
      </c>
      <c r="T18" s="261">
        <v>1</v>
      </c>
      <c r="U18" s="261">
        <v>1</v>
      </c>
      <c r="V18" s="261">
        <v>4</v>
      </c>
      <c r="W18" s="258">
        <v>6</v>
      </c>
      <c r="X18" s="263">
        <v>6</v>
      </c>
      <c r="Y18" s="257">
        <v>4</v>
      </c>
      <c r="Z18" s="261">
        <v>4</v>
      </c>
      <c r="AA18" s="258">
        <v>8</v>
      </c>
      <c r="AB18" s="260">
        <v>0</v>
      </c>
      <c r="AC18" s="261">
        <v>17</v>
      </c>
      <c r="AD18" s="261">
        <v>21</v>
      </c>
      <c r="AE18" s="261">
        <v>8</v>
      </c>
      <c r="AF18" s="261">
        <v>10</v>
      </c>
      <c r="AG18" s="261">
        <v>2</v>
      </c>
      <c r="AH18" s="258">
        <v>58</v>
      </c>
      <c r="AI18" s="263">
        <v>66</v>
      </c>
      <c r="AJ18" s="257">
        <v>0</v>
      </c>
      <c r="AK18" s="261">
        <v>1</v>
      </c>
      <c r="AL18" s="258">
        <v>1</v>
      </c>
      <c r="AM18" s="260">
        <v>0</v>
      </c>
      <c r="AN18" s="261">
        <v>1</v>
      </c>
      <c r="AO18" s="261">
        <v>3</v>
      </c>
      <c r="AP18" s="261">
        <v>0</v>
      </c>
      <c r="AQ18" s="261">
        <v>0</v>
      </c>
      <c r="AR18" s="261">
        <v>0</v>
      </c>
      <c r="AS18" s="258">
        <v>4</v>
      </c>
      <c r="AT18" s="263">
        <v>5</v>
      </c>
      <c r="AU18" s="257">
        <v>4</v>
      </c>
      <c r="AV18" s="261">
        <v>5</v>
      </c>
      <c r="AW18" s="258">
        <v>9</v>
      </c>
      <c r="AX18" s="260">
        <v>0</v>
      </c>
      <c r="AY18" s="261">
        <v>13</v>
      </c>
      <c r="AZ18" s="261">
        <v>23</v>
      </c>
      <c r="BA18" s="261">
        <v>14</v>
      </c>
      <c r="BB18" s="261">
        <v>17</v>
      </c>
      <c r="BC18" s="261">
        <v>12</v>
      </c>
      <c r="BD18" s="262">
        <v>79</v>
      </c>
      <c r="BE18" s="263">
        <v>88</v>
      </c>
      <c r="BF18" s="257">
        <v>0</v>
      </c>
      <c r="BG18" s="261">
        <v>0</v>
      </c>
      <c r="BH18" s="258">
        <v>0</v>
      </c>
      <c r="BI18" s="260">
        <v>0</v>
      </c>
      <c r="BJ18" s="261">
        <v>22</v>
      </c>
      <c r="BK18" s="261">
        <v>29</v>
      </c>
      <c r="BL18" s="261">
        <v>7</v>
      </c>
      <c r="BM18" s="261">
        <v>9</v>
      </c>
      <c r="BN18" s="261">
        <v>2</v>
      </c>
      <c r="BO18" s="258">
        <v>69</v>
      </c>
      <c r="BP18" s="263">
        <v>69</v>
      </c>
      <c r="BQ18" s="257">
        <v>3</v>
      </c>
      <c r="BR18" s="261">
        <v>7</v>
      </c>
      <c r="BS18" s="258">
        <v>10</v>
      </c>
      <c r="BT18" s="260">
        <v>0</v>
      </c>
      <c r="BU18" s="261">
        <v>10</v>
      </c>
      <c r="BV18" s="261">
        <v>27</v>
      </c>
      <c r="BW18" s="261">
        <v>9</v>
      </c>
      <c r="BX18" s="261">
        <v>2</v>
      </c>
      <c r="BY18" s="261">
        <v>1</v>
      </c>
      <c r="BZ18" s="258">
        <v>49</v>
      </c>
      <c r="CA18" s="263">
        <v>59</v>
      </c>
      <c r="CB18" s="257">
        <v>0</v>
      </c>
      <c r="CC18" s="261">
        <v>0</v>
      </c>
      <c r="CD18" s="258">
        <v>0</v>
      </c>
      <c r="CE18" s="260">
        <v>0</v>
      </c>
      <c r="CF18" s="261">
        <v>2</v>
      </c>
      <c r="CG18" s="261">
        <v>4</v>
      </c>
      <c r="CH18" s="261">
        <v>2</v>
      </c>
      <c r="CI18" s="261">
        <v>7</v>
      </c>
      <c r="CJ18" s="261">
        <v>0</v>
      </c>
      <c r="CK18" s="258">
        <v>15</v>
      </c>
      <c r="CL18" s="263">
        <v>15</v>
      </c>
      <c r="CM18" s="257">
        <v>0</v>
      </c>
      <c r="CN18" s="261">
        <v>0</v>
      </c>
      <c r="CO18" s="258">
        <v>0</v>
      </c>
      <c r="CP18" s="260">
        <v>0</v>
      </c>
      <c r="CQ18" s="261">
        <v>1</v>
      </c>
      <c r="CR18" s="261">
        <v>0</v>
      </c>
      <c r="CS18" s="261">
        <v>1</v>
      </c>
      <c r="CT18" s="261">
        <v>0</v>
      </c>
      <c r="CU18" s="261">
        <v>1</v>
      </c>
      <c r="CV18" s="258">
        <v>3</v>
      </c>
      <c r="CW18" s="263">
        <v>3</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9</v>
      </c>
      <c r="DU18" s="261">
        <v>19</v>
      </c>
      <c r="DV18" s="258">
        <v>28</v>
      </c>
      <c r="DW18" s="260">
        <v>0</v>
      </c>
      <c r="DX18" s="261">
        <v>20</v>
      </c>
      <c r="DY18" s="261">
        <v>50</v>
      </c>
      <c r="DZ18" s="261">
        <v>30</v>
      </c>
      <c r="EA18" s="261">
        <v>18</v>
      </c>
      <c r="EB18" s="261">
        <v>7</v>
      </c>
      <c r="EC18" s="258">
        <v>125</v>
      </c>
      <c r="ED18" s="263">
        <v>153</v>
      </c>
      <c r="EE18" s="257">
        <v>2</v>
      </c>
      <c r="EF18" s="261">
        <v>0</v>
      </c>
      <c r="EG18" s="258">
        <v>2</v>
      </c>
      <c r="EH18" s="260">
        <v>0</v>
      </c>
      <c r="EI18" s="261">
        <v>7</v>
      </c>
      <c r="EJ18" s="261">
        <v>16</v>
      </c>
      <c r="EK18" s="261">
        <v>8</v>
      </c>
      <c r="EL18" s="261">
        <v>10</v>
      </c>
      <c r="EM18" s="261">
        <v>6</v>
      </c>
      <c r="EN18" s="258">
        <v>47</v>
      </c>
      <c r="EO18" s="263">
        <v>49</v>
      </c>
      <c r="EP18" s="257">
        <v>15</v>
      </c>
      <c r="EQ18" s="261">
        <v>26</v>
      </c>
      <c r="ER18" s="258">
        <v>41</v>
      </c>
      <c r="ES18" s="260">
        <v>0</v>
      </c>
      <c r="ET18" s="261">
        <v>50</v>
      </c>
      <c r="EU18" s="261">
        <v>72</v>
      </c>
      <c r="EV18" s="261">
        <v>34</v>
      </c>
      <c r="EW18" s="261">
        <v>21</v>
      </c>
      <c r="EX18" s="261">
        <v>7</v>
      </c>
      <c r="EY18" s="258">
        <v>184</v>
      </c>
      <c r="EZ18" s="263">
        <v>225</v>
      </c>
    </row>
    <row r="19" spans="2:156" ht="21" customHeight="1" x14ac:dyDescent="0.2">
      <c r="B19" s="472" t="s">
        <v>17</v>
      </c>
      <c r="C19" s="257">
        <v>0</v>
      </c>
      <c r="D19" s="261">
        <v>0</v>
      </c>
      <c r="E19" s="358">
        <v>0</v>
      </c>
      <c r="F19" s="260">
        <v>0</v>
      </c>
      <c r="G19" s="261">
        <v>11</v>
      </c>
      <c r="H19" s="261">
        <v>21</v>
      </c>
      <c r="I19" s="261">
        <v>11</v>
      </c>
      <c r="J19" s="261">
        <v>2</v>
      </c>
      <c r="K19" s="261">
        <v>3</v>
      </c>
      <c r="L19" s="262">
        <v>48</v>
      </c>
      <c r="M19" s="263">
        <v>48</v>
      </c>
      <c r="N19" s="257">
        <v>0</v>
      </c>
      <c r="O19" s="261">
        <v>0</v>
      </c>
      <c r="P19" s="258">
        <v>0</v>
      </c>
      <c r="Q19" s="260">
        <v>0</v>
      </c>
      <c r="R19" s="261">
        <v>0</v>
      </c>
      <c r="S19" s="261">
        <v>0</v>
      </c>
      <c r="T19" s="261">
        <v>1</v>
      </c>
      <c r="U19" s="261">
        <v>0</v>
      </c>
      <c r="V19" s="261">
        <v>2</v>
      </c>
      <c r="W19" s="258">
        <v>3</v>
      </c>
      <c r="X19" s="263">
        <v>3</v>
      </c>
      <c r="Y19" s="257">
        <v>0</v>
      </c>
      <c r="Z19" s="261">
        <v>3</v>
      </c>
      <c r="AA19" s="258">
        <v>3</v>
      </c>
      <c r="AB19" s="260">
        <v>0</v>
      </c>
      <c r="AC19" s="261">
        <v>13</v>
      </c>
      <c r="AD19" s="261">
        <v>12</v>
      </c>
      <c r="AE19" s="261">
        <v>13</v>
      </c>
      <c r="AF19" s="261">
        <v>3</v>
      </c>
      <c r="AG19" s="261">
        <v>4</v>
      </c>
      <c r="AH19" s="258">
        <v>45</v>
      </c>
      <c r="AI19" s="263">
        <v>48</v>
      </c>
      <c r="AJ19" s="257">
        <v>0</v>
      </c>
      <c r="AK19" s="261">
        <v>1</v>
      </c>
      <c r="AL19" s="258">
        <v>1</v>
      </c>
      <c r="AM19" s="260">
        <v>0</v>
      </c>
      <c r="AN19" s="261">
        <v>0</v>
      </c>
      <c r="AO19" s="261">
        <v>1</v>
      </c>
      <c r="AP19" s="261">
        <v>1</v>
      </c>
      <c r="AQ19" s="261">
        <v>0</v>
      </c>
      <c r="AR19" s="261">
        <v>0</v>
      </c>
      <c r="AS19" s="258">
        <v>2</v>
      </c>
      <c r="AT19" s="263">
        <v>3</v>
      </c>
      <c r="AU19" s="257">
        <v>5</v>
      </c>
      <c r="AV19" s="261">
        <v>4</v>
      </c>
      <c r="AW19" s="258">
        <v>9</v>
      </c>
      <c r="AX19" s="260">
        <v>0</v>
      </c>
      <c r="AY19" s="261">
        <v>17</v>
      </c>
      <c r="AZ19" s="261">
        <v>21</v>
      </c>
      <c r="BA19" s="261">
        <v>22</v>
      </c>
      <c r="BB19" s="261">
        <v>13</v>
      </c>
      <c r="BC19" s="261">
        <v>14</v>
      </c>
      <c r="BD19" s="262">
        <v>87</v>
      </c>
      <c r="BE19" s="263">
        <v>96</v>
      </c>
      <c r="BF19" s="257">
        <v>0</v>
      </c>
      <c r="BG19" s="261">
        <v>0</v>
      </c>
      <c r="BH19" s="258">
        <v>0</v>
      </c>
      <c r="BI19" s="260">
        <v>0</v>
      </c>
      <c r="BJ19" s="261">
        <v>21</v>
      </c>
      <c r="BK19" s="261">
        <v>26</v>
      </c>
      <c r="BL19" s="261">
        <v>9</v>
      </c>
      <c r="BM19" s="261">
        <v>6</v>
      </c>
      <c r="BN19" s="261">
        <v>2</v>
      </c>
      <c r="BO19" s="258">
        <v>64</v>
      </c>
      <c r="BP19" s="263">
        <v>64</v>
      </c>
      <c r="BQ19" s="257">
        <v>3</v>
      </c>
      <c r="BR19" s="261">
        <v>4</v>
      </c>
      <c r="BS19" s="258">
        <v>7</v>
      </c>
      <c r="BT19" s="260">
        <v>0</v>
      </c>
      <c r="BU19" s="261">
        <v>2</v>
      </c>
      <c r="BV19" s="261">
        <v>14</v>
      </c>
      <c r="BW19" s="261">
        <v>4</v>
      </c>
      <c r="BX19" s="261">
        <v>1</v>
      </c>
      <c r="BY19" s="261">
        <v>1</v>
      </c>
      <c r="BZ19" s="258">
        <v>22</v>
      </c>
      <c r="CA19" s="263">
        <v>29</v>
      </c>
      <c r="CB19" s="257">
        <v>0</v>
      </c>
      <c r="CC19" s="261">
        <v>0</v>
      </c>
      <c r="CD19" s="258">
        <v>0</v>
      </c>
      <c r="CE19" s="260">
        <v>0</v>
      </c>
      <c r="CF19" s="261">
        <v>7</v>
      </c>
      <c r="CG19" s="261">
        <v>7</v>
      </c>
      <c r="CH19" s="261">
        <v>2</v>
      </c>
      <c r="CI19" s="261">
        <v>6</v>
      </c>
      <c r="CJ19" s="261">
        <v>1</v>
      </c>
      <c r="CK19" s="258">
        <v>23</v>
      </c>
      <c r="CL19" s="263">
        <v>23</v>
      </c>
      <c r="CM19" s="257">
        <v>0</v>
      </c>
      <c r="CN19" s="261">
        <v>0</v>
      </c>
      <c r="CO19" s="258">
        <v>0</v>
      </c>
      <c r="CP19" s="260">
        <v>0</v>
      </c>
      <c r="CQ19" s="261">
        <v>0</v>
      </c>
      <c r="CR19" s="261">
        <v>0</v>
      </c>
      <c r="CS19" s="261">
        <v>0</v>
      </c>
      <c r="CT19" s="261">
        <v>1</v>
      </c>
      <c r="CU19" s="261">
        <v>0</v>
      </c>
      <c r="CV19" s="258">
        <v>1</v>
      </c>
      <c r="CW19" s="263">
        <v>1</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9</v>
      </c>
      <c r="DU19" s="261">
        <v>18</v>
      </c>
      <c r="DV19" s="258">
        <v>27</v>
      </c>
      <c r="DW19" s="260">
        <v>0</v>
      </c>
      <c r="DX19" s="261">
        <v>23</v>
      </c>
      <c r="DY19" s="261">
        <v>65</v>
      </c>
      <c r="DZ19" s="261">
        <v>31</v>
      </c>
      <c r="EA19" s="261">
        <v>11</v>
      </c>
      <c r="EB19" s="261">
        <v>11</v>
      </c>
      <c r="EC19" s="258">
        <v>141</v>
      </c>
      <c r="ED19" s="263">
        <v>168</v>
      </c>
      <c r="EE19" s="257">
        <v>5</v>
      </c>
      <c r="EF19" s="261">
        <v>2</v>
      </c>
      <c r="EG19" s="258">
        <v>7</v>
      </c>
      <c r="EH19" s="260">
        <v>0</v>
      </c>
      <c r="EI19" s="261">
        <v>7</v>
      </c>
      <c r="EJ19" s="261">
        <v>8</v>
      </c>
      <c r="EK19" s="261">
        <v>8</v>
      </c>
      <c r="EL19" s="261">
        <v>4</v>
      </c>
      <c r="EM19" s="261">
        <v>2</v>
      </c>
      <c r="EN19" s="258">
        <v>29</v>
      </c>
      <c r="EO19" s="263">
        <v>36</v>
      </c>
      <c r="EP19" s="257">
        <v>12</v>
      </c>
      <c r="EQ19" s="261">
        <v>23</v>
      </c>
      <c r="ER19" s="258">
        <v>35</v>
      </c>
      <c r="ES19" s="260">
        <v>0</v>
      </c>
      <c r="ET19" s="261">
        <v>72</v>
      </c>
      <c r="EU19" s="261">
        <v>86</v>
      </c>
      <c r="EV19" s="261">
        <v>34</v>
      </c>
      <c r="EW19" s="261">
        <v>15</v>
      </c>
      <c r="EX19" s="261">
        <v>10</v>
      </c>
      <c r="EY19" s="258">
        <v>217</v>
      </c>
      <c r="EZ19" s="263">
        <v>252</v>
      </c>
    </row>
    <row r="20" spans="2:156" ht="21" customHeight="1" x14ac:dyDescent="0.2">
      <c r="B20" s="472" t="s">
        <v>18</v>
      </c>
      <c r="C20" s="257">
        <v>0</v>
      </c>
      <c r="D20" s="261">
        <v>0</v>
      </c>
      <c r="E20" s="358">
        <v>0</v>
      </c>
      <c r="F20" s="260">
        <v>0</v>
      </c>
      <c r="G20" s="261">
        <v>30</v>
      </c>
      <c r="H20" s="261">
        <v>32</v>
      </c>
      <c r="I20" s="261">
        <v>16</v>
      </c>
      <c r="J20" s="261">
        <v>10</v>
      </c>
      <c r="K20" s="261">
        <v>5</v>
      </c>
      <c r="L20" s="262">
        <v>93</v>
      </c>
      <c r="M20" s="263">
        <v>93</v>
      </c>
      <c r="N20" s="257">
        <v>0</v>
      </c>
      <c r="O20" s="261">
        <v>0</v>
      </c>
      <c r="P20" s="258">
        <v>0</v>
      </c>
      <c r="Q20" s="260">
        <v>0</v>
      </c>
      <c r="R20" s="261">
        <v>0</v>
      </c>
      <c r="S20" s="261">
        <v>0</v>
      </c>
      <c r="T20" s="261">
        <v>2</v>
      </c>
      <c r="U20" s="261">
        <v>1</v>
      </c>
      <c r="V20" s="261">
        <v>3</v>
      </c>
      <c r="W20" s="258">
        <v>6</v>
      </c>
      <c r="X20" s="263">
        <v>6</v>
      </c>
      <c r="Y20" s="257">
        <v>3</v>
      </c>
      <c r="Z20" s="261">
        <v>10</v>
      </c>
      <c r="AA20" s="258">
        <v>13</v>
      </c>
      <c r="AB20" s="260">
        <v>0</v>
      </c>
      <c r="AC20" s="261">
        <v>26</v>
      </c>
      <c r="AD20" s="261">
        <v>21</v>
      </c>
      <c r="AE20" s="261">
        <v>17</v>
      </c>
      <c r="AF20" s="261">
        <v>7</v>
      </c>
      <c r="AG20" s="261">
        <v>4</v>
      </c>
      <c r="AH20" s="258">
        <v>75</v>
      </c>
      <c r="AI20" s="263">
        <v>88</v>
      </c>
      <c r="AJ20" s="257">
        <v>0</v>
      </c>
      <c r="AK20" s="261">
        <v>1</v>
      </c>
      <c r="AL20" s="258">
        <v>1</v>
      </c>
      <c r="AM20" s="260">
        <v>0</v>
      </c>
      <c r="AN20" s="261">
        <v>3</v>
      </c>
      <c r="AO20" s="261">
        <v>2</v>
      </c>
      <c r="AP20" s="261">
        <v>1</v>
      </c>
      <c r="AQ20" s="261">
        <v>4</v>
      </c>
      <c r="AR20" s="261">
        <v>0</v>
      </c>
      <c r="AS20" s="258">
        <v>10</v>
      </c>
      <c r="AT20" s="263">
        <v>11</v>
      </c>
      <c r="AU20" s="257">
        <v>2</v>
      </c>
      <c r="AV20" s="261">
        <v>5</v>
      </c>
      <c r="AW20" s="258">
        <v>7</v>
      </c>
      <c r="AX20" s="260">
        <v>0</v>
      </c>
      <c r="AY20" s="261">
        <v>38</v>
      </c>
      <c r="AZ20" s="261">
        <v>33</v>
      </c>
      <c r="BA20" s="261">
        <v>34</v>
      </c>
      <c r="BB20" s="261">
        <v>27</v>
      </c>
      <c r="BC20" s="261">
        <v>12</v>
      </c>
      <c r="BD20" s="262">
        <v>144</v>
      </c>
      <c r="BE20" s="263">
        <v>151</v>
      </c>
      <c r="BF20" s="257">
        <v>0</v>
      </c>
      <c r="BG20" s="261">
        <v>0</v>
      </c>
      <c r="BH20" s="258">
        <v>0</v>
      </c>
      <c r="BI20" s="260">
        <v>0</v>
      </c>
      <c r="BJ20" s="261">
        <v>44</v>
      </c>
      <c r="BK20" s="261">
        <v>38</v>
      </c>
      <c r="BL20" s="261">
        <v>21</v>
      </c>
      <c r="BM20" s="261">
        <v>8</v>
      </c>
      <c r="BN20" s="261">
        <v>2</v>
      </c>
      <c r="BO20" s="258">
        <v>113</v>
      </c>
      <c r="BP20" s="263">
        <v>113</v>
      </c>
      <c r="BQ20" s="257">
        <v>3</v>
      </c>
      <c r="BR20" s="261">
        <v>7</v>
      </c>
      <c r="BS20" s="258">
        <v>10</v>
      </c>
      <c r="BT20" s="260">
        <v>0</v>
      </c>
      <c r="BU20" s="261">
        <v>15</v>
      </c>
      <c r="BV20" s="261">
        <v>15</v>
      </c>
      <c r="BW20" s="261">
        <v>6</v>
      </c>
      <c r="BX20" s="261">
        <v>0</v>
      </c>
      <c r="BY20" s="261">
        <v>1</v>
      </c>
      <c r="BZ20" s="258">
        <v>37</v>
      </c>
      <c r="CA20" s="263">
        <v>47</v>
      </c>
      <c r="CB20" s="257">
        <v>0</v>
      </c>
      <c r="CC20" s="261">
        <v>0</v>
      </c>
      <c r="CD20" s="258">
        <v>0</v>
      </c>
      <c r="CE20" s="260">
        <v>0</v>
      </c>
      <c r="CF20" s="261">
        <v>4</v>
      </c>
      <c r="CG20" s="261">
        <v>9</v>
      </c>
      <c r="CH20" s="261">
        <v>17</v>
      </c>
      <c r="CI20" s="261">
        <v>6</v>
      </c>
      <c r="CJ20" s="261">
        <v>1</v>
      </c>
      <c r="CK20" s="258">
        <v>37</v>
      </c>
      <c r="CL20" s="263">
        <v>37</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8</v>
      </c>
      <c r="DU20" s="261">
        <v>31</v>
      </c>
      <c r="DV20" s="258">
        <v>39</v>
      </c>
      <c r="DW20" s="260">
        <v>0</v>
      </c>
      <c r="DX20" s="261">
        <v>47</v>
      </c>
      <c r="DY20" s="261">
        <v>55</v>
      </c>
      <c r="DZ20" s="261">
        <v>39</v>
      </c>
      <c r="EA20" s="261">
        <v>23</v>
      </c>
      <c r="EB20" s="261">
        <v>9</v>
      </c>
      <c r="EC20" s="258">
        <v>173</v>
      </c>
      <c r="ED20" s="263">
        <v>212</v>
      </c>
      <c r="EE20" s="257">
        <v>3</v>
      </c>
      <c r="EF20" s="261">
        <v>0</v>
      </c>
      <c r="EG20" s="258">
        <v>3</v>
      </c>
      <c r="EH20" s="260">
        <v>0</v>
      </c>
      <c r="EI20" s="261">
        <v>11</v>
      </c>
      <c r="EJ20" s="261">
        <v>12</v>
      </c>
      <c r="EK20" s="261">
        <v>9</v>
      </c>
      <c r="EL20" s="261">
        <v>11</v>
      </c>
      <c r="EM20" s="261">
        <v>3</v>
      </c>
      <c r="EN20" s="258">
        <v>46</v>
      </c>
      <c r="EO20" s="263">
        <v>49</v>
      </c>
      <c r="EP20" s="257">
        <v>13</v>
      </c>
      <c r="EQ20" s="261">
        <v>40</v>
      </c>
      <c r="ER20" s="258">
        <v>53</v>
      </c>
      <c r="ES20" s="260">
        <v>0</v>
      </c>
      <c r="ET20" s="261">
        <v>113</v>
      </c>
      <c r="EU20" s="261">
        <v>90</v>
      </c>
      <c r="EV20" s="261">
        <v>49</v>
      </c>
      <c r="EW20" s="261">
        <v>25</v>
      </c>
      <c r="EX20" s="261">
        <v>12</v>
      </c>
      <c r="EY20" s="258">
        <v>289</v>
      </c>
      <c r="EZ20" s="263">
        <v>342</v>
      </c>
    </row>
    <row r="21" spans="2:156" ht="21" customHeight="1" x14ac:dyDescent="0.2">
      <c r="B21" s="472" t="s">
        <v>19</v>
      </c>
      <c r="C21" s="257">
        <v>0</v>
      </c>
      <c r="D21" s="261">
        <v>0</v>
      </c>
      <c r="E21" s="358">
        <v>0</v>
      </c>
      <c r="F21" s="260">
        <v>0</v>
      </c>
      <c r="G21" s="261">
        <v>8</v>
      </c>
      <c r="H21" s="261">
        <v>6</v>
      </c>
      <c r="I21" s="261">
        <v>6</v>
      </c>
      <c r="J21" s="261">
        <v>1</v>
      </c>
      <c r="K21" s="261">
        <v>5</v>
      </c>
      <c r="L21" s="262">
        <v>26</v>
      </c>
      <c r="M21" s="263">
        <v>26</v>
      </c>
      <c r="N21" s="257">
        <v>0</v>
      </c>
      <c r="O21" s="261">
        <v>0</v>
      </c>
      <c r="P21" s="258">
        <v>0</v>
      </c>
      <c r="Q21" s="260">
        <v>0</v>
      </c>
      <c r="R21" s="261">
        <v>0</v>
      </c>
      <c r="S21" s="261">
        <v>0</v>
      </c>
      <c r="T21" s="261">
        <v>2</v>
      </c>
      <c r="U21" s="261">
        <v>2</v>
      </c>
      <c r="V21" s="261">
        <v>1</v>
      </c>
      <c r="W21" s="258">
        <v>5</v>
      </c>
      <c r="X21" s="263">
        <v>5</v>
      </c>
      <c r="Y21" s="257">
        <v>2</v>
      </c>
      <c r="Z21" s="261">
        <v>1</v>
      </c>
      <c r="AA21" s="258">
        <v>3</v>
      </c>
      <c r="AB21" s="260">
        <v>0</v>
      </c>
      <c r="AC21" s="261">
        <v>11</v>
      </c>
      <c r="AD21" s="261">
        <v>8</v>
      </c>
      <c r="AE21" s="261">
        <v>9</v>
      </c>
      <c r="AF21" s="261">
        <v>6</v>
      </c>
      <c r="AG21" s="261">
        <v>4</v>
      </c>
      <c r="AH21" s="258">
        <v>38</v>
      </c>
      <c r="AI21" s="263">
        <v>41</v>
      </c>
      <c r="AJ21" s="257">
        <v>0</v>
      </c>
      <c r="AK21" s="261">
        <v>0</v>
      </c>
      <c r="AL21" s="258">
        <v>0</v>
      </c>
      <c r="AM21" s="260">
        <v>0</v>
      </c>
      <c r="AN21" s="261">
        <v>1</v>
      </c>
      <c r="AO21" s="261">
        <v>1</v>
      </c>
      <c r="AP21" s="261">
        <v>1</v>
      </c>
      <c r="AQ21" s="261">
        <v>0</v>
      </c>
      <c r="AR21" s="261">
        <v>0</v>
      </c>
      <c r="AS21" s="258">
        <v>3</v>
      </c>
      <c r="AT21" s="263">
        <v>3</v>
      </c>
      <c r="AU21" s="257">
        <v>9</v>
      </c>
      <c r="AV21" s="261">
        <v>2</v>
      </c>
      <c r="AW21" s="258">
        <v>11</v>
      </c>
      <c r="AX21" s="260">
        <v>0</v>
      </c>
      <c r="AY21" s="261">
        <v>20</v>
      </c>
      <c r="AZ21" s="261">
        <v>19</v>
      </c>
      <c r="BA21" s="261">
        <v>12</v>
      </c>
      <c r="BB21" s="261">
        <v>9</v>
      </c>
      <c r="BC21" s="261">
        <v>10</v>
      </c>
      <c r="BD21" s="262">
        <v>70</v>
      </c>
      <c r="BE21" s="263">
        <v>81</v>
      </c>
      <c r="BF21" s="257">
        <v>0</v>
      </c>
      <c r="BG21" s="261">
        <v>0</v>
      </c>
      <c r="BH21" s="258">
        <v>0</v>
      </c>
      <c r="BI21" s="260">
        <v>0</v>
      </c>
      <c r="BJ21" s="261">
        <v>25</v>
      </c>
      <c r="BK21" s="261">
        <v>11</v>
      </c>
      <c r="BL21" s="261">
        <v>7</v>
      </c>
      <c r="BM21" s="261">
        <v>2</v>
      </c>
      <c r="BN21" s="261">
        <v>0</v>
      </c>
      <c r="BO21" s="258">
        <v>45</v>
      </c>
      <c r="BP21" s="263">
        <v>45</v>
      </c>
      <c r="BQ21" s="257">
        <v>1</v>
      </c>
      <c r="BR21" s="261">
        <v>2</v>
      </c>
      <c r="BS21" s="258">
        <v>3</v>
      </c>
      <c r="BT21" s="260">
        <v>0</v>
      </c>
      <c r="BU21" s="261">
        <v>10</v>
      </c>
      <c r="BV21" s="261">
        <v>6</v>
      </c>
      <c r="BW21" s="261">
        <v>5</v>
      </c>
      <c r="BX21" s="261">
        <v>1</v>
      </c>
      <c r="BY21" s="261">
        <v>0</v>
      </c>
      <c r="BZ21" s="258">
        <v>22</v>
      </c>
      <c r="CA21" s="263">
        <v>25</v>
      </c>
      <c r="CB21" s="257">
        <v>0</v>
      </c>
      <c r="CC21" s="261">
        <v>0</v>
      </c>
      <c r="CD21" s="258">
        <v>0</v>
      </c>
      <c r="CE21" s="260">
        <v>0</v>
      </c>
      <c r="CF21" s="261">
        <v>1</v>
      </c>
      <c r="CG21" s="261">
        <v>0</v>
      </c>
      <c r="CH21" s="261">
        <v>1</v>
      </c>
      <c r="CI21" s="261">
        <v>1</v>
      </c>
      <c r="CJ21" s="261">
        <v>1</v>
      </c>
      <c r="CK21" s="258">
        <v>4</v>
      </c>
      <c r="CL21" s="263">
        <v>4</v>
      </c>
      <c r="CM21" s="257">
        <v>0</v>
      </c>
      <c r="CN21" s="261">
        <v>0</v>
      </c>
      <c r="CO21" s="258">
        <v>0</v>
      </c>
      <c r="CP21" s="260">
        <v>0</v>
      </c>
      <c r="CQ21" s="261">
        <v>1</v>
      </c>
      <c r="CR21" s="261">
        <v>0</v>
      </c>
      <c r="CS21" s="261">
        <v>0</v>
      </c>
      <c r="CT21" s="261">
        <v>0</v>
      </c>
      <c r="CU21" s="261">
        <v>0</v>
      </c>
      <c r="CV21" s="258">
        <v>1</v>
      </c>
      <c r="CW21" s="263">
        <v>1</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3</v>
      </c>
      <c r="DU21" s="261">
        <v>10</v>
      </c>
      <c r="DV21" s="258">
        <v>13</v>
      </c>
      <c r="DW21" s="260">
        <v>0</v>
      </c>
      <c r="DX21" s="261">
        <v>33</v>
      </c>
      <c r="DY21" s="261">
        <v>26</v>
      </c>
      <c r="DZ21" s="261">
        <v>18</v>
      </c>
      <c r="EA21" s="261">
        <v>9</v>
      </c>
      <c r="EB21" s="261">
        <v>9</v>
      </c>
      <c r="EC21" s="258">
        <v>95</v>
      </c>
      <c r="ED21" s="263">
        <v>108</v>
      </c>
      <c r="EE21" s="257">
        <v>4</v>
      </c>
      <c r="EF21" s="261">
        <v>1</v>
      </c>
      <c r="EG21" s="258">
        <v>5</v>
      </c>
      <c r="EH21" s="260">
        <v>0</v>
      </c>
      <c r="EI21" s="261">
        <v>5</v>
      </c>
      <c r="EJ21" s="261">
        <v>8</v>
      </c>
      <c r="EK21" s="261">
        <v>2</v>
      </c>
      <c r="EL21" s="261">
        <v>2</v>
      </c>
      <c r="EM21" s="261">
        <v>1</v>
      </c>
      <c r="EN21" s="258">
        <v>18</v>
      </c>
      <c r="EO21" s="263">
        <v>23</v>
      </c>
      <c r="EP21" s="257">
        <v>6</v>
      </c>
      <c r="EQ21" s="261">
        <v>12</v>
      </c>
      <c r="ER21" s="258">
        <v>18</v>
      </c>
      <c r="ES21" s="260">
        <v>0</v>
      </c>
      <c r="ET21" s="261">
        <v>52</v>
      </c>
      <c r="EU21" s="261">
        <v>33</v>
      </c>
      <c r="EV21" s="261">
        <v>20</v>
      </c>
      <c r="EW21" s="261">
        <v>7</v>
      </c>
      <c r="EX21" s="261">
        <v>8</v>
      </c>
      <c r="EY21" s="258">
        <v>120</v>
      </c>
      <c r="EZ21" s="263">
        <v>138</v>
      </c>
    </row>
    <row r="22" spans="2:156" ht="21" customHeight="1" x14ac:dyDescent="0.2">
      <c r="B22" s="472" t="s">
        <v>20</v>
      </c>
      <c r="C22" s="257">
        <v>0</v>
      </c>
      <c r="D22" s="261">
        <v>0</v>
      </c>
      <c r="E22" s="358">
        <v>0</v>
      </c>
      <c r="F22" s="260">
        <v>0</v>
      </c>
      <c r="G22" s="261">
        <v>23</v>
      </c>
      <c r="H22" s="261">
        <v>20</v>
      </c>
      <c r="I22" s="261">
        <v>9</v>
      </c>
      <c r="J22" s="261">
        <v>7</v>
      </c>
      <c r="K22" s="261">
        <v>10</v>
      </c>
      <c r="L22" s="262">
        <v>69</v>
      </c>
      <c r="M22" s="263">
        <v>69</v>
      </c>
      <c r="N22" s="257">
        <v>0</v>
      </c>
      <c r="O22" s="261">
        <v>0</v>
      </c>
      <c r="P22" s="258">
        <v>0</v>
      </c>
      <c r="Q22" s="260">
        <v>0</v>
      </c>
      <c r="R22" s="261">
        <v>0</v>
      </c>
      <c r="S22" s="261">
        <v>0</v>
      </c>
      <c r="T22" s="261">
        <v>1</v>
      </c>
      <c r="U22" s="261">
        <v>1</v>
      </c>
      <c r="V22" s="261">
        <v>3</v>
      </c>
      <c r="W22" s="258">
        <v>5</v>
      </c>
      <c r="X22" s="263">
        <v>5</v>
      </c>
      <c r="Y22" s="257">
        <v>3</v>
      </c>
      <c r="Z22" s="261">
        <v>1</v>
      </c>
      <c r="AA22" s="258">
        <v>4</v>
      </c>
      <c r="AB22" s="260">
        <v>0</v>
      </c>
      <c r="AC22" s="261">
        <v>23</v>
      </c>
      <c r="AD22" s="261">
        <v>17</v>
      </c>
      <c r="AE22" s="261">
        <v>12</v>
      </c>
      <c r="AF22" s="261">
        <v>10</v>
      </c>
      <c r="AG22" s="261">
        <v>8</v>
      </c>
      <c r="AH22" s="258">
        <v>70</v>
      </c>
      <c r="AI22" s="263">
        <v>74</v>
      </c>
      <c r="AJ22" s="257">
        <v>2</v>
      </c>
      <c r="AK22" s="261">
        <v>4</v>
      </c>
      <c r="AL22" s="258">
        <v>6</v>
      </c>
      <c r="AM22" s="260">
        <v>0</v>
      </c>
      <c r="AN22" s="261">
        <v>4</v>
      </c>
      <c r="AO22" s="261">
        <v>8</v>
      </c>
      <c r="AP22" s="261">
        <v>6</v>
      </c>
      <c r="AQ22" s="261">
        <v>1</v>
      </c>
      <c r="AR22" s="261">
        <v>2</v>
      </c>
      <c r="AS22" s="258">
        <v>21</v>
      </c>
      <c r="AT22" s="263">
        <v>27</v>
      </c>
      <c r="AU22" s="257">
        <v>1</v>
      </c>
      <c r="AV22" s="261">
        <v>4</v>
      </c>
      <c r="AW22" s="258">
        <v>5</v>
      </c>
      <c r="AX22" s="260">
        <v>0</v>
      </c>
      <c r="AY22" s="261">
        <v>16</v>
      </c>
      <c r="AZ22" s="261">
        <v>19</v>
      </c>
      <c r="BA22" s="261">
        <v>26</v>
      </c>
      <c r="BB22" s="261">
        <v>23</v>
      </c>
      <c r="BC22" s="261">
        <v>15</v>
      </c>
      <c r="BD22" s="262">
        <v>99</v>
      </c>
      <c r="BE22" s="263">
        <v>104</v>
      </c>
      <c r="BF22" s="257">
        <v>0</v>
      </c>
      <c r="BG22" s="261">
        <v>0</v>
      </c>
      <c r="BH22" s="258">
        <v>0</v>
      </c>
      <c r="BI22" s="260">
        <v>0</v>
      </c>
      <c r="BJ22" s="261">
        <v>30</v>
      </c>
      <c r="BK22" s="261">
        <v>17</v>
      </c>
      <c r="BL22" s="261">
        <v>12</v>
      </c>
      <c r="BM22" s="261">
        <v>6</v>
      </c>
      <c r="BN22" s="261">
        <v>3</v>
      </c>
      <c r="BO22" s="258">
        <v>68</v>
      </c>
      <c r="BP22" s="263">
        <v>68</v>
      </c>
      <c r="BQ22" s="257">
        <v>3</v>
      </c>
      <c r="BR22" s="261">
        <v>2</v>
      </c>
      <c r="BS22" s="258">
        <v>5</v>
      </c>
      <c r="BT22" s="260">
        <v>0</v>
      </c>
      <c r="BU22" s="261">
        <v>9</v>
      </c>
      <c r="BV22" s="261">
        <v>13</v>
      </c>
      <c r="BW22" s="261">
        <v>5</v>
      </c>
      <c r="BX22" s="261">
        <v>4</v>
      </c>
      <c r="BY22" s="261">
        <v>1</v>
      </c>
      <c r="BZ22" s="258">
        <v>32</v>
      </c>
      <c r="CA22" s="263">
        <v>37</v>
      </c>
      <c r="CB22" s="257">
        <v>0</v>
      </c>
      <c r="CC22" s="261">
        <v>0</v>
      </c>
      <c r="CD22" s="258">
        <v>0</v>
      </c>
      <c r="CE22" s="260">
        <v>0</v>
      </c>
      <c r="CF22" s="261">
        <v>2</v>
      </c>
      <c r="CG22" s="261">
        <v>3</v>
      </c>
      <c r="CH22" s="261">
        <v>3</v>
      </c>
      <c r="CI22" s="261">
        <v>7</v>
      </c>
      <c r="CJ22" s="261">
        <v>1</v>
      </c>
      <c r="CK22" s="258">
        <v>16</v>
      </c>
      <c r="CL22" s="263">
        <v>16</v>
      </c>
      <c r="CM22" s="257">
        <v>0</v>
      </c>
      <c r="CN22" s="261">
        <v>0</v>
      </c>
      <c r="CO22" s="258">
        <v>0</v>
      </c>
      <c r="CP22" s="260">
        <v>0</v>
      </c>
      <c r="CQ22" s="261">
        <v>0</v>
      </c>
      <c r="CR22" s="261">
        <v>0</v>
      </c>
      <c r="CS22" s="261">
        <v>1</v>
      </c>
      <c r="CT22" s="261">
        <v>2</v>
      </c>
      <c r="CU22" s="261">
        <v>0</v>
      </c>
      <c r="CV22" s="258">
        <v>3</v>
      </c>
      <c r="CW22" s="263">
        <v>3</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9</v>
      </c>
      <c r="DU22" s="261">
        <v>23</v>
      </c>
      <c r="DV22" s="258">
        <v>32</v>
      </c>
      <c r="DW22" s="260">
        <v>0</v>
      </c>
      <c r="DX22" s="261">
        <v>39</v>
      </c>
      <c r="DY22" s="261">
        <v>35</v>
      </c>
      <c r="DZ22" s="261">
        <v>24</v>
      </c>
      <c r="EA22" s="261">
        <v>18</v>
      </c>
      <c r="EB22" s="261">
        <v>13</v>
      </c>
      <c r="EC22" s="258">
        <v>129</v>
      </c>
      <c r="ED22" s="263">
        <v>161</v>
      </c>
      <c r="EE22" s="257">
        <v>1</v>
      </c>
      <c r="EF22" s="261">
        <v>2</v>
      </c>
      <c r="EG22" s="258">
        <v>3</v>
      </c>
      <c r="EH22" s="260">
        <v>0</v>
      </c>
      <c r="EI22" s="261">
        <v>5</v>
      </c>
      <c r="EJ22" s="261">
        <v>3</v>
      </c>
      <c r="EK22" s="261">
        <v>8</v>
      </c>
      <c r="EL22" s="261">
        <v>5</v>
      </c>
      <c r="EM22" s="261">
        <v>6</v>
      </c>
      <c r="EN22" s="258">
        <v>27</v>
      </c>
      <c r="EO22" s="263">
        <v>30</v>
      </c>
      <c r="EP22" s="257">
        <v>15</v>
      </c>
      <c r="EQ22" s="261">
        <v>28</v>
      </c>
      <c r="ER22" s="258">
        <v>43</v>
      </c>
      <c r="ES22" s="260">
        <v>0</v>
      </c>
      <c r="ET22" s="261">
        <v>83</v>
      </c>
      <c r="EU22" s="261">
        <v>58</v>
      </c>
      <c r="EV22" s="261">
        <v>29</v>
      </c>
      <c r="EW22" s="261">
        <v>22</v>
      </c>
      <c r="EX22" s="261">
        <v>12</v>
      </c>
      <c r="EY22" s="258">
        <v>204</v>
      </c>
      <c r="EZ22" s="263">
        <v>247</v>
      </c>
    </row>
    <row r="23" spans="2:156" ht="21" customHeight="1" x14ac:dyDescent="0.2">
      <c r="B23" s="472" t="s">
        <v>21</v>
      </c>
      <c r="C23" s="257">
        <v>0</v>
      </c>
      <c r="D23" s="261">
        <v>0</v>
      </c>
      <c r="E23" s="358">
        <v>0</v>
      </c>
      <c r="F23" s="260">
        <v>0</v>
      </c>
      <c r="G23" s="261">
        <v>18</v>
      </c>
      <c r="H23" s="261">
        <v>13</v>
      </c>
      <c r="I23" s="261">
        <v>5</v>
      </c>
      <c r="J23" s="261">
        <v>8</v>
      </c>
      <c r="K23" s="261">
        <v>6</v>
      </c>
      <c r="L23" s="262">
        <v>50</v>
      </c>
      <c r="M23" s="263">
        <v>50</v>
      </c>
      <c r="N23" s="257">
        <v>0</v>
      </c>
      <c r="O23" s="261">
        <v>0</v>
      </c>
      <c r="P23" s="258">
        <v>0</v>
      </c>
      <c r="Q23" s="260">
        <v>0</v>
      </c>
      <c r="R23" s="261">
        <v>0</v>
      </c>
      <c r="S23" s="261">
        <v>0</v>
      </c>
      <c r="T23" s="261">
        <v>0</v>
      </c>
      <c r="U23" s="261">
        <v>0</v>
      </c>
      <c r="V23" s="261">
        <v>2</v>
      </c>
      <c r="W23" s="258">
        <v>2</v>
      </c>
      <c r="X23" s="263">
        <v>2</v>
      </c>
      <c r="Y23" s="257">
        <v>6</v>
      </c>
      <c r="Z23" s="261">
        <v>3</v>
      </c>
      <c r="AA23" s="258">
        <v>9</v>
      </c>
      <c r="AB23" s="260">
        <v>0</v>
      </c>
      <c r="AC23" s="261">
        <v>12</v>
      </c>
      <c r="AD23" s="261">
        <v>22</v>
      </c>
      <c r="AE23" s="261">
        <v>5</v>
      </c>
      <c r="AF23" s="261">
        <v>4</v>
      </c>
      <c r="AG23" s="261">
        <v>5</v>
      </c>
      <c r="AH23" s="258">
        <v>48</v>
      </c>
      <c r="AI23" s="263">
        <v>57</v>
      </c>
      <c r="AJ23" s="257">
        <v>1</v>
      </c>
      <c r="AK23" s="261">
        <v>0</v>
      </c>
      <c r="AL23" s="258">
        <v>1</v>
      </c>
      <c r="AM23" s="260">
        <v>0</v>
      </c>
      <c r="AN23" s="261">
        <v>2</v>
      </c>
      <c r="AO23" s="261">
        <v>2</v>
      </c>
      <c r="AP23" s="261">
        <v>0</v>
      </c>
      <c r="AQ23" s="261">
        <v>0</v>
      </c>
      <c r="AR23" s="261">
        <v>1</v>
      </c>
      <c r="AS23" s="258">
        <v>5</v>
      </c>
      <c r="AT23" s="263">
        <v>6</v>
      </c>
      <c r="AU23" s="257">
        <v>5</v>
      </c>
      <c r="AV23" s="261">
        <v>6</v>
      </c>
      <c r="AW23" s="258">
        <v>11</v>
      </c>
      <c r="AX23" s="260">
        <v>0</v>
      </c>
      <c r="AY23" s="261">
        <v>10</v>
      </c>
      <c r="AZ23" s="261">
        <v>22</v>
      </c>
      <c r="BA23" s="261">
        <v>9</v>
      </c>
      <c r="BB23" s="261">
        <v>9</v>
      </c>
      <c r="BC23" s="261">
        <v>11</v>
      </c>
      <c r="BD23" s="262">
        <v>61</v>
      </c>
      <c r="BE23" s="263">
        <v>72</v>
      </c>
      <c r="BF23" s="257">
        <v>0</v>
      </c>
      <c r="BG23" s="261">
        <v>0</v>
      </c>
      <c r="BH23" s="258">
        <v>0</v>
      </c>
      <c r="BI23" s="260">
        <v>0</v>
      </c>
      <c r="BJ23" s="261">
        <v>19</v>
      </c>
      <c r="BK23" s="261">
        <v>17</v>
      </c>
      <c r="BL23" s="261">
        <v>9</v>
      </c>
      <c r="BM23" s="261">
        <v>4</v>
      </c>
      <c r="BN23" s="261">
        <v>3</v>
      </c>
      <c r="BO23" s="258">
        <v>52</v>
      </c>
      <c r="BP23" s="263">
        <v>52</v>
      </c>
      <c r="BQ23" s="257">
        <v>4</v>
      </c>
      <c r="BR23" s="261">
        <v>1</v>
      </c>
      <c r="BS23" s="258">
        <v>5</v>
      </c>
      <c r="BT23" s="260">
        <v>0</v>
      </c>
      <c r="BU23" s="261">
        <v>6</v>
      </c>
      <c r="BV23" s="261">
        <v>7</v>
      </c>
      <c r="BW23" s="261">
        <v>3</v>
      </c>
      <c r="BX23" s="261">
        <v>0</v>
      </c>
      <c r="BY23" s="261">
        <v>1</v>
      </c>
      <c r="BZ23" s="258">
        <v>17</v>
      </c>
      <c r="CA23" s="263">
        <v>22</v>
      </c>
      <c r="CB23" s="257">
        <v>0</v>
      </c>
      <c r="CC23" s="261">
        <v>0</v>
      </c>
      <c r="CD23" s="258">
        <v>0</v>
      </c>
      <c r="CE23" s="260">
        <v>0</v>
      </c>
      <c r="CF23" s="261">
        <v>0</v>
      </c>
      <c r="CG23" s="261">
        <v>4</v>
      </c>
      <c r="CH23" s="261">
        <v>4</v>
      </c>
      <c r="CI23" s="261">
        <v>4</v>
      </c>
      <c r="CJ23" s="261">
        <v>2</v>
      </c>
      <c r="CK23" s="258">
        <v>14</v>
      </c>
      <c r="CL23" s="263">
        <v>14</v>
      </c>
      <c r="CM23" s="257">
        <v>0</v>
      </c>
      <c r="CN23" s="261">
        <v>0</v>
      </c>
      <c r="CO23" s="258">
        <v>0</v>
      </c>
      <c r="CP23" s="260">
        <v>0</v>
      </c>
      <c r="CQ23" s="261">
        <v>0</v>
      </c>
      <c r="CR23" s="261">
        <v>1</v>
      </c>
      <c r="CS23" s="261">
        <v>0</v>
      </c>
      <c r="CT23" s="261">
        <v>0</v>
      </c>
      <c r="CU23" s="261">
        <v>0</v>
      </c>
      <c r="CV23" s="258">
        <v>1</v>
      </c>
      <c r="CW23" s="263">
        <v>1</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10</v>
      </c>
      <c r="DU23" s="261">
        <v>18</v>
      </c>
      <c r="DV23" s="258">
        <v>28</v>
      </c>
      <c r="DW23" s="260">
        <v>0</v>
      </c>
      <c r="DX23" s="261">
        <v>20</v>
      </c>
      <c r="DY23" s="261">
        <v>43</v>
      </c>
      <c r="DZ23" s="261">
        <v>15</v>
      </c>
      <c r="EA23" s="261">
        <v>10</v>
      </c>
      <c r="EB23" s="261">
        <v>8</v>
      </c>
      <c r="EC23" s="258">
        <v>96</v>
      </c>
      <c r="ED23" s="263">
        <v>124</v>
      </c>
      <c r="EE23" s="257">
        <v>1</v>
      </c>
      <c r="EF23" s="261">
        <v>4</v>
      </c>
      <c r="EG23" s="258">
        <v>5</v>
      </c>
      <c r="EH23" s="260">
        <v>0</v>
      </c>
      <c r="EI23" s="261">
        <v>3</v>
      </c>
      <c r="EJ23" s="261">
        <v>5</v>
      </c>
      <c r="EK23" s="261">
        <v>2</v>
      </c>
      <c r="EL23" s="261">
        <v>3</v>
      </c>
      <c r="EM23" s="261">
        <v>4</v>
      </c>
      <c r="EN23" s="258">
        <v>17</v>
      </c>
      <c r="EO23" s="263">
        <v>22</v>
      </c>
      <c r="EP23" s="257">
        <v>19</v>
      </c>
      <c r="EQ23" s="261">
        <v>18</v>
      </c>
      <c r="ER23" s="258">
        <v>37</v>
      </c>
      <c r="ES23" s="260">
        <v>0</v>
      </c>
      <c r="ET23" s="261">
        <v>54</v>
      </c>
      <c r="EU23" s="261">
        <v>58</v>
      </c>
      <c r="EV23" s="261">
        <v>21</v>
      </c>
      <c r="EW23" s="261">
        <v>12</v>
      </c>
      <c r="EX23" s="261">
        <v>10</v>
      </c>
      <c r="EY23" s="258">
        <v>155</v>
      </c>
      <c r="EZ23" s="263">
        <v>192</v>
      </c>
    </row>
    <row r="24" spans="2:156" ht="21" customHeight="1" x14ac:dyDescent="0.2">
      <c r="B24" s="472" t="s">
        <v>22</v>
      </c>
      <c r="C24" s="257">
        <v>0</v>
      </c>
      <c r="D24" s="261">
        <v>0</v>
      </c>
      <c r="E24" s="358">
        <v>0</v>
      </c>
      <c r="F24" s="260">
        <v>0</v>
      </c>
      <c r="G24" s="261">
        <v>7</v>
      </c>
      <c r="H24" s="261">
        <v>6</v>
      </c>
      <c r="I24" s="261">
        <v>1</v>
      </c>
      <c r="J24" s="261">
        <v>2</v>
      </c>
      <c r="K24" s="261">
        <v>3</v>
      </c>
      <c r="L24" s="262">
        <v>19</v>
      </c>
      <c r="M24" s="263">
        <v>19</v>
      </c>
      <c r="N24" s="257">
        <v>0</v>
      </c>
      <c r="O24" s="261">
        <v>0</v>
      </c>
      <c r="P24" s="258">
        <v>0</v>
      </c>
      <c r="Q24" s="260">
        <v>0</v>
      </c>
      <c r="R24" s="261">
        <v>1</v>
      </c>
      <c r="S24" s="261">
        <v>0</v>
      </c>
      <c r="T24" s="261">
        <v>0</v>
      </c>
      <c r="U24" s="261">
        <v>1</v>
      </c>
      <c r="V24" s="261">
        <v>0</v>
      </c>
      <c r="W24" s="258">
        <v>2</v>
      </c>
      <c r="X24" s="263">
        <v>2</v>
      </c>
      <c r="Y24" s="257">
        <v>0</v>
      </c>
      <c r="Z24" s="261">
        <v>0</v>
      </c>
      <c r="AA24" s="258">
        <v>0</v>
      </c>
      <c r="AB24" s="260">
        <v>0</v>
      </c>
      <c r="AC24" s="261">
        <v>4</v>
      </c>
      <c r="AD24" s="261">
        <v>8</v>
      </c>
      <c r="AE24" s="261">
        <v>3</v>
      </c>
      <c r="AF24" s="261">
        <v>1</v>
      </c>
      <c r="AG24" s="261">
        <v>2</v>
      </c>
      <c r="AH24" s="258">
        <v>18</v>
      </c>
      <c r="AI24" s="263">
        <v>18</v>
      </c>
      <c r="AJ24" s="257">
        <v>0</v>
      </c>
      <c r="AK24" s="261">
        <v>0</v>
      </c>
      <c r="AL24" s="258">
        <v>0</v>
      </c>
      <c r="AM24" s="260">
        <v>0</v>
      </c>
      <c r="AN24" s="261">
        <v>0</v>
      </c>
      <c r="AO24" s="261">
        <v>1</v>
      </c>
      <c r="AP24" s="261">
        <v>1</v>
      </c>
      <c r="AQ24" s="261">
        <v>0</v>
      </c>
      <c r="AR24" s="261">
        <v>0</v>
      </c>
      <c r="AS24" s="258">
        <v>2</v>
      </c>
      <c r="AT24" s="263">
        <v>2</v>
      </c>
      <c r="AU24" s="257">
        <v>0</v>
      </c>
      <c r="AV24" s="261">
        <v>0</v>
      </c>
      <c r="AW24" s="258">
        <v>0</v>
      </c>
      <c r="AX24" s="260">
        <v>0</v>
      </c>
      <c r="AY24" s="261">
        <v>8</v>
      </c>
      <c r="AZ24" s="261">
        <v>9</v>
      </c>
      <c r="BA24" s="261">
        <v>3</v>
      </c>
      <c r="BB24" s="261">
        <v>4</v>
      </c>
      <c r="BC24" s="261">
        <v>2</v>
      </c>
      <c r="BD24" s="262">
        <v>26</v>
      </c>
      <c r="BE24" s="263">
        <v>26</v>
      </c>
      <c r="BF24" s="257">
        <v>0</v>
      </c>
      <c r="BG24" s="261">
        <v>0</v>
      </c>
      <c r="BH24" s="258">
        <v>0</v>
      </c>
      <c r="BI24" s="260">
        <v>0</v>
      </c>
      <c r="BJ24" s="261">
        <v>14</v>
      </c>
      <c r="BK24" s="261">
        <v>5</v>
      </c>
      <c r="BL24" s="261">
        <v>5</v>
      </c>
      <c r="BM24" s="261">
        <v>1</v>
      </c>
      <c r="BN24" s="261">
        <v>3</v>
      </c>
      <c r="BO24" s="258">
        <v>28</v>
      </c>
      <c r="BP24" s="263">
        <v>28</v>
      </c>
      <c r="BQ24" s="257">
        <v>1</v>
      </c>
      <c r="BR24" s="261">
        <v>0</v>
      </c>
      <c r="BS24" s="258">
        <v>1</v>
      </c>
      <c r="BT24" s="260">
        <v>0</v>
      </c>
      <c r="BU24" s="261">
        <v>2</v>
      </c>
      <c r="BV24" s="261">
        <v>2</v>
      </c>
      <c r="BW24" s="261">
        <v>0</v>
      </c>
      <c r="BX24" s="261">
        <v>0</v>
      </c>
      <c r="BY24" s="261">
        <v>1</v>
      </c>
      <c r="BZ24" s="258">
        <v>5</v>
      </c>
      <c r="CA24" s="263">
        <v>6</v>
      </c>
      <c r="CB24" s="257">
        <v>0</v>
      </c>
      <c r="CC24" s="261">
        <v>0</v>
      </c>
      <c r="CD24" s="258">
        <v>0</v>
      </c>
      <c r="CE24" s="260">
        <v>0</v>
      </c>
      <c r="CF24" s="261">
        <v>0</v>
      </c>
      <c r="CG24" s="261">
        <v>0</v>
      </c>
      <c r="CH24" s="261">
        <v>0</v>
      </c>
      <c r="CI24" s="261">
        <v>2</v>
      </c>
      <c r="CJ24" s="261">
        <v>1</v>
      </c>
      <c r="CK24" s="258">
        <v>3</v>
      </c>
      <c r="CL24" s="263">
        <v>3</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1</v>
      </c>
      <c r="DU24" s="261">
        <v>5</v>
      </c>
      <c r="DV24" s="258">
        <v>6</v>
      </c>
      <c r="DW24" s="260">
        <v>0</v>
      </c>
      <c r="DX24" s="261">
        <v>18</v>
      </c>
      <c r="DY24" s="261">
        <v>17</v>
      </c>
      <c r="DZ24" s="261">
        <v>10</v>
      </c>
      <c r="EA24" s="261">
        <v>5</v>
      </c>
      <c r="EB24" s="261">
        <v>5</v>
      </c>
      <c r="EC24" s="258">
        <v>55</v>
      </c>
      <c r="ED24" s="263">
        <v>61</v>
      </c>
      <c r="EE24" s="257">
        <v>0</v>
      </c>
      <c r="EF24" s="261">
        <v>2</v>
      </c>
      <c r="EG24" s="258">
        <v>2</v>
      </c>
      <c r="EH24" s="260">
        <v>0</v>
      </c>
      <c r="EI24" s="261">
        <v>6</v>
      </c>
      <c r="EJ24" s="261">
        <v>4</v>
      </c>
      <c r="EK24" s="261">
        <v>1</v>
      </c>
      <c r="EL24" s="261">
        <v>2</v>
      </c>
      <c r="EM24" s="261">
        <v>0</v>
      </c>
      <c r="EN24" s="258">
        <v>13</v>
      </c>
      <c r="EO24" s="263">
        <v>15</v>
      </c>
      <c r="EP24" s="257">
        <v>3</v>
      </c>
      <c r="EQ24" s="261">
        <v>5</v>
      </c>
      <c r="ER24" s="258">
        <v>8</v>
      </c>
      <c r="ES24" s="260">
        <v>0</v>
      </c>
      <c r="ET24" s="261">
        <v>26</v>
      </c>
      <c r="EU24" s="261">
        <v>21</v>
      </c>
      <c r="EV24" s="261">
        <v>12</v>
      </c>
      <c r="EW24" s="261">
        <v>5</v>
      </c>
      <c r="EX24" s="261">
        <v>4</v>
      </c>
      <c r="EY24" s="258">
        <v>68</v>
      </c>
      <c r="EZ24" s="263">
        <v>76</v>
      </c>
    </row>
    <row r="25" spans="2:156" ht="21" customHeight="1" x14ac:dyDescent="0.2">
      <c r="B25" s="472" t="s">
        <v>23</v>
      </c>
      <c r="C25" s="257">
        <v>0</v>
      </c>
      <c r="D25" s="261">
        <v>0</v>
      </c>
      <c r="E25" s="358">
        <v>0</v>
      </c>
      <c r="F25" s="260">
        <v>0</v>
      </c>
      <c r="G25" s="261">
        <v>5</v>
      </c>
      <c r="H25" s="261">
        <v>8</v>
      </c>
      <c r="I25" s="261">
        <v>6</v>
      </c>
      <c r="J25" s="261">
        <v>4</v>
      </c>
      <c r="K25" s="261">
        <v>0</v>
      </c>
      <c r="L25" s="262">
        <v>23</v>
      </c>
      <c r="M25" s="263">
        <v>23</v>
      </c>
      <c r="N25" s="257">
        <v>0</v>
      </c>
      <c r="O25" s="261">
        <v>0</v>
      </c>
      <c r="P25" s="258">
        <v>0</v>
      </c>
      <c r="Q25" s="260">
        <v>0</v>
      </c>
      <c r="R25" s="261">
        <v>0</v>
      </c>
      <c r="S25" s="261">
        <v>0</v>
      </c>
      <c r="T25" s="261">
        <v>0</v>
      </c>
      <c r="U25" s="261">
        <v>3</v>
      </c>
      <c r="V25" s="261">
        <v>0</v>
      </c>
      <c r="W25" s="258">
        <v>3</v>
      </c>
      <c r="X25" s="263">
        <v>3</v>
      </c>
      <c r="Y25" s="257">
        <v>2</v>
      </c>
      <c r="Z25" s="261">
        <v>4</v>
      </c>
      <c r="AA25" s="258">
        <v>6</v>
      </c>
      <c r="AB25" s="260">
        <v>0</v>
      </c>
      <c r="AC25" s="261">
        <v>5</v>
      </c>
      <c r="AD25" s="261">
        <v>13</v>
      </c>
      <c r="AE25" s="261">
        <v>3</v>
      </c>
      <c r="AF25" s="261">
        <v>4</v>
      </c>
      <c r="AG25" s="261">
        <v>3</v>
      </c>
      <c r="AH25" s="258">
        <v>28</v>
      </c>
      <c r="AI25" s="263">
        <v>34</v>
      </c>
      <c r="AJ25" s="257">
        <v>0</v>
      </c>
      <c r="AK25" s="261">
        <v>1</v>
      </c>
      <c r="AL25" s="258">
        <v>1</v>
      </c>
      <c r="AM25" s="260">
        <v>0</v>
      </c>
      <c r="AN25" s="261">
        <v>0</v>
      </c>
      <c r="AO25" s="261">
        <v>1</v>
      </c>
      <c r="AP25" s="261">
        <v>0</v>
      </c>
      <c r="AQ25" s="261">
        <v>0</v>
      </c>
      <c r="AR25" s="261">
        <v>0</v>
      </c>
      <c r="AS25" s="258">
        <v>1</v>
      </c>
      <c r="AT25" s="263">
        <v>2</v>
      </c>
      <c r="AU25" s="257">
        <v>3</v>
      </c>
      <c r="AV25" s="261">
        <v>0</v>
      </c>
      <c r="AW25" s="258">
        <v>3</v>
      </c>
      <c r="AX25" s="260">
        <v>0</v>
      </c>
      <c r="AY25" s="261">
        <v>16</v>
      </c>
      <c r="AZ25" s="261">
        <v>6</v>
      </c>
      <c r="BA25" s="261">
        <v>9</v>
      </c>
      <c r="BB25" s="261">
        <v>10</v>
      </c>
      <c r="BC25" s="261">
        <v>5</v>
      </c>
      <c r="BD25" s="262">
        <v>46</v>
      </c>
      <c r="BE25" s="263">
        <v>49</v>
      </c>
      <c r="BF25" s="257">
        <v>0</v>
      </c>
      <c r="BG25" s="261">
        <v>0</v>
      </c>
      <c r="BH25" s="258">
        <v>0</v>
      </c>
      <c r="BI25" s="260">
        <v>0</v>
      </c>
      <c r="BJ25" s="261">
        <v>13</v>
      </c>
      <c r="BK25" s="261">
        <v>12</v>
      </c>
      <c r="BL25" s="261">
        <v>4</v>
      </c>
      <c r="BM25" s="261">
        <v>4</v>
      </c>
      <c r="BN25" s="261">
        <v>2</v>
      </c>
      <c r="BO25" s="258">
        <v>35</v>
      </c>
      <c r="BP25" s="263">
        <v>35</v>
      </c>
      <c r="BQ25" s="257">
        <v>0</v>
      </c>
      <c r="BR25" s="261">
        <v>0</v>
      </c>
      <c r="BS25" s="258">
        <v>0</v>
      </c>
      <c r="BT25" s="260">
        <v>0</v>
      </c>
      <c r="BU25" s="261">
        <v>4</v>
      </c>
      <c r="BV25" s="261">
        <v>1</v>
      </c>
      <c r="BW25" s="261">
        <v>2</v>
      </c>
      <c r="BX25" s="261">
        <v>1</v>
      </c>
      <c r="BY25" s="261">
        <v>1</v>
      </c>
      <c r="BZ25" s="258">
        <v>9</v>
      </c>
      <c r="CA25" s="263">
        <v>9</v>
      </c>
      <c r="CB25" s="257">
        <v>0</v>
      </c>
      <c r="CC25" s="261">
        <v>0</v>
      </c>
      <c r="CD25" s="258">
        <v>0</v>
      </c>
      <c r="CE25" s="260">
        <v>0</v>
      </c>
      <c r="CF25" s="261">
        <v>2</v>
      </c>
      <c r="CG25" s="261">
        <v>1</v>
      </c>
      <c r="CH25" s="261">
        <v>3</v>
      </c>
      <c r="CI25" s="261">
        <v>3</v>
      </c>
      <c r="CJ25" s="261">
        <v>2</v>
      </c>
      <c r="CK25" s="258">
        <v>11</v>
      </c>
      <c r="CL25" s="263">
        <v>11</v>
      </c>
      <c r="CM25" s="257">
        <v>1</v>
      </c>
      <c r="CN25" s="261">
        <v>0</v>
      </c>
      <c r="CO25" s="258">
        <v>1</v>
      </c>
      <c r="CP25" s="260">
        <v>0</v>
      </c>
      <c r="CQ25" s="261">
        <v>1</v>
      </c>
      <c r="CR25" s="261">
        <v>0</v>
      </c>
      <c r="CS25" s="261">
        <v>0</v>
      </c>
      <c r="CT25" s="261">
        <v>0</v>
      </c>
      <c r="CU25" s="261">
        <v>1</v>
      </c>
      <c r="CV25" s="258">
        <v>2</v>
      </c>
      <c r="CW25" s="263">
        <v>3</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2</v>
      </c>
      <c r="DU25" s="261">
        <v>8</v>
      </c>
      <c r="DV25" s="258">
        <v>10</v>
      </c>
      <c r="DW25" s="260">
        <v>0</v>
      </c>
      <c r="DX25" s="261">
        <v>15</v>
      </c>
      <c r="DY25" s="261">
        <v>22</v>
      </c>
      <c r="DZ25" s="261">
        <v>9</v>
      </c>
      <c r="EA25" s="261">
        <v>7</v>
      </c>
      <c r="EB25" s="261">
        <v>4</v>
      </c>
      <c r="EC25" s="258">
        <v>57</v>
      </c>
      <c r="ED25" s="263">
        <v>67</v>
      </c>
      <c r="EE25" s="257">
        <v>3</v>
      </c>
      <c r="EF25" s="261">
        <v>0</v>
      </c>
      <c r="EG25" s="258">
        <v>3</v>
      </c>
      <c r="EH25" s="260">
        <v>0</v>
      </c>
      <c r="EI25" s="261">
        <v>8</v>
      </c>
      <c r="EJ25" s="261">
        <v>1</v>
      </c>
      <c r="EK25" s="261">
        <v>0</v>
      </c>
      <c r="EL25" s="261">
        <v>3</v>
      </c>
      <c r="EM25" s="261">
        <v>3</v>
      </c>
      <c r="EN25" s="258">
        <v>15</v>
      </c>
      <c r="EO25" s="263">
        <v>18</v>
      </c>
      <c r="EP25" s="257">
        <v>4</v>
      </c>
      <c r="EQ25" s="261">
        <v>10</v>
      </c>
      <c r="ER25" s="258">
        <v>14</v>
      </c>
      <c r="ES25" s="260">
        <v>0</v>
      </c>
      <c r="ET25" s="261">
        <v>33</v>
      </c>
      <c r="EU25" s="261">
        <v>29</v>
      </c>
      <c r="EV25" s="261">
        <v>15</v>
      </c>
      <c r="EW25" s="261">
        <v>8</v>
      </c>
      <c r="EX25" s="261">
        <v>5</v>
      </c>
      <c r="EY25" s="258">
        <v>90</v>
      </c>
      <c r="EZ25" s="263">
        <v>104</v>
      </c>
    </row>
    <row r="26" spans="2:156" ht="21" customHeight="1" x14ac:dyDescent="0.2">
      <c r="B26" s="472" t="s">
        <v>24</v>
      </c>
      <c r="C26" s="257">
        <v>0</v>
      </c>
      <c r="D26" s="261">
        <v>0</v>
      </c>
      <c r="E26" s="358">
        <v>0</v>
      </c>
      <c r="F26" s="260">
        <v>0</v>
      </c>
      <c r="G26" s="261">
        <v>11</v>
      </c>
      <c r="H26" s="261">
        <v>5</v>
      </c>
      <c r="I26" s="261">
        <v>3</v>
      </c>
      <c r="J26" s="261">
        <v>1</v>
      </c>
      <c r="K26" s="261">
        <v>3</v>
      </c>
      <c r="L26" s="262">
        <v>23</v>
      </c>
      <c r="M26" s="263">
        <v>23</v>
      </c>
      <c r="N26" s="257">
        <v>0</v>
      </c>
      <c r="O26" s="261">
        <v>0</v>
      </c>
      <c r="P26" s="258">
        <v>0</v>
      </c>
      <c r="Q26" s="260">
        <v>0</v>
      </c>
      <c r="R26" s="261">
        <v>0</v>
      </c>
      <c r="S26" s="261">
        <v>0</v>
      </c>
      <c r="T26" s="261">
        <v>0</v>
      </c>
      <c r="U26" s="261">
        <v>2</v>
      </c>
      <c r="V26" s="261">
        <v>3</v>
      </c>
      <c r="W26" s="258">
        <v>5</v>
      </c>
      <c r="X26" s="263">
        <v>5</v>
      </c>
      <c r="Y26" s="257">
        <v>1</v>
      </c>
      <c r="Z26" s="261">
        <v>4</v>
      </c>
      <c r="AA26" s="258">
        <v>5</v>
      </c>
      <c r="AB26" s="260">
        <v>0</v>
      </c>
      <c r="AC26" s="261">
        <v>6</v>
      </c>
      <c r="AD26" s="261">
        <v>4</v>
      </c>
      <c r="AE26" s="261">
        <v>2</v>
      </c>
      <c r="AF26" s="261">
        <v>2</v>
      </c>
      <c r="AG26" s="261">
        <v>3</v>
      </c>
      <c r="AH26" s="258">
        <v>17</v>
      </c>
      <c r="AI26" s="263">
        <v>22</v>
      </c>
      <c r="AJ26" s="257">
        <v>0</v>
      </c>
      <c r="AK26" s="261">
        <v>0</v>
      </c>
      <c r="AL26" s="258">
        <v>0</v>
      </c>
      <c r="AM26" s="260">
        <v>0</v>
      </c>
      <c r="AN26" s="261">
        <v>1</v>
      </c>
      <c r="AO26" s="261">
        <v>1</v>
      </c>
      <c r="AP26" s="261">
        <v>1</v>
      </c>
      <c r="AQ26" s="261">
        <v>0</v>
      </c>
      <c r="AR26" s="261">
        <v>0</v>
      </c>
      <c r="AS26" s="258">
        <v>3</v>
      </c>
      <c r="AT26" s="263">
        <v>3</v>
      </c>
      <c r="AU26" s="257">
        <v>3</v>
      </c>
      <c r="AV26" s="261">
        <v>1</v>
      </c>
      <c r="AW26" s="258">
        <v>4</v>
      </c>
      <c r="AX26" s="260">
        <v>0</v>
      </c>
      <c r="AY26" s="261">
        <v>14</v>
      </c>
      <c r="AZ26" s="261">
        <v>8</v>
      </c>
      <c r="BA26" s="261">
        <v>10</v>
      </c>
      <c r="BB26" s="261">
        <v>9</v>
      </c>
      <c r="BC26" s="261">
        <v>7</v>
      </c>
      <c r="BD26" s="262">
        <v>48</v>
      </c>
      <c r="BE26" s="263">
        <v>52</v>
      </c>
      <c r="BF26" s="257">
        <v>0</v>
      </c>
      <c r="BG26" s="261">
        <v>0</v>
      </c>
      <c r="BH26" s="258">
        <v>0</v>
      </c>
      <c r="BI26" s="260">
        <v>0</v>
      </c>
      <c r="BJ26" s="261">
        <v>15</v>
      </c>
      <c r="BK26" s="261">
        <v>11</v>
      </c>
      <c r="BL26" s="261">
        <v>3</v>
      </c>
      <c r="BM26" s="261">
        <v>1</v>
      </c>
      <c r="BN26" s="261">
        <v>1</v>
      </c>
      <c r="BO26" s="258">
        <v>31</v>
      </c>
      <c r="BP26" s="263">
        <v>31</v>
      </c>
      <c r="BQ26" s="257">
        <v>2</v>
      </c>
      <c r="BR26" s="261">
        <v>1</v>
      </c>
      <c r="BS26" s="258">
        <v>3</v>
      </c>
      <c r="BT26" s="260">
        <v>0</v>
      </c>
      <c r="BU26" s="261">
        <v>2</v>
      </c>
      <c r="BV26" s="261">
        <v>5</v>
      </c>
      <c r="BW26" s="261">
        <v>3</v>
      </c>
      <c r="BX26" s="261">
        <v>1</v>
      </c>
      <c r="BY26" s="261">
        <v>0</v>
      </c>
      <c r="BZ26" s="258">
        <v>11</v>
      </c>
      <c r="CA26" s="263">
        <v>14</v>
      </c>
      <c r="CB26" s="257">
        <v>0</v>
      </c>
      <c r="CC26" s="261">
        <v>0</v>
      </c>
      <c r="CD26" s="258">
        <v>0</v>
      </c>
      <c r="CE26" s="260">
        <v>0</v>
      </c>
      <c r="CF26" s="261">
        <v>0</v>
      </c>
      <c r="CG26" s="261">
        <v>2</v>
      </c>
      <c r="CH26" s="261">
        <v>1</v>
      </c>
      <c r="CI26" s="261">
        <v>0</v>
      </c>
      <c r="CJ26" s="261">
        <v>2</v>
      </c>
      <c r="CK26" s="258">
        <v>5</v>
      </c>
      <c r="CL26" s="263">
        <v>5</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10</v>
      </c>
      <c r="DU26" s="261">
        <v>8</v>
      </c>
      <c r="DV26" s="258">
        <v>18</v>
      </c>
      <c r="DW26" s="260">
        <v>0</v>
      </c>
      <c r="DX26" s="261">
        <v>15</v>
      </c>
      <c r="DY26" s="261">
        <v>19</v>
      </c>
      <c r="DZ26" s="261">
        <v>7</v>
      </c>
      <c r="EA26" s="261">
        <v>4</v>
      </c>
      <c r="EB26" s="261">
        <v>3</v>
      </c>
      <c r="EC26" s="258">
        <v>48</v>
      </c>
      <c r="ED26" s="263">
        <v>66</v>
      </c>
      <c r="EE26" s="257">
        <v>3</v>
      </c>
      <c r="EF26" s="261">
        <v>1</v>
      </c>
      <c r="EG26" s="258">
        <v>4</v>
      </c>
      <c r="EH26" s="260">
        <v>0</v>
      </c>
      <c r="EI26" s="261">
        <v>4</v>
      </c>
      <c r="EJ26" s="261">
        <v>3</v>
      </c>
      <c r="EK26" s="261">
        <v>3</v>
      </c>
      <c r="EL26" s="261">
        <v>4</v>
      </c>
      <c r="EM26" s="261">
        <v>1</v>
      </c>
      <c r="EN26" s="258">
        <v>15</v>
      </c>
      <c r="EO26" s="263">
        <v>19</v>
      </c>
      <c r="EP26" s="257">
        <v>12</v>
      </c>
      <c r="EQ26" s="261">
        <v>9</v>
      </c>
      <c r="ER26" s="258">
        <v>21</v>
      </c>
      <c r="ES26" s="260">
        <v>0</v>
      </c>
      <c r="ET26" s="261">
        <v>31</v>
      </c>
      <c r="EU26" s="261">
        <v>28</v>
      </c>
      <c r="EV26" s="261">
        <v>12</v>
      </c>
      <c r="EW26" s="261">
        <v>5</v>
      </c>
      <c r="EX26" s="261">
        <v>5</v>
      </c>
      <c r="EY26" s="258">
        <v>81</v>
      </c>
      <c r="EZ26" s="263">
        <v>102</v>
      </c>
    </row>
    <row r="27" spans="2:156" ht="21" customHeight="1" x14ac:dyDescent="0.2">
      <c r="B27" s="472" t="s">
        <v>25</v>
      </c>
      <c r="C27" s="257">
        <v>0</v>
      </c>
      <c r="D27" s="261">
        <v>0</v>
      </c>
      <c r="E27" s="358">
        <v>0</v>
      </c>
      <c r="F27" s="260">
        <v>0</v>
      </c>
      <c r="G27" s="261">
        <v>5</v>
      </c>
      <c r="H27" s="261">
        <v>3</v>
      </c>
      <c r="I27" s="261">
        <v>4</v>
      </c>
      <c r="J27" s="261">
        <v>2</v>
      </c>
      <c r="K27" s="261">
        <v>1</v>
      </c>
      <c r="L27" s="262">
        <v>15</v>
      </c>
      <c r="M27" s="263">
        <v>15</v>
      </c>
      <c r="N27" s="257">
        <v>0</v>
      </c>
      <c r="O27" s="261">
        <v>0</v>
      </c>
      <c r="P27" s="258">
        <v>0</v>
      </c>
      <c r="Q27" s="260">
        <v>0</v>
      </c>
      <c r="R27" s="261">
        <v>0</v>
      </c>
      <c r="S27" s="261">
        <v>0</v>
      </c>
      <c r="T27" s="261">
        <v>2</v>
      </c>
      <c r="U27" s="261">
        <v>1</v>
      </c>
      <c r="V27" s="261">
        <v>1</v>
      </c>
      <c r="W27" s="258">
        <v>4</v>
      </c>
      <c r="X27" s="263">
        <v>4</v>
      </c>
      <c r="Y27" s="257">
        <v>1</v>
      </c>
      <c r="Z27" s="261">
        <v>1</v>
      </c>
      <c r="AA27" s="258">
        <v>2</v>
      </c>
      <c r="AB27" s="260">
        <v>0</v>
      </c>
      <c r="AC27" s="261">
        <v>3</v>
      </c>
      <c r="AD27" s="261">
        <v>4</v>
      </c>
      <c r="AE27" s="261">
        <v>5</v>
      </c>
      <c r="AF27" s="261">
        <v>3</v>
      </c>
      <c r="AG27" s="261">
        <v>1</v>
      </c>
      <c r="AH27" s="258">
        <v>16</v>
      </c>
      <c r="AI27" s="263">
        <v>18</v>
      </c>
      <c r="AJ27" s="257">
        <v>0</v>
      </c>
      <c r="AK27" s="261">
        <v>2</v>
      </c>
      <c r="AL27" s="258">
        <v>2</v>
      </c>
      <c r="AM27" s="260">
        <v>0</v>
      </c>
      <c r="AN27" s="261">
        <v>0</v>
      </c>
      <c r="AO27" s="261">
        <v>0</v>
      </c>
      <c r="AP27" s="261">
        <v>1</v>
      </c>
      <c r="AQ27" s="261">
        <v>0</v>
      </c>
      <c r="AR27" s="261">
        <v>0</v>
      </c>
      <c r="AS27" s="258">
        <v>1</v>
      </c>
      <c r="AT27" s="263">
        <v>3</v>
      </c>
      <c r="AU27" s="257">
        <v>0</v>
      </c>
      <c r="AV27" s="261">
        <v>1</v>
      </c>
      <c r="AW27" s="258">
        <v>1</v>
      </c>
      <c r="AX27" s="260">
        <v>0</v>
      </c>
      <c r="AY27" s="261">
        <v>4</v>
      </c>
      <c r="AZ27" s="261">
        <v>3</v>
      </c>
      <c r="BA27" s="261">
        <v>4</v>
      </c>
      <c r="BB27" s="261">
        <v>5</v>
      </c>
      <c r="BC27" s="261">
        <v>3</v>
      </c>
      <c r="BD27" s="262">
        <v>19</v>
      </c>
      <c r="BE27" s="263">
        <v>20</v>
      </c>
      <c r="BF27" s="257">
        <v>0</v>
      </c>
      <c r="BG27" s="261">
        <v>0</v>
      </c>
      <c r="BH27" s="258">
        <v>0</v>
      </c>
      <c r="BI27" s="260">
        <v>0</v>
      </c>
      <c r="BJ27" s="261">
        <v>4</v>
      </c>
      <c r="BK27" s="261">
        <v>3</v>
      </c>
      <c r="BL27" s="261">
        <v>2</v>
      </c>
      <c r="BM27" s="261">
        <v>2</v>
      </c>
      <c r="BN27" s="261">
        <v>0</v>
      </c>
      <c r="BO27" s="258">
        <v>11</v>
      </c>
      <c r="BP27" s="263">
        <v>11</v>
      </c>
      <c r="BQ27" s="257">
        <v>3</v>
      </c>
      <c r="BR27" s="261">
        <v>2</v>
      </c>
      <c r="BS27" s="258">
        <v>5</v>
      </c>
      <c r="BT27" s="260">
        <v>0</v>
      </c>
      <c r="BU27" s="261">
        <v>2</v>
      </c>
      <c r="BV27" s="261">
        <v>4</v>
      </c>
      <c r="BW27" s="261">
        <v>3</v>
      </c>
      <c r="BX27" s="261">
        <v>2</v>
      </c>
      <c r="BY27" s="261">
        <v>1</v>
      </c>
      <c r="BZ27" s="258">
        <v>12</v>
      </c>
      <c r="CA27" s="263">
        <v>17</v>
      </c>
      <c r="CB27" s="257">
        <v>0</v>
      </c>
      <c r="CC27" s="261">
        <v>0</v>
      </c>
      <c r="CD27" s="258">
        <v>0</v>
      </c>
      <c r="CE27" s="260">
        <v>0</v>
      </c>
      <c r="CF27" s="261">
        <v>3</v>
      </c>
      <c r="CG27" s="261">
        <v>2</v>
      </c>
      <c r="CH27" s="261">
        <v>0</v>
      </c>
      <c r="CI27" s="261">
        <v>1</v>
      </c>
      <c r="CJ27" s="261">
        <v>0</v>
      </c>
      <c r="CK27" s="258">
        <v>6</v>
      </c>
      <c r="CL27" s="263">
        <v>6</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6</v>
      </c>
      <c r="DU27" s="261">
        <v>9</v>
      </c>
      <c r="DV27" s="258">
        <v>15</v>
      </c>
      <c r="DW27" s="260">
        <v>0</v>
      </c>
      <c r="DX27" s="261">
        <v>5</v>
      </c>
      <c r="DY27" s="261">
        <v>10</v>
      </c>
      <c r="DZ27" s="261">
        <v>8</v>
      </c>
      <c r="EA27" s="261">
        <v>6</v>
      </c>
      <c r="EB27" s="261">
        <v>3</v>
      </c>
      <c r="EC27" s="258">
        <v>32</v>
      </c>
      <c r="ED27" s="263">
        <v>47</v>
      </c>
      <c r="EE27" s="257">
        <v>0</v>
      </c>
      <c r="EF27" s="261">
        <v>1</v>
      </c>
      <c r="EG27" s="258">
        <v>1</v>
      </c>
      <c r="EH27" s="260">
        <v>0</v>
      </c>
      <c r="EI27" s="261">
        <v>3</v>
      </c>
      <c r="EJ27" s="261">
        <v>1</v>
      </c>
      <c r="EK27" s="261">
        <v>1</v>
      </c>
      <c r="EL27" s="261">
        <v>2</v>
      </c>
      <c r="EM27" s="261">
        <v>1</v>
      </c>
      <c r="EN27" s="258">
        <v>8</v>
      </c>
      <c r="EO27" s="263">
        <v>9</v>
      </c>
      <c r="EP27" s="257">
        <v>8</v>
      </c>
      <c r="EQ27" s="261">
        <v>9</v>
      </c>
      <c r="ER27" s="258">
        <v>17</v>
      </c>
      <c r="ES27" s="260">
        <v>0</v>
      </c>
      <c r="ET27" s="261">
        <v>18</v>
      </c>
      <c r="EU27" s="261">
        <v>12</v>
      </c>
      <c r="EV27" s="261">
        <v>8</v>
      </c>
      <c r="EW27" s="261">
        <v>6</v>
      </c>
      <c r="EX27" s="261">
        <v>3</v>
      </c>
      <c r="EY27" s="258">
        <v>47</v>
      </c>
      <c r="EZ27" s="263">
        <v>64</v>
      </c>
    </row>
    <row r="28" spans="2:156" ht="21" customHeight="1" x14ac:dyDescent="0.2">
      <c r="B28" s="472" t="s">
        <v>26</v>
      </c>
      <c r="C28" s="257">
        <v>0</v>
      </c>
      <c r="D28" s="261">
        <v>0</v>
      </c>
      <c r="E28" s="358">
        <v>0</v>
      </c>
      <c r="F28" s="260">
        <v>0</v>
      </c>
      <c r="G28" s="261">
        <v>6</v>
      </c>
      <c r="H28" s="261">
        <v>6</v>
      </c>
      <c r="I28" s="261">
        <v>6</v>
      </c>
      <c r="J28" s="261">
        <v>2</v>
      </c>
      <c r="K28" s="261">
        <v>2</v>
      </c>
      <c r="L28" s="262">
        <v>22</v>
      </c>
      <c r="M28" s="263">
        <v>22</v>
      </c>
      <c r="N28" s="257">
        <v>0</v>
      </c>
      <c r="O28" s="261">
        <v>0</v>
      </c>
      <c r="P28" s="258">
        <v>0</v>
      </c>
      <c r="Q28" s="260">
        <v>0</v>
      </c>
      <c r="R28" s="261">
        <v>0</v>
      </c>
      <c r="S28" s="261">
        <v>0</v>
      </c>
      <c r="T28" s="261">
        <v>0</v>
      </c>
      <c r="U28" s="261">
        <v>1</v>
      </c>
      <c r="V28" s="261">
        <v>0</v>
      </c>
      <c r="W28" s="258">
        <v>1</v>
      </c>
      <c r="X28" s="263">
        <v>1</v>
      </c>
      <c r="Y28" s="257">
        <v>0</v>
      </c>
      <c r="Z28" s="261">
        <v>1</v>
      </c>
      <c r="AA28" s="258">
        <v>1</v>
      </c>
      <c r="AB28" s="260">
        <v>0</v>
      </c>
      <c r="AC28" s="261">
        <v>4</v>
      </c>
      <c r="AD28" s="261">
        <v>3</v>
      </c>
      <c r="AE28" s="261">
        <v>2</v>
      </c>
      <c r="AF28" s="261">
        <v>1</v>
      </c>
      <c r="AG28" s="261">
        <v>2</v>
      </c>
      <c r="AH28" s="258">
        <v>12</v>
      </c>
      <c r="AI28" s="263">
        <v>13</v>
      </c>
      <c r="AJ28" s="257">
        <v>0</v>
      </c>
      <c r="AK28" s="261">
        <v>0</v>
      </c>
      <c r="AL28" s="258">
        <v>0</v>
      </c>
      <c r="AM28" s="260">
        <v>0</v>
      </c>
      <c r="AN28" s="261">
        <v>0</v>
      </c>
      <c r="AO28" s="261">
        <v>1</v>
      </c>
      <c r="AP28" s="261">
        <v>0</v>
      </c>
      <c r="AQ28" s="261">
        <v>0</v>
      </c>
      <c r="AR28" s="261">
        <v>0</v>
      </c>
      <c r="AS28" s="258">
        <v>1</v>
      </c>
      <c r="AT28" s="263">
        <v>1</v>
      </c>
      <c r="AU28" s="257">
        <v>2</v>
      </c>
      <c r="AV28" s="261">
        <v>0</v>
      </c>
      <c r="AW28" s="258">
        <v>2</v>
      </c>
      <c r="AX28" s="260">
        <v>0</v>
      </c>
      <c r="AY28" s="261">
        <v>2</v>
      </c>
      <c r="AZ28" s="261">
        <v>3</v>
      </c>
      <c r="BA28" s="261">
        <v>6</v>
      </c>
      <c r="BB28" s="261">
        <v>5</v>
      </c>
      <c r="BC28" s="261">
        <v>2</v>
      </c>
      <c r="BD28" s="262">
        <v>18</v>
      </c>
      <c r="BE28" s="263">
        <v>20</v>
      </c>
      <c r="BF28" s="257">
        <v>0</v>
      </c>
      <c r="BG28" s="261">
        <v>0</v>
      </c>
      <c r="BH28" s="258">
        <v>0</v>
      </c>
      <c r="BI28" s="260">
        <v>0</v>
      </c>
      <c r="BJ28" s="261">
        <v>7</v>
      </c>
      <c r="BK28" s="261">
        <v>6</v>
      </c>
      <c r="BL28" s="261">
        <v>2</v>
      </c>
      <c r="BM28" s="261">
        <v>0</v>
      </c>
      <c r="BN28" s="261">
        <v>0</v>
      </c>
      <c r="BO28" s="258">
        <v>15</v>
      </c>
      <c r="BP28" s="263">
        <v>15</v>
      </c>
      <c r="BQ28" s="257">
        <v>0</v>
      </c>
      <c r="BR28" s="261">
        <v>0</v>
      </c>
      <c r="BS28" s="258">
        <v>0</v>
      </c>
      <c r="BT28" s="260">
        <v>0</v>
      </c>
      <c r="BU28" s="261">
        <v>3</v>
      </c>
      <c r="BV28" s="261">
        <v>2</v>
      </c>
      <c r="BW28" s="261">
        <v>0</v>
      </c>
      <c r="BX28" s="261">
        <v>1</v>
      </c>
      <c r="BY28" s="261">
        <v>0</v>
      </c>
      <c r="BZ28" s="258">
        <v>6</v>
      </c>
      <c r="CA28" s="263">
        <v>6</v>
      </c>
      <c r="CB28" s="257">
        <v>0</v>
      </c>
      <c r="CC28" s="261">
        <v>0</v>
      </c>
      <c r="CD28" s="258">
        <v>0</v>
      </c>
      <c r="CE28" s="260">
        <v>0</v>
      </c>
      <c r="CF28" s="261">
        <v>2</v>
      </c>
      <c r="CG28" s="261">
        <v>2</v>
      </c>
      <c r="CH28" s="261">
        <v>0</v>
      </c>
      <c r="CI28" s="261">
        <v>0</v>
      </c>
      <c r="CJ28" s="261">
        <v>1</v>
      </c>
      <c r="CK28" s="258">
        <v>5</v>
      </c>
      <c r="CL28" s="263">
        <v>5</v>
      </c>
      <c r="CM28" s="257">
        <v>0</v>
      </c>
      <c r="CN28" s="261">
        <v>0</v>
      </c>
      <c r="CO28" s="258">
        <v>0</v>
      </c>
      <c r="CP28" s="260">
        <v>0</v>
      </c>
      <c r="CQ28" s="261">
        <v>0</v>
      </c>
      <c r="CR28" s="261">
        <v>0</v>
      </c>
      <c r="CS28" s="261">
        <v>1</v>
      </c>
      <c r="CT28" s="261">
        <v>0</v>
      </c>
      <c r="CU28" s="261">
        <v>0</v>
      </c>
      <c r="CV28" s="258">
        <v>1</v>
      </c>
      <c r="CW28" s="263">
        <v>1</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7</v>
      </c>
      <c r="DU28" s="261">
        <v>7</v>
      </c>
      <c r="DV28" s="258">
        <v>14</v>
      </c>
      <c r="DW28" s="260">
        <v>0</v>
      </c>
      <c r="DX28" s="261">
        <v>15</v>
      </c>
      <c r="DY28" s="261">
        <v>11</v>
      </c>
      <c r="DZ28" s="261">
        <v>7</v>
      </c>
      <c r="EA28" s="261">
        <v>2</v>
      </c>
      <c r="EB28" s="261">
        <v>2</v>
      </c>
      <c r="EC28" s="258">
        <v>37</v>
      </c>
      <c r="ED28" s="263">
        <v>51</v>
      </c>
      <c r="EE28" s="257">
        <v>1</v>
      </c>
      <c r="EF28" s="261">
        <v>0</v>
      </c>
      <c r="EG28" s="258">
        <v>1</v>
      </c>
      <c r="EH28" s="260">
        <v>0</v>
      </c>
      <c r="EI28" s="261">
        <v>1</v>
      </c>
      <c r="EJ28" s="261">
        <v>0</v>
      </c>
      <c r="EK28" s="261">
        <v>2</v>
      </c>
      <c r="EL28" s="261">
        <v>0</v>
      </c>
      <c r="EM28" s="261">
        <v>0</v>
      </c>
      <c r="EN28" s="258">
        <v>3</v>
      </c>
      <c r="EO28" s="263">
        <v>4</v>
      </c>
      <c r="EP28" s="257">
        <v>7</v>
      </c>
      <c r="EQ28" s="261">
        <v>8</v>
      </c>
      <c r="ER28" s="258">
        <v>15</v>
      </c>
      <c r="ES28" s="260">
        <v>0</v>
      </c>
      <c r="ET28" s="261">
        <v>22</v>
      </c>
      <c r="EU28" s="261">
        <v>17</v>
      </c>
      <c r="EV28" s="261">
        <v>12</v>
      </c>
      <c r="EW28" s="261">
        <v>3</v>
      </c>
      <c r="EX28" s="261">
        <v>2</v>
      </c>
      <c r="EY28" s="258">
        <v>56</v>
      </c>
      <c r="EZ28" s="263">
        <v>71</v>
      </c>
    </row>
    <row r="29" spans="2:156" ht="21" customHeight="1" x14ac:dyDescent="0.2">
      <c r="B29" s="472" t="s">
        <v>27</v>
      </c>
      <c r="C29" s="257">
        <v>0</v>
      </c>
      <c r="D29" s="261">
        <v>0</v>
      </c>
      <c r="E29" s="358">
        <v>0</v>
      </c>
      <c r="F29" s="260">
        <v>0</v>
      </c>
      <c r="G29" s="261">
        <v>4</v>
      </c>
      <c r="H29" s="261">
        <v>5</v>
      </c>
      <c r="I29" s="261">
        <v>4</v>
      </c>
      <c r="J29" s="261">
        <v>1</v>
      </c>
      <c r="K29" s="261">
        <v>4</v>
      </c>
      <c r="L29" s="262">
        <v>18</v>
      </c>
      <c r="M29" s="263">
        <v>18</v>
      </c>
      <c r="N29" s="257">
        <v>0</v>
      </c>
      <c r="O29" s="261">
        <v>0</v>
      </c>
      <c r="P29" s="258">
        <v>0</v>
      </c>
      <c r="Q29" s="260">
        <v>0</v>
      </c>
      <c r="R29" s="261">
        <v>0</v>
      </c>
      <c r="S29" s="261">
        <v>1</v>
      </c>
      <c r="T29" s="261">
        <v>1</v>
      </c>
      <c r="U29" s="261">
        <v>1</v>
      </c>
      <c r="V29" s="261">
        <v>1</v>
      </c>
      <c r="W29" s="258">
        <v>4</v>
      </c>
      <c r="X29" s="263">
        <v>4</v>
      </c>
      <c r="Y29" s="257">
        <v>0</v>
      </c>
      <c r="Z29" s="261">
        <v>5</v>
      </c>
      <c r="AA29" s="258">
        <v>5</v>
      </c>
      <c r="AB29" s="260">
        <v>0</v>
      </c>
      <c r="AC29" s="261">
        <v>4</v>
      </c>
      <c r="AD29" s="261">
        <v>6</v>
      </c>
      <c r="AE29" s="261">
        <v>3</v>
      </c>
      <c r="AF29" s="261">
        <v>2</v>
      </c>
      <c r="AG29" s="261">
        <v>4</v>
      </c>
      <c r="AH29" s="258">
        <v>19</v>
      </c>
      <c r="AI29" s="263">
        <v>24</v>
      </c>
      <c r="AJ29" s="257">
        <v>0</v>
      </c>
      <c r="AK29" s="261">
        <v>0</v>
      </c>
      <c r="AL29" s="258">
        <v>0</v>
      </c>
      <c r="AM29" s="260">
        <v>0</v>
      </c>
      <c r="AN29" s="261">
        <v>0</v>
      </c>
      <c r="AO29" s="261">
        <v>1</v>
      </c>
      <c r="AP29" s="261">
        <v>0</v>
      </c>
      <c r="AQ29" s="261">
        <v>0</v>
      </c>
      <c r="AR29" s="261">
        <v>0</v>
      </c>
      <c r="AS29" s="258">
        <v>1</v>
      </c>
      <c r="AT29" s="263">
        <v>1</v>
      </c>
      <c r="AU29" s="257">
        <v>1</v>
      </c>
      <c r="AV29" s="261">
        <v>2</v>
      </c>
      <c r="AW29" s="258">
        <v>3</v>
      </c>
      <c r="AX29" s="260">
        <v>0</v>
      </c>
      <c r="AY29" s="261">
        <v>7</v>
      </c>
      <c r="AZ29" s="261">
        <v>7</v>
      </c>
      <c r="BA29" s="261">
        <v>3</v>
      </c>
      <c r="BB29" s="261">
        <v>5</v>
      </c>
      <c r="BC29" s="261">
        <v>4</v>
      </c>
      <c r="BD29" s="262">
        <v>26</v>
      </c>
      <c r="BE29" s="263">
        <v>29</v>
      </c>
      <c r="BF29" s="257">
        <v>0</v>
      </c>
      <c r="BG29" s="261">
        <v>0</v>
      </c>
      <c r="BH29" s="258">
        <v>0</v>
      </c>
      <c r="BI29" s="260">
        <v>0</v>
      </c>
      <c r="BJ29" s="261">
        <v>8</v>
      </c>
      <c r="BK29" s="261">
        <v>7</v>
      </c>
      <c r="BL29" s="261">
        <v>5</v>
      </c>
      <c r="BM29" s="261">
        <v>2</v>
      </c>
      <c r="BN29" s="261">
        <v>1</v>
      </c>
      <c r="BO29" s="258">
        <v>23</v>
      </c>
      <c r="BP29" s="263">
        <v>23</v>
      </c>
      <c r="BQ29" s="257">
        <v>0</v>
      </c>
      <c r="BR29" s="261">
        <v>2</v>
      </c>
      <c r="BS29" s="258">
        <v>2</v>
      </c>
      <c r="BT29" s="260">
        <v>0</v>
      </c>
      <c r="BU29" s="261">
        <v>2</v>
      </c>
      <c r="BV29" s="261">
        <v>2</v>
      </c>
      <c r="BW29" s="261">
        <v>2</v>
      </c>
      <c r="BX29" s="261">
        <v>0</v>
      </c>
      <c r="BY29" s="261">
        <v>0</v>
      </c>
      <c r="BZ29" s="258">
        <v>6</v>
      </c>
      <c r="CA29" s="263">
        <v>8</v>
      </c>
      <c r="CB29" s="257">
        <v>0</v>
      </c>
      <c r="CC29" s="261">
        <v>0</v>
      </c>
      <c r="CD29" s="258">
        <v>0</v>
      </c>
      <c r="CE29" s="260">
        <v>0</v>
      </c>
      <c r="CF29" s="261">
        <v>0</v>
      </c>
      <c r="CG29" s="261">
        <v>1</v>
      </c>
      <c r="CH29" s="261">
        <v>1</v>
      </c>
      <c r="CI29" s="261">
        <v>0</v>
      </c>
      <c r="CJ29" s="261">
        <v>0</v>
      </c>
      <c r="CK29" s="258">
        <v>2</v>
      </c>
      <c r="CL29" s="263">
        <v>2</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5</v>
      </c>
      <c r="DU29" s="261">
        <v>13</v>
      </c>
      <c r="DV29" s="258">
        <v>18</v>
      </c>
      <c r="DW29" s="260">
        <v>0</v>
      </c>
      <c r="DX29" s="261">
        <v>3</v>
      </c>
      <c r="DY29" s="261">
        <v>16</v>
      </c>
      <c r="DZ29" s="261">
        <v>11</v>
      </c>
      <c r="EA29" s="261">
        <v>2</v>
      </c>
      <c r="EB29" s="261">
        <v>3</v>
      </c>
      <c r="EC29" s="258">
        <v>35</v>
      </c>
      <c r="ED29" s="263">
        <v>53</v>
      </c>
      <c r="EE29" s="257">
        <v>1</v>
      </c>
      <c r="EF29" s="261">
        <v>0</v>
      </c>
      <c r="EG29" s="258">
        <v>1</v>
      </c>
      <c r="EH29" s="260">
        <v>0</v>
      </c>
      <c r="EI29" s="261">
        <v>2</v>
      </c>
      <c r="EJ29" s="261">
        <v>0</v>
      </c>
      <c r="EK29" s="261">
        <v>0</v>
      </c>
      <c r="EL29" s="261">
        <v>4</v>
      </c>
      <c r="EM29" s="261">
        <v>0</v>
      </c>
      <c r="EN29" s="258">
        <v>6</v>
      </c>
      <c r="EO29" s="263">
        <v>7</v>
      </c>
      <c r="EP29" s="257">
        <v>5</v>
      </c>
      <c r="EQ29" s="261">
        <v>17</v>
      </c>
      <c r="ER29" s="258">
        <v>22</v>
      </c>
      <c r="ES29" s="260">
        <v>0</v>
      </c>
      <c r="ET29" s="261">
        <v>12</v>
      </c>
      <c r="EU29" s="261">
        <v>16</v>
      </c>
      <c r="EV29" s="261">
        <v>10</v>
      </c>
      <c r="EW29" s="261">
        <v>3</v>
      </c>
      <c r="EX29" s="261">
        <v>4</v>
      </c>
      <c r="EY29" s="258">
        <v>45</v>
      </c>
      <c r="EZ29" s="263">
        <v>67</v>
      </c>
    </row>
    <row r="30" spans="2:156" ht="21" customHeight="1" x14ac:dyDescent="0.2">
      <c r="B30" s="472" t="s">
        <v>28</v>
      </c>
      <c r="C30" s="257">
        <v>0</v>
      </c>
      <c r="D30" s="261">
        <v>0</v>
      </c>
      <c r="E30" s="358">
        <v>0</v>
      </c>
      <c r="F30" s="260">
        <v>0</v>
      </c>
      <c r="G30" s="261">
        <v>0</v>
      </c>
      <c r="H30" s="261">
        <v>0</v>
      </c>
      <c r="I30" s="261">
        <v>1</v>
      </c>
      <c r="J30" s="261">
        <v>0</v>
      </c>
      <c r="K30" s="261">
        <v>0</v>
      </c>
      <c r="L30" s="262">
        <v>1</v>
      </c>
      <c r="M30" s="263">
        <v>1</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v>
      </c>
      <c r="AE30" s="261">
        <v>1</v>
      </c>
      <c r="AF30" s="261">
        <v>0</v>
      </c>
      <c r="AG30" s="261">
        <v>0</v>
      </c>
      <c r="AH30" s="258">
        <v>2</v>
      </c>
      <c r="AI30" s="263">
        <v>2</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3</v>
      </c>
      <c r="AZ30" s="261">
        <v>2</v>
      </c>
      <c r="BA30" s="261">
        <v>2</v>
      </c>
      <c r="BB30" s="261">
        <v>0</v>
      </c>
      <c r="BC30" s="261">
        <v>1</v>
      </c>
      <c r="BD30" s="262">
        <v>8</v>
      </c>
      <c r="BE30" s="263">
        <v>8</v>
      </c>
      <c r="BF30" s="257">
        <v>0</v>
      </c>
      <c r="BG30" s="261">
        <v>0</v>
      </c>
      <c r="BH30" s="258">
        <v>0</v>
      </c>
      <c r="BI30" s="260">
        <v>0</v>
      </c>
      <c r="BJ30" s="261">
        <v>1</v>
      </c>
      <c r="BK30" s="261">
        <v>3</v>
      </c>
      <c r="BL30" s="261">
        <v>0</v>
      </c>
      <c r="BM30" s="261">
        <v>0</v>
      </c>
      <c r="BN30" s="261">
        <v>0</v>
      </c>
      <c r="BO30" s="258">
        <v>4</v>
      </c>
      <c r="BP30" s="263">
        <v>4</v>
      </c>
      <c r="BQ30" s="257">
        <v>0</v>
      </c>
      <c r="BR30" s="261">
        <v>0</v>
      </c>
      <c r="BS30" s="258">
        <v>0</v>
      </c>
      <c r="BT30" s="260">
        <v>0</v>
      </c>
      <c r="BU30" s="261">
        <v>0</v>
      </c>
      <c r="BV30" s="261">
        <v>0</v>
      </c>
      <c r="BW30" s="261">
        <v>1</v>
      </c>
      <c r="BX30" s="261">
        <v>0</v>
      </c>
      <c r="BY30" s="261">
        <v>0</v>
      </c>
      <c r="BZ30" s="258">
        <v>1</v>
      </c>
      <c r="CA30" s="263">
        <v>1</v>
      </c>
      <c r="CB30" s="257">
        <v>0</v>
      </c>
      <c r="CC30" s="261">
        <v>0</v>
      </c>
      <c r="CD30" s="258">
        <v>0</v>
      </c>
      <c r="CE30" s="260">
        <v>0</v>
      </c>
      <c r="CF30" s="261">
        <v>0</v>
      </c>
      <c r="CG30" s="261">
        <v>1</v>
      </c>
      <c r="CH30" s="261">
        <v>0</v>
      </c>
      <c r="CI30" s="261">
        <v>0</v>
      </c>
      <c r="CJ30" s="261">
        <v>0</v>
      </c>
      <c r="CK30" s="258">
        <v>1</v>
      </c>
      <c r="CL30" s="263">
        <v>1</v>
      </c>
      <c r="CM30" s="257">
        <v>0</v>
      </c>
      <c r="CN30" s="261">
        <v>0</v>
      </c>
      <c r="CO30" s="258">
        <v>0</v>
      </c>
      <c r="CP30" s="260">
        <v>0</v>
      </c>
      <c r="CQ30" s="261">
        <v>0</v>
      </c>
      <c r="CR30" s="261">
        <v>0</v>
      </c>
      <c r="CS30" s="261">
        <v>1</v>
      </c>
      <c r="CT30" s="261">
        <v>0</v>
      </c>
      <c r="CU30" s="261">
        <v>0</v>
      </c>
      <c r="CV30" s="258">
        <v>1</v>
      </c>
      <c r="CW30" s="263">
        <v>1</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0</v>
      </c>
      <c r="DV30" s="258">
        <v>0</v>
      </c>
      <c r="DW30" s="260">
        <v>0</v>
      </c>
      <c r="DX30" s="261">
        <v>2</v>
      </c>
      <c r="DY30" s="261">
        <v>5</v>
      </c>
      <c r="DZ30" s="261">
        <v>1</v>
      </c>
      <c r="EA30" s="261">
        <v>0</v>
      </c>
      <c r="EB30" s="261">
        <v>0</v>
      </c>
      <c r="EC30" s="258">
        <v>8</v>
      </c>
      <c r="ED30" s="263">
        <v>8</v>
      </c>
      <c r="EE30" s="257">
        <v>0</v>
      </c>
      <c r="EF30" s="261">
        <v>0</v>
      </c>
      <c r="EG30" s="258">
        <v>0</v>
      </c>
      <c r="EH30" s="260">
        <v>0</v>
      </c>
      <c r="EI30" s="261">
        <v>3</v>
      </c>
      <c r="EJ30" s="261">
        <v>0</v>
      </c>
      <c r="EK30" s="261">
        <v>1</v>
      </c>
      <c r="EL30" s="261">
        <v>0</v>
      </c>
      <c r="EM30" s="261">
        <v>0</v>
      </c>
      <c r="EN30" s="258">
        <v>4</v>
      </c>
      <c r="EO30" s="263">
        <v>4</v>
      </c>
      <c r="EP30" s="257">
        <v>0</v>
      </c>
      <c r="EQ30" s="261">
        <v>0</v>
      </c>
      <c r="ER30" s="258">
        <v>0</v>
      </c>
      <c r="ES30" s="260">
        <v>0</v>
      </c>
      <c r="ET30" s="261">
        <v>6</v>
      </c>
      <c r="EU30" s="261">
        <v>6</v>
      </c>
      <c r="EV30" s="261">
        <v>2</v>
      </c>
      <c r="EW30" s="261">
        <v>0</v>
      </c>
      <c r="EX30" s="261">
        <v>0</v>
      </c>
      <c r="EY30" s="258">
        <v>14</v>
      </c>
      <c r="EZ30" s="263">
        <v>14</v>
      </c>
    </row>
    <row r="31" spans="2:156" ht="21" customHeight="1" x14ac:dyDescent="0.2">
      <c r="B31" s="472" t="s">
        <v>29</v>
      </c>
      <c r="C31" s="257">
        <v>0</v>
      </c>
      <c r="D31" s="261">
        <v>0</v>
      </c>
      <c r="E31" s="358">
        <v>0</v>
      </c>
      <c r="F31" s="260">
        <v>0</v>
      </c>
      <c r="G31" s="261">
        <v>0</v>
      </c>
      <c r="H31" s="261">
        <v>3</v>
      </c>
      <c r="I31" s="261">
        <v>0</v>
      </c>
      <c r="J31" s="261">
        <v>1</v>
      </c>
      <c r="K31" s="261">
        <v>0</v>
      </c>
      <c r="L31" s="262">
        <v>4</v>
      </c>
      <c r="M31" s="263">
        <v>4</v>
      </c>
      <c r="N31" s="257">
        <v>0</v>
      </c>
      <c r="O31" s="261">
        <v>0</v>
      </c>
      <c r="P31" s="258">
        <v>0</v>
      </c>
      <c r="Q31" s="260">
        <v>0</v>
      </c>
      <c r="R31" s="261">
        <v>0</v>
      </c>
      <c r="S31" s="261">
        <v>0</v>
      </c>
      <c r="T31" s="261">
        <v>0</v>
      </c>
      <c r="U31" s="261">
        <v>0</v>
      </c>
      <c r="V31" s="261">
        <v>1</v>
      </c>
      <c r="W31" s="258">
        <v>1</v>
      </c>
      <c r="X31" s="263">
        <v>1</v>
      </c>
      <c r="Y31" s="257">
        <v>0</v>
      </c>
      <c r="Z31" s="261">
        <v>1</v>
      </c>
      <c r="AA31" s="258">
        <v>1</v>
      </c>
      <c r="AB31" s="260">
        <v>0</v>
      </c>
      <c r="AC31" s="261">
        <v>1</v>
      </c>
      <c r="AD31" s="261">
        <v>2</v>
      </c>
      <c r="AE31" s="261">
        <v>0</v>
      </c>
      <c r="AF31" s="261">
        <v>1</v>
      </c>
      <c r="AG31" s="261">
        <v>0</v>
      </c>
      <c r="AH31" s="258">
        <v>4</v>
      </c>
      <c r="AI31" s="263">
        <v>5</v>
      </c>
      <c r="AJ31" s="257">
        <v>0</v>
      </c>
      <c r="AK31" s="261">
        <v>0</v>
      </c>
      <c r="AL31" s="258">
        <v>0</v>
      </c>
      <c r="AM31" s="260">
        <v>0</v>
      </c>
      <c r="AN31" s="261">
        <v>0</v>
      </c>
      <c r="AO31" s="261">
        <v>1</v>
      </c>
      <c r="AP31" s="261">
        <v>0</v>
      </c>
      <c r="AQ31" s="261">
        <v>0</v>
      </c>
      <c r="AR31" s="261">
        <v>0</v>
      </c>
      <c r="AS31" s="258">
        <v>1</v>
      </c>
      <c r="AT31" s="263">
        <v>1</v>
      </c>
      <c r="AU31" s="257">
        <v>0</v>
      </c>
      <c r="AV31" s="261">
        <v>0</v>
      </c>
      <c r="AW31" s="258">
        <v>0</v>
      </c>
      <c r="AX31" s="260">
        <v>0</v>
      </c>
      <c r="AY31" s="261">
        <v>0</v>
      </c>
      <c r="AZ31" s="261">
        <v>2</v>
      </c>
      <c r="BA31" s="261">
        <v>1</v>
      </c>
      <c r="BB31" s="261">
        <v>0</v>
      </c>
      <c r="BC31" s="261">
        <v>1</v>
      </c>
      <c r="BD31" s="262">
        <v>4</v>
      </c>
      <c r="BE31" s="263">
        <v>4</v>
      </c>
      <c r="BF31" s="257">
        <v>0</v>
      </c>
      <c r="BG31" s="261">
        <v>0</v>
      </c>
      <c r="BH31" s="258">
        <v>0</v>
      </c>
      <c r="BI31" s="260">
        <v>0</v>
      </c>
      <c r="BJ31" s="261">
        <v>1</v>
      </c>
      <c r="BK31" s="261">
        <v>4</v>
      </c>
      <c r="BL31" s="261">
        <v>2</v>
      </c>
      <c r="BM31" s="261">
        <v>0</v>
      </c>
      <c r="BN31" s="261">
        <v>0</v>
      </c>
      <c r="BO31" s="258">
        <v>7</v>
      </c>
      <c r="BP31" s="263">
        <v>7</v>
      </c>
      <c r="BQ31" s="257">
        <v>1</v>
      </c>
      <c r="BR31" s="261">
        <v>0</v>
      </c>
      <c r="BS31" s="258">
        <v>1</v>
      </c>
      <c r="BT31" s="260">
        <v>0</v>
      </c>
      <c r="BU31" s="261">
        <v>0</v>
      </c>
      <c r="BV31" s="261">
        <v>0</v>
      </c>
      <c r="BW31" s="261">
        <v>0</v>
      </c>
      <c r="BX31" s="261">
        <v>0</v>
      </c>
      <c r="BY31" s="261">
        <v>0</v>
      </c>
      <c r="BZ31" s="258">
        <v>0</v>
      </c>
      <c r="CA31" s="263">
        <v>1</v>
      </c>
      <c r="CB31" s="257">
        <v>0</v>
      </c>
      <c r="CC31" s="261">
        <v>0</v>
      </c>
      <c r="CD31" s="258">
        <v>0</v>
      </c>
      <c r="CE31" s="260">
        <v>0</v>
      </c>
      <c r="CF31" s="261">
        <v>0</v>
      </c>
      <c r="CG31" s="261">
        <v>0</v>
      </c>
      <c r="CH31" s="261">
        <v>2</v>
      </c>
      <c r="CI31" s="261">
        <v>0</v>
      </c>
      <c r="CJ31" s="261">
        <v>1</v>
      </c>
      <c r="CK31" s="258">
        <v>3</v>
      </c>
      <c r="CL31" s="263">
        <v>3</v>
      </c>
      <c r="CM31" s="257">
        <v>0</v>
      </c>
      <c r="CN31" s="261">
        <v>0</v>
      </c>
      <c r="CO31" s="258">
        <v>0</v>
      </c>
      <c r="CP31" s="260">
        <v>0</v>
      </c>
      <c r="CQ31" s="261">
        <v>0</v>
      </c>
      <c r="CR31" s="261">
        <v>0</v>
      </c>
      <c r="CS31" s="261">
        <v>0</v>
      </c>
      <c r="CT31" s="261">
        <v>0</v>
      </c>
      <c r="CU31" s="261">
        <v>1</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3</v>
      </c>
      <c r="DU31" s="261">
        <v>0</v>
      </c>
      <c r="DV31" s="258">
        <v>3</v>
      </c>
      <c r="DW31" s="260">
        <v>0</v>
      </c>
      <c r="DX31" s="261">
        <v>1</v>
      </c>
      <c r="DY31" s="261">
        <v>4</v>
      </c>
      <c r="DZ31" s="261">
        <v>3</v>
      </c>
      <c r="EA31" s="261">
        <v>1</v>
      </c>
      <c r="EB31" s="261">
        <v>1</v>
      </c>
      <c r="EC31" s="258">
        <v>10</v>
      </c>
      <c r="ED31" s="263">
        <v>13</v>
      </c>
      <c r="EE31" s="257">
        <v>0</v>
      </c>
      <c r="EF31" s="261">
        <v>0</v>
      </c>
      <c r="EG31" s="258">
        <v>0</v>
      </c>
      <c r="EH31" s="260">
        <v>0</v>
      </c>
      <c r="EI31" s="261">
        <v>0</v>
      </c>
      <c r="EJ31" s="261">
        <v>4</v>
      </c>
      <c r="EK31" s="261">
        <v>0</v>
      </c>
      <c r="EL31" s="261">
        <v>0</v>
      </c>
      <c r="EM31" s="261">
        <v>0</v>
      </c>
      <c r="EN31" s="258">
        <v>4</v>
      </c>
      <c r="EO31" s="263">
        <v>4</v>
      </c>
      <c r="EP31" s="257">
        <v>4</v>
      </c>
      <c r="EQ31" s="261">
        <v>1</v>
      </c>
      <c r="ER31" s="258">
        <v>5</v>
      </c>
      <c r="ES31" s="260">
        <v>0</v>
      </c>
      <c r="ET31" s="261">
        <v>2</v>
      </c>
      <c r="EU31" s="261">
        <v>5</v>
      </c>
      <c r="EV31" s="261">
        <v>3</v>
      </c>
      <c r="EW31" s="261">
        <v>1</v>
      </c>
      <c r="EX31" s="261">
        <v>1</v>
      </c>
      <c r="EY31" s="258">
        <v>12</v>
      </c>
      <c r="EZ31" s="263">
        <v>17</v>
      </c>
    </row>
    <row r="32" spans="2:156" ht="21" customHeight="1" x14ac:dyDescent="0.2">
      <c r="B32" s="472" t="s">
        <v>30</v>
      </c>
      <c r="C32" s="257">
        <v>0</v>
      </c>
      <c r="D32" s="261">
        <v>0</v>
      </c>
      <c r="E32" s="358">
        <v>0</v>
      </c>
      <c r="F32" s="260">
        <v>0</v>
      </c>
      <c r="G32" s="261">
        <v>2</v>
      </c>
      <c r="H32" s="261">
        <v>1</v>
      </c>
      <c r="I32" s="261">
        <v>1</v>
      </c>
      <c r="J32" s="261">
        <v>1</v>
      </c>
      <c r="K32" s="261">
        <v>0</v>
      </c>
      <c r="L32" s="262">
        <v>5</v>
      </c>
      <c r="M32" s="263">
        <v>5</v>
      </c>
      <c r="N32" s="257">
        <v>0</v>
      </c>
      <c r="O32" s="261">
        <v>0</v>
      </c>
      <c r="P32" s="258">
        <v>0</v>
      </c>
      <c r="Q32" s="260">
        <v>0</v>
      </c>
      <c r="R32" s="261">
        <v>0</v>
      </c>
      <c r="S32" s="261">
        <v>0</v>
      </c>
      <c r="T32" s="261">
        <v>0</v>
      </c>
      <c r="U32" s="261">
        <v>0</v>
      </c>
      <c r="V32" s="261">
        <v>0</v>
      </c>
      <c r="W32" s="258">
        <v>0</v>
      </c>
      <c r="X32" s="263">
        <v>0</v>
      </c>
      <c r="Y32" s="257">
        <v>1</v>
      </c>
      <c r="Z32" s="261">
        <v>1</v>
      </c>
      <c r="AA32" s="258">
        <v>2</v>
      </c>
      <c r="AB32" s="260">
        <v>0</v>
      </c>
      <c r="AC32" s="261">
        <v>2</v>
      </c>
      <c r="AD32" s="261">
        <v>0</v>
      </c>
      <c r="AE32" s="261">
        <v>0</v>
      </c>
      <c r="AF32" s="261">
        <v>1</v>
      </c>
      <c r="AG32" s="261">
        <v>0</v>
      </c>
      <c r="AH32" s="258">
        <v>3</v>
      </c>
      <c r="AI32" s="263">
        <v>5</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2</v>
      </c>
      <c r="AZ32" s="261">
        <v>0</v>
      </c>
      <c r="BA32" s="261">
        <v>0</v>
      </c>
      <c r="BB32" s="261">
        <v>2</v>
      </c>
      <c r="BC32" s="261">
        <v>0</v>
      </c>
      <c r="BD32" s="262">
        <v>4</v>
      </c>
      <c r="BE32" s="263">
        <v>4</v>
      </c>
      <c r="BF32" s="257">
        <v>0</v>
      </c>
      <c r="BG32" s="261">
        <v>0</v>
      </c>
      <c r="BH32" s="258">
        <v>0</v>
      </c>
      <c r="BI32" s="260">
        <v>0</v>
      </c>
      <c r="BJ32" s="261">
        <v>1</v>
      </c>
      <c r="BK32" s="261">
        <v>0</v>
      </c>
      <c r="BL32" s="261">
        <v>0</v>
      </c>
      <c r="BM32" s="261">
        <v>1</v>
      </c>
      <c r="BN32" s="261">
        <v>0</v>
      </c>
      <c r="BO32" s="258">
        <v>2</v>
      </c>
      <c r="BP32" s="263">
        <v>2</v>
      </c>
      <c r="BQ32" s="257">
        <v>1</v>
      </c>
      <c r="BR32" s="261">
        <v>0</v>
      </c>
      <c r="BS32" s="258">
        <v>1</v>
      </c>
      <c r="BT32" s="260">
        <v>0</v>
      </c>
      <c r="BU32" s="261">
        <v>0</v>
      </c>
      <c r="BV32" s="261">
        <v>0</v>
      </c>
      <c r="BW32" s="261">
        <v>0</v>
      </c>
      <c r="BX32" s="261">
        <v>0</v>
      </c>
      <c r="BY32" s="261">
        <v>0</v>
      </c>
      <c r="BZ32" s="258">
        <v>0</v>
      </c>
      <c r="CA32" s="263">
        <v>1</v>
      </c>
      <c r="CB32" s="257">
        <v>0</v>
      </c>
      <c r="CC32" s="261">
        <v>0</v>
      </c>
      <c r="CD32" s="258">
        <v>0</v>
      </c>
      <c r="CE32" s="260">
        <v>0</v>
      </c>
      <c r="CF32" s="261">
        <v>0</v>
      </c>
      <c r="CG32" s="261">
        <v>0</v>
      </c>
      <c r="CH32" s="261">
        <v>1</v>
      </c>
      <c r="CI32" s="261">
        <v>1</v>
      </c>
      <c r="CJ32" s="261">
        <v>0</v>
      </c>
      <c r="CK32" s="258">
        <v>2</v>
      </c>
      <c r="CL32" s="263">
        <v>2</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2</v>
      </c>
      <c r="DU32" s="261">
        <v>0</v>
      </c>
      <c r="DV32" s="258">
        <v>2</v>
      </c>
      <c r="DW32" s="260">
        <v>0</v>
      </c>
      <c r="DX32" s="261">
        <v>2</v>
      </c>
      <c r="DY32" s="261">
        <v>0</v>
      </c>
      <c r="DZ32" s="261">
        <v>2</v>
      </c>
      <c r="EA32" s="261">
        <v>1</v>
      </c>
      <c r="EB32" s="261">
        <v>0</v>
      </c>
      <c r="EC32" s="258">
        <v>5</v>
      </c>
      <c r="ED32" s="263">
        <v>7</v>
      </c>
      <c r="EE32" s="257">
        <v>0</v>
      </c>
      <c r="EF32" s="261">
        <v>0</v>
      </c>
      <c r="EG32" s="258">
        <v>0</v>
      </c>
      <c r="EH32" s="260">
        <v>0</v>
      </c>
      <c r="EI32" s="261">
        <v>1</v>
      </c>
      <c r="EJ32" s="261">
        <v>0</v>
      </c>
      <c r="EK32" s="261">
        <v>0</v>
      </c>
      <c r="EL32" s="261">
        <v>0</v>
      </c>
      <c r="EM32" s="261">
        <v>0</v>
      </c>
      <c r="EN32" s="258">
        <v>1</v>
      </c>
      <c r="EO32" s="263">
        <v>1</v>
      </c>
      <c r="EP32" s="257">
        <v>3</v>
      </c>
      <c r="EQ32" s="261">
        <v>1</v>
      </c>
      <c r="ER32" s="258">
        <v>4</v>
      </c>
      <c r="ES32" s="260">
        <v>0</v>
      </c>
      <c r="ET32" s="261">
        <v>4</v>
      </c>
      <c r="EU32" s="261">
        <v>1</v>
      </c>
      <c r="EV32" s="261">
        <v>2</v>
      </c>
      <c r="EW32" s="261">
        <v>1</v>
      </c>
      <c r="EX32" s="261">
        <v>0</v>
      </c>
      <c r="EY32" s="258">
        <v>8</v>
      </c>
      <c r="EZ32" s="263">
        <v>12</v>
      </c>
    </row>
    <row r="33" spans="2:156" ht="21" customHeight="1" x14ac:dyDescent="0.2">
      <c r="B33" s="472" t="s">
        <v>31</v>
      </c>
      <c r="C33" s="257">
        <v>0</v>
      </c>
      <c r="D33" s="261">
        <v>0</v>
      </c>
      <c r="E33" s="358">
        <v>0</v>
      </c>
      <c r="F33" s="260">
        <v>0</v>
      </c>
      <c r="G33" s="261">
        <v>0</v>
      </c>
      <c r="H33" s="261">
        <v>0</v>
      </c>
      <c r="I33" s="261">
        <v>1</v>
      </c>
      <c r="J33" s="261">
        <v>0</v>
      </c>
      <c r="K33" s="261">
        <v>0</v>
      </c>
      <c r="L33" s="262">
        <v>1</v>
      </c>
      <c r="M33" s="263">
        <v>1</v>
      </c>
      <c r="N33" s="257">
        <v>0</v>
      </c>
      <c r="O33" s="261">
        <v>0</v>
      </c>
      <c r="P33" s="258">
        <v>0</v>
      </c>
      <c r="Q33" s="260">
        <v>0</v>
      </c>
      <c r="R33" s="261">
        <v>0</v>
      </c>
      <c r="S33" s="261">
        <v>1</v>
      </c>
      <c r="T33" s="261">
        <v>1</v>
      </c>
      <c r="U33" s="261">
        <v>0</v>
      </c>
      <c r="V33" s="261">
        <v>0</v>
      </c>
      <c r="W33" s="258">
        <v>2</v>
      </c>
      <c r="X33" s="263">
        <v>2</v>
      </c>
      <c r="Y33" s="257">
        <v>0</v>
      </c>
      <c r="Z33" s="261">
        <v>0</v>
      </c>
      <c r="AA33" s="258">
        <v>0</v>
      </c>
      <c r="AB33" s="260">
        <v>0</v>
      </c>
      <c r="AC33" s="261">
        <v>0</v>
      </c>
      <c r="AD33" s="261">
        <v>0</v>
      </c>
      <c r="AE33" s="261">
        <v>3</v>
      </c>
      <c r="AF33" s="261">
        <v>0</v>
      </c>
      <c r="AG33" s="261">
        <v>0</v>
      </c>
      <c r="AH33" s="258">
        <v>3</v>
      </c>
      <c r="AI33" s="263">
        <v>3</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2</v>
      </c>
      <c r="BC33" s="261">
        <v>1</v>
      </c>
      <c r="BD33" s="262">
        <v>4</v>
      </c>
      <c r="BE33" s="263">
        <v>4</v>
      </c>
      <c r="BF33" s="257">
        <v>0</v>
      </c>
      <c r="BG33" s="261">
        <v>0</v>
      </c>
      <c r="BH33" s="258">
        <v>0</v>
      </c>
      <c r="BI33" s="260">
        <v>0</v>
      </c>
      <c r="BJ33" s="261">
        <v>2</v>
      </c>
      <c r="BK33" s="261">
        <v>1</v>
      </c>
      <c r="BL33" s="261">
        <v>1</v>
      </c>
      <c r="BM33" s="261">
        <v>0</v>
      </c>
      <c r="BN33" s="261">
        <v>0</v>
      </c>
      <c r="BO33" s="258">
        <v>4</v>
      </c>
      <c r="BP33" s="263">
        <v>4</v>
      </c>
      <c r="BQ33" s="257">
        <v>0</v>
      </c>
      <c r="BR33" s="261">
        <v>0</v>
      </c>
      <c r="BS33" s="258">
        <v>0</v>
      </c>
      <c r="BT33" s="260">
        <v>0</v>
      </c>
      <c r="BU33" s="261">
        <v>1</v>
      </c>
      <c r="BV33" s="261">
        <v>1</v>
      </c>
      <c r="BW33" s="261">
        <v>2</v>
      </c>
      <c r="BX33" s="261">
        <v>0</v>
      </c>
      <c r="BY33" s="261">
        <v>0</v>
      </c>
      <c r="BZ33" s="258">
        <v>4</v>
      </c>
      <c r="CA33" s="263">
        <v>4</v>
      </c>
      <c r="CB33" s="257">
        <v>0</v>
      </c>
      <c r="CC33" s="261">
        <v>0</v>
      </c>
      <c r="CD33" s="258">
        <v>0</v>
      </c>
      <c r="CE33" s="260">
        <v>0</v>
      </c>
      <c r="CF33" s="261">
        <v>0</v>
      </c>
      <c r="CG33" s="261">
        <v>0</v>
      </c>
      <c r="CH33" s="261">
        <v>1</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v>
      </c>
      <c r="DU33" s="261">
        <v>0</v>
      </c>
      <c r="DV33" s="258">
        <v>2</v>
      </c>
      <c r="DW33" s="260">
        <v>0</v>
      </c>
      <c r="DX33" s="261">
        <v>2</v>
      </c>
      <c r="DY33" s="261">
        <v>3</v>
      </c>
      <c r="DZ33" s="261">
        <v>5</v>
      </c>
      <c r="EA33" s="261">
        <v>1</v>
      </c>
      <c r="EB33" s="261">
        <v>0</v>
      </c>
      <c r="EC33" s="258">
        <v>11</v>
      </c>
      <c r="ED33" s="263">
        <v>13</v>
      </c>
      <c r="EE33" s="257">
        <v>0</v>
      </c>
      <c r="EF33" s="261">
        <v>0</v>
      </c>
      <c r="EG33" s="258">
        <v>0</v>
      </c>
      <c r="EH33" s="260">
        <v>0</v>
      </c>
      <c r="EI33" s="261">
        <v>0</v>
      </c>
      <c r="EJ33" s="261">
        <v>0</v>
      </c>
      <c r="EK33" s="261">
        <v>1</v>
      </c>
      <c r="EL33" s="261">
        <v>0</v>
      </c>
      <c r="EM33" s="261">
        <v>0</v>
      </c>
      <c r="EN33" s="258">
        <v>1</v>
      </c>
      <c r="EO33" s="263">
        <v>1</v>
      </c>
      <c r="EP33" s="257">
        <v>2</v>
      </c>
      <c r="EQ33" s="261">
        <v>0</v>
      </c>
      <c r="ER33" s="258">
        <v>2</v>
      </c>
      <c r="ES33" s="260">
        <v>0</v>
      </c>
      <c r="ET33" s="261">
        <v>5</v>
      </c>
      <c r="EU33" s="261">
        <v>4</v>
      </c>
      <c r="EV33" s="261">
        <v>5</v>
      </c>
      <c r="EW33" s="261">
        <v>1</v>
      </c>
      <c r="EX33" s="261">
        <v>0</v>
      </c>
      <c r="EY33" s="258">
        <v>15</v>
      </c>
      <c r="EZ33" s="263">
        <v>17</v>
      </c>
    </row>
    <row r="34" spans="2:156" ht="21" customHeight="1" x14ac:dyDescent="0.2">
      <c r="B34" s="472" t="s">
        <v>32</v>
      </c>
      <c r="C34" s="257">
        <v>0</v>
      </c>
      <c r="D34" s="261">
        <v>0</v>
      </c>
      <c r="E34" s="358">
        <v>0</v>
      </c>
      <c r="F34" s="260">
        <v>0</v>
      </c>
      <c r="G34" s="261">
        <v>2</v>
      </c>
      <c r="H34" s="261">
        <v>1</v>
      </c>
      <c r="I34" s="261">
        <v>0</v>
      </c>
      <c r="J34" s="261">
        <v>0</v>
      </c>
      <c r="K34" s="261">
        <v>1</v>
      </c>
      <c r="L34" s="262">
        <v>4</v>
      </c>
      <c r="M34" s="263">
        <v>4</v>
      </c>
      <c r="N34" s="257">
        <v>0</v>
      </c>
      <c r="O34" s="261">
        <v>0</v>
      </c>
      <c r="P34" s="258">
        <v>0</v>
      </c>
      <c r="Q34" s="260">
        <v>0</v>
      </c>
      <c r="R34" s="261">
        <v>0</v>
      </c>
      <c r="S34" s="261">
        <v>0</v>
      </c>
      <c r="T34" s="261">
        <v>0</v>
      </c>
      <c r="U34" s="261">
        <v>0</v>
      </c>
      <c r="V34" s="261">
        <v>1</v>
      </c>
      <c r="W34" s="258">
        <v>1</v>
      </c>
      <c r="X34" s="263">
        <v>1</v>
      </c>
      <c r="Y34" s="257">
        <v>0</v>
      </c>
      <c r="Z34" s="261">
        <v>0</v>
      </c>
      <c r="AA34" s="258">
        <v>0</v>
      </c>
      <c r="AB34" s="260">
        <v>0</v>
      </c>
      <c r="AC34" s="261">
        <v>3</v>
      </c>
      <c r="AD34" s="261">
        <v>5</v>
      </c>
      <c r="AE34" s="261">
        <v>0</v>
      </c>
      <c r="AF34" s="261">
        <v>0</v>
      </c>
      <c r="AG34" s="261">
        <v>0</v>
      </c>
      <c r="AH34" s="258">
        <v>8</v>
      </c>
      <c r="AI34" s="263">
        <v>8</v>
      </c>
      <c r="AJ34" s="257">
        <v>0</v>
      </c>
      <c r="AK34" s="261">
        <v>0</v>
      </c>
      <c r="AL34" s="258">
        <v>0</v>
      </c>
      <c r="AM34" s="260">
        <v>0</v>
      </c>
      <c r="AN34" s="261">
        <v>0</v>
      </c>
      <c r="AO34" s="261">
        <v>1</v>
      </c>
      <c r="AP34" s="261">
        <v>0</v>
      </c>
      <c r="AQ34" s="261">
        <v>0</v>
      </c>
      <c r="AR34" s="261">
        <v>0</v>
      </c>
      <c r="AS34" s="258">
        <v>1</v>
      </c>
      <c r="AT34" s="263">
        <v>1</v>
      </c>
      <c r="AU34" s="257">
        <v>0</v>
      </c>
      <c r="AV34" s="261">
        <v>0</v>
      </c>
      <c r="AW34" s="258">
        <v>0</v>
      </c>
      <c r="AX34" s="260">
        <v>0</v>
      </c>
      <c r="AY34" s="261">
        <v>1</v>
      </c>
      <c r="AZ34" s="261">
        <v>3</v>
      </c>
      <c r="BA34" s="261">
        <v>2</v>
      </c>
      <c r="BB34" s="261">
        <v>1</v>
      </c>
      <c r="BC34" s="261">
        <v>2</v>
      </c>
      <c r="BD34" s="262">
        <v>9</v>
      </c>
      <c r="BE34" s="263">
        <v>9</v>
      </c>
      <c r="BF34" s="257">
        <v>0</v>
      </c>
      <c r="BG34" s="261">
        <v>0</v>
      </c>
      <c r="BH34" s="258">
        <v>0</v>
      </c>
      <c r="BI34" s="260">
        <v>0</v>
      </c>
      <c r="BJ34" s="261">
        <v>1</v>
      </c>
      <c r="BK34" s="261">
        <v>3</v>
      </c>
      <c r="BL34" s="261">
        <v>2</v>
      </c>
      <c r="BM34" s="261">
        <v>0</v>
      </c>
      <c r="BN34" s="261">
        <v>0</v>
      </c>
      <c r="BO34" s="258">
        <v>6</v>
      </c>
      <c r="BP34" s="263">
        <v>6</v>
      </c>
      <c r="BQ34" s="257">
        <v>0</v>
      </c>
      <c r="BR34" s="261">
        <v>0</v>
      </c>
      <c r="BS34" s="258">
        <v>0</v>
      </c>
      <c r="BT34" s="260">
        <v>0</v>
      </c>
      <c r="BU34" s="261">
        <v>0</v>
      </c>
      <c r="BV34" s="261">
        <v>2</v>
      </c>
      <c r="BW34" s="261">
        <v>0</v>
      </c>
      <c r="BX34" s="261">
        <v>0</v>
      </c>
      <c r="BY34" s="261">
        <v>0</v>
      </c>
      <c r="BZ34" s="258">
        <v>2</v>
      </c>
      <c r="CA34" s="263">
        <v>2</v>
      </c>
      <c r="CB34" s="257">
        <v>0</v>
      </c>
      <c r="CC34" s="261">
        <v>0</v>
      </c>
      <c r="CD34" s="258">
        <v>0</v>
      </c>
      <c r="CE34" s="260">
        <v>0</v>
      </c>
      <c r="CF34" s="261">
        <v>1</v>
      </c>
      <c r="CG34" s="261">
        <v>0</v>
      </c>
      <c r="CH34" s="261">
        <v>0</v>
      </c>
      <c r="CI34" s="261">
        <v>0</v>
      </c>
      <c r="CJ34" s="261">
        <v>0</v>
      </c>
      <c r="CK34" s="258">
        <v>1</v>
      </c>
      <c r="CL34" s="263">
        <v>1</v>
      </c>
      <c r="CM34" s="257">
        <v>0</v>
      </c>
      <c r="CN34" s="261">
        <v>0</v>
      </c>
      <c r="CO34" s="258">
        <v>0</v>
      </c>
      <c r="CP34" s="260">
        <v>0</v>
      </c>
      <c r="CQ34" s="261">
        <v>0</v>
      </c>
      <c r="CR34" s="261">
        <v>0</v>
      </c>
      <c r="CS34" s="261">
        <v>1</v>
      </c>
      <c r="CT34" s="261">
        <v>0</v>
      </c>
      <c r="CU34" s="261">
        <v>0</v>
      </c>
      <c r="CV34" s="258">
        <v>1</v>
      </c>
      <c r="CW34" s="263">
        <v>1</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0</v>
      </c>
      <c r="DU34" s="261">
        <v>3</v>
      </c>
      <c r="DV34" s="258">
        <v>3</v>
      </c>
      <c r="DW34" s="260">
        <v>0</v>
      </c>
      <c r="DX34" s="261">
        <v>4</v>
      </c>
      <c r="DY34" s="261">
        <v>9</v>
      </c>
      <c r="DZ34" s="261">
        <v>4</v>
      </c>
      <c r="EA34" s="261">
        <v>0</v>
      </c>
      <c r="EB34" s="261">
        <v>1</v>
      </c>
      <c r="EC34" s="258">
        <v>18</v>
      </c>
      <c r="ED34" s="263">
        <v>21</v>
      </c>
      <c r="EE34" s="257">
        <v>0</v>
      </c>
      <c r="EF34" s="261">
        <v>0</v>
      </c>
      <c r="EG34" s="258">
        <v>0</v>
      </c>
      <c r="EH34" s="260">
        <v>0</v>
      </c>
      <c r="EI34" s="261">
        <v>1</v>
      </c>
      <c r="EJ34" s="261">
        <v>2</v>
      </c>
      <c r="EK34" s="261">
        <v>1</v>
      </c>
      <c r="EL34" s="261">
        <v>1</v>
      </c>
      <c r="EM34" s="261">
        <v>2</v>
      </c>
      <c r="EN34" s="258">
        <v>7</v>
      </c>
      <c r="EO34" s="263">
        <v>7</v>
      </c>
      <c r="EP34" s="257">
        <v>0</v>
      </c>
      <c r="EQ34" s="261">
        <v>3</v>
      </c>
      <c r="ER34" s="258">
        <v>3</v>
      </c>
      <c r="ES34" s="260">
        <v>0</v>
      </c>
      <c r="ET34" s="261">
        <v>8</v>
      </c>
      <c r="EU34" s="261">
        <v>12</v>
      </c>
      <c r="EV34" s="261">
        <v>4</v>
      </c>
      <c r="EW34" s="261">
        <v>0</v>
      </c>
      <c r="EX34" s="261">
        <v>1</v>
      </c>
      <c r="EY34" s="258">
        <v>25</v>
      </c>
      <c r="EZ34" s="263">
        <v>28</v>
      </c>
    </row>
    <row r="35" spans="2:156" ht="21" customHeight="1" x14ac:dyDescent="0.2">
      <c r="B35" s="472" t="s">
        <v>33</v>
      </c>
      <c r="C35" s="257">
        <v>0</v>
      </c>
      <c r="D35" s="261">
        <v>0</v>
      </c>
      <c r="E35" s="358">
        <v>0</v>
      </c>
      <c r="F35" s="260">
        <v>0</v>
      </c>
      <c r="G35" s="261">
        <v>1</v>
      </c>
      <c r="H35" s="261">
        <v>0</v>
      </c>
      <c r="I35" s="261">
        <v>1</v>
      </c>
      <c r="J35" s="261">
        <v>0</v>
      </c>
      <c r="K35" s="261">
        <v>0</v>
      </c>
      <c r="L35" s="262">
        <v>2</v>
      </c>
      <c r="M35" s="263">
        <v>2</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0</v>
      </c>
      <c r="AG35" s="261">
        <v>0</v>
      </c>
      <c r="AH35" s="258">
        <v>2</v>
      </c>
      <c r="AI35" s="263">
        <v>2</v>
      </c>
      <c r="AJ35" s="257">
        <v>3</v>
      </c>
      <c r="AK35" s="261">
        <v>2</v>
      </c>
      <c r="AL35" s="258">
        <v>5</v>
      </c>
      <c r="AM35" s="260">
        <v>0</v>
      </c>
      <c r="AN35" s="261">
        <v>0</v>
      </c>
      <c r="AO35" s="261">
        <v>0</v>
      </c>
      <c r="AP35" s="261">
        <v>2</v>
      </c>
      <c r="AQ35" s="261">
        <v>0</v>
      </c>
      <c r="AR35" s="261">
        <v>0</v>
      </c>
      <c r="AS35" s="258">
        <v>2</v>
      </c>
      <c r="AT35" s="263">
        <v>7</v>
      </c>
      <c r="AU35" s="257">
        <v>0</v>
      </c>
      <c r="AV35" s="261">
        <v>0</v>
      </c>
      <c r="AW35" s="258">
        <v>0</v>
      </c>
      <c r="AX35" s="260">
        <v>0</v>
      </c>
      <c r="AY35" s="261">
        <v>1</v>
      </c>
      <c r="AZ35" s="261">
        <v>1</v>
      </c>
      <c r="BA35" s="261">
        <v>2</v>
      </c>
      <c r="BB35" s="261">
        <v>0</v>
      </c>
      <c r="BC35" s="261">
        <v>0</v>
      </c>
      <c r="BD35" s="262">
        <v>4</v>
      </c>
      <c r="BE35" s="263">
        <v>4</v>
      </c>
      <c r="BF35" s="257">
        <v>0</v>
      </c>
      <c r="BG35" s="261">
        <v>0</v>
      </c>
      <c r="BH35" s="258">
        <v>0</v>
      </c>
      <c r="BI35" s="260">
        <v>0</v>
      </c>
      <c r="BJ35" s="261">
        <v>0</v>
      </c>
      <c r="BK35" s="261">
        <v>1</v>
      </c>
      <c r="BL35" s="261">
        <v>0</v>
      </c>
      <c r="BM35" s="261">
        <v>0</v>
      </c>
      <c r="BN35" s="261">
        <v>0</v>
      </c>
      <c r="BO35" s="258">
        <v>1</v>
      </c>
      <c r="BP35" s="263">
        <v>1</v>
      </c>
      <c r="BQ35" s="257">
        <v>0</v>
      </c>
      <c r="BR35" s="261">
        <v>1</v>
      </c>
      <c r="BS35" s="258">
        <v>1</v>
      </c>
      <c r="BT35" s="260">
        <v>0</v>
      </c>
      <c r="BU35" s="261">
        <v>1</v>
      </c>
      <c r="BV35" s="261">
        <v>0</v>
      </c>
      <c r="BW35" s="261">
        <v>0</v>
      </c>
      <c r="BX35" s="261">
        <v>0</v>
      </c>
      <c r="BY35" s="261">
        <v>0</v>
      </c>
      <c r="BZ35" s="258">
        <v>1</v>
      </c>
      <c r="CA35" s="263">
        <v>2</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2</v>
      </c>
      <c r="DU35" s="261">
        <v>1</v>
      </c>
      <c r="DV35" s="258">
        <v>3</v>
      </c>
      <c r="DW35" s="260">
        <v>0</v>
      </c>
      <c r="DX35" s="261">
        <v>3</v>
      </c>
      <c r="DY35" s="261">
        <v>0</v>
      </c>
      <c r="DZ35" s="261">
        <v>1</v>
      </c>
      <c r="EA35" s="261">
        <v>0</v>
      </c>
      <c r="EB35" s="261">
        <v>0</v>
      </c>
      <c r="EC35" s="258">
        <v>4</v>
      </c>
      <c r="ED35" s="263">
        <v>7</v>
      </c>
      <c r="EE35" s="257">
        <v>0</v>
      </c>
      <c r="EF35" s="261">
        <v>1</v>
      </c>
      <c r="EG35" s="258">
        <v>1</v>
      </c>
      <c r="EH35" s="260">
        <v>0</v>
      </c>
      <c r="EI35" s="261">
        <v>0</v>
      </c>
      <c r="EJ35" s="261">
        <v>1</v>
      </c>
      <c r="EK35" s="261">
        <v>0</v>
      </c>
      <c r="EL35" s="261">
        <v>0</v>
      </c>
      <c r="EM35" s="261">
        <v>0</v>
      </c>
      <c r="EN35" s="258">
        <v>1</v>
      </c>
      <c r="EO35" s="263">
        <v>2</v>
      </c>
      <c r="EP35" s="257">
        <v>3</v>
      </c>
      <c r="EQ35" s="261">
        <v>3</v>
      </c>
      <c r="ER35" s="258">
        <v>6</v>
      </c>
      <c r="ES35" s="260">
        <v>0</v>
      </c>
      <c r="ET35" s="261">
        <v>3</v>
      </c>
      <c r="EU35" s="261">
        <v>1</v>
      </c>
      <c r="EV35" s="261">
        <v>2</v>
      </c>
      <c r="EW35" s="261">
        <v>0</v>
      </c>
      <c r="EX35" s="261">
        <v>0</v>
      </c>
      <c r="EY35" s="258">
        <v>6</v>
      </c>
      <c r="EZ35" s="263">
        <v>12</v>
      </c>
    </row>
    <row r="36" spans="2:156"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1</v>
      </c>
      <c r="AE36" s="261">
        <v>0</v>
      </c>
      <c r="AF36" s="261">
        <v>1</v>
      </c>
      <c r="AG36" s="261">
        <v>0</v>
      </c>
      <c r="AH36" s="258">
        <v>3</v>
      </c>
      <c r="AI36" s="263">
        <v>3</v>
      </c>
      <c r="AJ36" s="257">
        <v>0</v>
      </c>
      <c r="AK36" s="261">
        <v>0</v>
      </c>
      <c r="AL36" s="258">
        <v>0</v>
      </c>
      <c r="AM36" s="260">
        <v>0</v>
      </c>
      <c r="AN36" s="261">
        <v>0</v>
      </c>
      <c r="AO36" s="261">
        <v>1</v>
      </c>
      <c r="AP36" s="261">
        <v>0</v>
      </c>
      <c r="AQ36" s="261">
        <v>0</v>
      </c>
      <c r="AR36" s="261">
        <v>0</v>
      </c>
      <c r="AS36" s="258">
        <v>1</v>
      </c>
      <c r="AT36" s="263">
        <v>1</v>
      </c>
      <c r="AU36" s="257">
        <v>0</v>
      </c>
      <c r="AV36" s="261">
        <v>0</v>
      </c>
      <c r="AW36" s="258">
        <v>0</v>
      </c>
      <c r="AX36" s="260">
        <v>0</v>
      </c>
      <c r="AY36" s="261">
        <v>0</v>
      </c>
      <c r="AZ36" s="261">
        <v>3</v>
      </c>
      <c r="BA36" s="261">
        <v>0</v>
      </c>
      <c r="BB36" s="261">
        <v>0</v>
      </c>
      <c r="BC36" s="261">
        <v>2</v>
      </c>
      <c r="BD36" s="262">
        <v>5</v>
      </c>
      <c r="BE36" s="263">
        <v>5</v>
      </c>
      <c r="BF36" s="257">
        <v>0</v>
      </c>
      <c r="BG36" s="261">
        <v>0</v>
      </c>
      <c r="BH36" s="258">
        <v>0</v>
      </c>
      <c r="BI36" s="260">
        <v>0</v>
      </c>
      <c r="BJ36" s="261">
        <v>0</v>
      </c>
      <c r="BK36" s="261">
        <v>1</v>
      </c>
      <c r="BL36" s="261">
        <v>0</v>
      </c>
      <c r="BM36" s="261">
        <v>1</v>
      </c>
      <c r="BN36" s="261">
        <v>0</v>
      </c>
      <c r="BO36" s="258">
        <v>2</v>
      </c>
      <c r="BP36" s="263">
        <v>2</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1</v>
      </c>
      <c r="DV36" s="258">
        <v>1</v>
      </c>
      <c r="DW36" s="260">
        <v>0</v>
      </c>
      <c r="DX36" s="261">
        <v>2</v>
      </c>
      <c r="DY36" s="261">
        <v>4</v>
      </c>
      <c r="DZ36" s="261">
        <v>1</v>
      </c>
      <c r="EA36" s="261">
        <v>2</v>
      </c>
      <c r="EB36" s="261">
        <v>0</v>
      </c>
      <c r="EC36" s="258">
        <v>9</v>
      </c>
      <c r="ED36" s="263">
        <v>10</v>
      </c>
      <c r="EE36" s="257">
        <v>0</v>
      </c>
      <c r="EF36" s="261">
        <v>0</v>
      </c>
      <c r="EG36" s="258">
        <v>0</v>
      </c>
      <c r="EH36" s="260">
        <v>0</v>
      </c>
      <c r="EI36" s="261">
        <v>0</v>
      </c>
      <c r="EJ36" s="261">
        <v>1</v>
      </c>
      <c r="EK36" s="261">
        <v>0</v>
      </c>
      <c r="EL36" s="261">
        <v>0</v>
      </c>
      <c r="EM36" s="261">
        <v>2</v>
      </c>
      <c r="EN36" s="258">
        <v>3</v>
      </c>
      <c r="EO36" s="263">
        <v>3</v>
      </c>
      <c r="EP36" s="257">
        <v>0</v>
      </c>
      <c r="EQ36" s="261">
        <v>1</v>
      </c>
      <c r="ER36" s="258">
        <v>1</v>
      </c>
      <c r="ES36" s="260">
        <v>0</v>
      </c>
      <c r="ET36" s="261">
        <v>2</v>
      </c>
      <c r="EU36" s="261">
        <v>5</v>
      </c>
      <c r="EV36" s="261">
        <v>0</v>
      </c>
      <c r="EW36" s="261">
        <v>2</v>
      </c>
      <c r="EX36" s="261">
        <v>0</v>
      </c>
      <c r="EY36" s="258">
        <v>9</v>
      </c>
      <c r="EZ36" s="263">
        <v>10</v>
      </c>
    </row>
    <row r="37" spans="2:156" ht="21" customHeight="1" x14ac:dyDescent="0.2">
      <c r="B37" s="472" t="s">
        <v>35</v>
      </c>
      <c r="C37" s="257">
        <v>0</v>
      </c>
      <c r="D37" s="261">
        <v>0</v>
      </c>
      <c r="E37" s="358">
        <v>0</v>
      </c>
      <c r="F37" s="260">
        <v>0</v>
      </c>
      <c r="G37" s="261">
        <v>3</v>
      </c>
      <c r="H37" s="261">
        <v>0</v>
      </c>
      <c r="I37" s="261">
        <v>2</v>
      </c>
      <c r="J37" s="261">
        <v>1</v>
      </c>
      <c r="K37" s="261">
        <v>1</v>
      </c>
      <c r="L37" s="262">
        <v>7</v>
      </c>
      <c r="M37" s="263">
        <v>7</v>
      </c>
      <c r="N37" s="257">
        <v>0</v>
      </c>
      <c r="O37" s="261">
        <v>0</v>
      </c>
      <c r="P37" s="258">
        <v>0</v>
      </c>
      <c r="Q37" s="260">
        <v>0</v>
      </c>
      <c r="R37" s="261">
        <v>0</v>
      </c>
      <c r="S37" s="261">
        <v>0</v>
      </c>
      <c r="T37" s="261">
        <v>0</v>
      </c>
      <c r="U37" s="261">
        <v>1</v>
      </c>
      <c r="V37" s="261">
        <v>1</v>
      </c>
      <c r="W37" s="258">
        <v>2</v>
      </c>
      <c r="X37" s="263">
        <v>2</v>
      </c>
      <c r="Y37" s="257">
        <v>0</v>
      </c>
      <c r="Z37" s="261">
        <v>0</v>
      </c>
      <c r="AA37" s="258">
        <v>0</v>
      </c>
      <c r="AB37" s="260">
        <v>0</v>
      </c>
      <c r="AC37" s="261">
        <v>1</v>
      </c>
      <c r="AD37" s="261">
        <v>0</v>
      </c>
      <c r="AE37" s="261">
        <v>1</v>
      </c>
      <c r="AF37" s="261">
        <v>0</v>
      </c>
      <c r="AG37" s="261">
        <v>0</v>
      </c>
      <c r="AH37" s="258">
        <v>2</v>
      </c>
      <c r="AI37" s="263">
        <v>2</v>
      </c>
      <c r="AJ37" s="257">
        <v>1</v>
      </c>
      <c r="AK37" s="261">
        <v>1</v>
      </c>
      <c r="AL37" s="258">
        <v>2</v>
      </c>
      <c r="AM37" s="260">
        <v>0</v>
      </c>
      <c r="AN37" s="261">
        <v>1</v>
      </c>
      <c r="AO37" s="261">
        <v>0</v>
      </c>
      <c r="AP37" s="261">
        <v>0</v>
      </c>
      <c r="AQ37" s="261">
        <v>0</v>
      </c>
      <c r="AR37" s="261">
        <v>0</v>
      </c>
      <c r="AS37" s="258">
        <v>1</v>
      </c>
      <c r="AT37" s="263">
        <v>3</v>
      </c>
      <c r="AU37" s="257">
        <v>1</v>
      </c>
      <c r="AV37" s="261">
        <v>1</v>
      </c>
      <c r="AW37" s="258">
        <v>2</v>
      </c>
      <c r="AX37" s="260">
        <v>0</v>
      </c>
      <c r="AY37" s="261">
        <v>13</v>
      </c>
      <c r="AZ37" s="261">
        <v>2</v>
      </c>
      <c r="BA37" s="261">
        <v>3</v>
      </c>
      <c r="BB37" s="261">
        <v>3</v>
      </c>
      <c r="BC37" s="261">
        <v>2</v>
      </c>
      <c r="BD37" s="262">
        <v>23</v>
      </c>
      <c r="BE37" s="263">
        <v>25</v>
      </c>
      <c r="BF37" s="257">
        <v>0</v>
      </c>
      <c r="BG37" s="261">
        <v>0</v>
      </c>
      <c r="BH37" s="258">
        <v>0</v>
      </c>
      <c r="BI37" s="260">
        <v>0</v>
      </c>
      <c r="BJ37" s="261">
        <v>4</v>
      </c>
      <c r="BK37" s="261">
        <v>2</v>
      </c>
      <c r="BL37" s="261">
        <v>4</v>
      </c>
      <c r="BM37" s="261">
        <v>0</v>
      </c>
      <c r="BN37" s="261">
        <v>0</v>
      </c>
      <c r="BO37" s="258">
        <v>10</v>
      </c>
      <c r="BP37" s="263">
        <v>10</v>
      </c>
      <c r="BQ37" s="257">
        <v>1</v>
      </c>
      <c r="BR37" s="261">
        <v>1</v>
      </c>
      <c r="BS37" s="258">
        <v>2</v>
      </c>
      <c r="BT37" s="260">
        <v>0</v>
      </c>
      <c r="BU37" s="261">
        <v>0</v>
      </c>
      <c r="BV37" s="261">
        <v>0</v>
      </c>
      <c r="BW37" s="261">
        <v>1</v>
      </c>
      <c r="BX37" s="261">
        <v>1</v>
      </c>
      <c r="BY37" s="261">
        <v>0</v>
      </c>
      <c r="BZ37" s="258">
        <v>2</v>
      </c>
      <c r="CA37" s="263">
        <v>4</v>
      </c>
      <c r="CB37" s="257">
        <v>0</v>
      </c>
      <c r="CC37" s="261">
        <v>0</v>
      </c>
      <c r="CD37" s="258">
        <v>0</v>
      </c>
      <c r="CE37" s="260">
        <v>0</v>
      </c>
      <c r="CF37" s="261">
        <v>2</v>
      </c>
      <c r="CG37" s="261">
        <v>0</v>
      </c>
      <c r="CH37" s="261">
        <v>0</v>
      </c>
      <c r="CI37" s="261">
        <v>0</v>
      </c>
      <c r="CJ37" s="261">
        <v>0</v>
      </c>
      <c r="CK37" s="258">
        <v>2</v>
      </c>
      <c r="CL37" s="263">
        <v>2</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0</v>
      </c>
      <c r="DU37" s="261">
        <v>1</v>
      </c>
      <c r="DV37" s="258">
        <v>1</v>
      </c>
      <c r="DW37" s="260">
        <v>0</v>
      </c>
      <c r="DX37" s="261">
        <v>7</v>
      </c>
      <c r="DY37" s="261">
        <v>2</v>
      </c>
      <c r="DZ37" s="261">
        <v>5</v>
      </c>
      <c r="EA37" s="261">
        <v>2</v>
      </c>
      <c r="EB37" s="261">
        <v>1</v>
      </c>
      <c r="EC37" s="258">
        <v>17</v>
      </c>
      <c r="ED37" s="263">
        <v>18</v>
      </c>
      <c r="EE37" s="257">
        <v>2</v>
      </c>
      <c r="EF37" s="261">
        <v>1</v>
      </c>
      <c r="EG37" s="258">
        <v>3</v>
      </c>
      <c r="EH37" s="260">
        <v>0</v>
      </c>
      <c r="EI37" s="261">
        <v>7</v>
      </c>
      <c r="EJ37" s="261">
        <v>1</v>
      </c>
      <c r="EK37" s="261">
        <v>1</v>
      </c>
      <c r="EL37" s="261">
        <v>1</v>
      </c>
      <c r="EM37" s="261">
        <v>1</v>
      </c>
      <c r="EN37" s="258">
        <v>11</v>
      </c>
      <c r="EO37" s="263">
        <v>14</v>
      </c>
      <c r="EP37" s="257">
        <v>2</v>
      </c>
      <c r="EQ37" s="261">
        <v>3</v>
      </c>
      <c r="ER37" s="258">
        <v>5</v>
      </c>
      <c r="ES37" s="260">
        <v>0</v>
      </c>
      <c r="ET37" s="261">
        <v>10</v>
      </c>
      <c r="EU37" s="261">
        <v>3</v>
      </c>
      <c r="EV37" s="261">
        <v>5</v>
      </c>
      <c r="EW37" s="261">
        <v>2</v>
      </c>
      <c r="EX37" s="261">
        <v>1</v>
      </c>
      <c r="EY37" s="258">
        <v>21</v>
      </c>
      <c r="EZ37" s="263">
        <v>26</v>
      </c>
    </row>
    <row r="38" spans="2:156" ht="21" customHeight="1" x14ac:dyDescent="0.2">
      <c r="B38" s="472" t="s">
        <v>36</v>
      </c>
      <c r="C38" s="257">
        <v>0</v>
      </c>
      <c r="D38" s="261">
        <v>0</v>
      </c>
      <c r="E38" s="358">
        <v>0</v>
      </c>
      <c r="F38" s="260">
        <v>0</v>
      </c>
      <c r="G38" s="261">
        <v>0</v>
      </c>
      <c r="H38" s="261">
        <v>0</v>
      </c>
      <c r="I38" s="261">
        <v>1</v>
      </c>
      <c r="J38" s="261">
        <v>2</v>
      </c>
      <c r="K38" s="261">
        <v>1</v>
      </c>
      <c r="L38" s="262">
        <v>4</v>
      </c>
      <c r="M38" s="263">
        <v>4</v>
      </c>
      <c r="N38" s="257">
        <v>0</v>
      </c>
      <c r="O38" s="261">
        <v>0</v>
      </c>
      <c r="P38" s="258">
        <v>0</v>
      </c>
      <c r="Q38" s="260">
        <v>0</v>
      </c>
      <c r="R38" s="261">
        <v>0</v>
      </c>
      <c r="S38" s="261">
        <v>0</v>
      </c>
      <c r="T38" s="261">
        <v>0</v>
      </c>
      <c r="U38" s="261">
        <v>2</v>
      </c>
      <c r="V38" s="261">
        <v>0</v>
      </c>
      <c r="W38" s="258">
        <v>2</v>
      </c>
      <c r="X38" s="263">
        <v>2</v>
      </c>
      <c r="Y38" s="257">
        <v>1</v>
      </c>
      <c r="Z38" s="261">
        <v>0</v>
      </c>
      <c r="AA38" s="258">
        <v>1</v>
      </c>
      <c r="AB38" s="260">
        <v>0</v>
      </c>
      <c r="AC38" s="261">
        <v>1</v>
      </c>
      <c r="AD38" s="261">
        <v>0</v>
      </c>
      <c r="AE38" s="261">
        <v>1</v>
      </c>
      <c r="AF38" s="261">
        <v>2</v>
      </c>
      <c r="AG38" s="261">
        <v>1</v>
      </c>
      <c r="AH38" s="258">
        <v>5</v>
      </c>
      <c r="AI38" s="263">
        <v>6</v>
      </c>
      <c r="AJ38" s="257">
        <v>0</v>
      </c>
      <c r="AK38" s="261">
        <v>1</v>
      </c>
      <c r="AL38" s="258">
        <v>1</v>
      </c>
      <c r="AM38" s="260">
        <v>0</v>
      </c>
      <c r="AN38" s="261">
        <v>0</v>
      </c>
      <c r="AO38" s="261">
        <v>1</v>
      </c>
      <c r="AP38" s="261">
        <v>0</v>
      </c>
      <c r="AQ38" s="261">
        <v>0</v>
      </c>
      <c r="AR38" s="261">
        <v>0</v>
      </c>
      <c r="AS38" s="258">
        <v>1</v>
      </c>
      <c r="AT38" s="263">
        <v>2</v>
      </c>
      <c r="AU38" s="257">
        <v>1</v>
      </c>
      <c r="AV38" s="261">
        <v>0</v>
      </c>
      <c r="AW38" s="258">
        <v>1</v>
      </c>
      <c r="AX38" s="260">
        <v>0</v>
      </c>
      <c r="AY38" s="261">
        <v>1</v>
      </c>
      <c r="AZ38" s="261">
        <v>1</v>
      </c>
      <c r="BA38" s="261">
        <v>2</v>
      </c>
      <c r="BB38" s="261">
        <v>4</v>
      </c>
      <c r="BC38" s="261">
        <v>2</v>
      </c>
      <c r="BD38" s="262">
        <v>10</v>
      </c>
      <c r="BE38" s="263">
        <v>11</v>
      </c>
      <c r="BF38" s="257">
        <v>0</v>
      </c>
      <c r="BG38" s="261">
        <v>0</v>
      </c>
      <c r="BH38" s="258">
        <v>0</v>
      </c>
      <c r="BI38" s="260">
        <v>0</v>
      </c>
      <c r="BJ38" s="261">
        <v>0</v>
      </c>
      <c r="BK38" s="261">
        <v>2</v>
      </c>
      <c r="BL38" s="261">
        <v>0</v>
      </c>
      <c r="BM38" s="261">
        <v>0</v>
      </c>
      <c r="BN38" s="261">
        <v>0</v>
      </c>
      <c r="BO38" s="258">
        <v>2</v>
      </c>
      <c r="BP38" s="263">
        <v>2</v>
      </c>
      <c r="BQ38" s="257">
        <v>1</v>
      </c>
      <c r="BR38" s="261">
        <v>1</v>
      </c>
      <c r="BS38" s="258">
        <v>2</v>
      </c>
      <c r="BT38" s="260">
        <v>0</v>
      </c>
      <c r="BU38" s="261">
        <v>0</v>
      </c>
      <c r="BV38" s="261">
        <v>0</v>
      </c>
      <c r="BW38" s="261">
        <v>0</v>
      </c>
      <c r="BX38" s="261">
        <v>1</v>
      </c>
      <c r="BY38" s="261">
        <v>0</v>
      </c>
      <c r="BZ38" s="258">
        <v>1</v>
      </c>
      <c r="CA38" s="263">
        <v>3</v>
      </c>
      <c r="CB38" s="257">
        <v>0</v>
      </c>
      <c r="CC38" s="261">
        <v>0</v>
      </c>
      <c r="CD38" s="258">
        <v>0</v>
      </c>
      <c r="CE38" s="260">
        <v>0</v>
      </c>
      <c r="CF38" s="261">
        <v>0</v>
      </c>
      <c r="CG38" s="261">
        <v>1</v>
      </c>
      <c r="CH38" s="261">
        <v>0</v>
      </c>
      <c r="CI38" s="261">
        <v>0</v>
      </c>
      <c r="CJ38" s="261">
        <v>0</v>
      </c>
      <c r="CK38" s="258">
        <v>1</v>
      </c>
      <c r="CL38" s="263">
        <v>1</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0</v>
      </c>
      <c r="DU38" s="261">
        <v>0</v>
      </c>
      <c r="DV38" s="258">
        <v>0</v>
      </c>
      <c r="DW38" s="260">
        <v>0</v>
      </c>
      <c r="DX38" s="261">
        <v>5</v>
      </c>
      <c r="DY38" s="261">
        <v>4</v>
      </c>
      <c r="DZ38" s="261">
        <v>1</v>
      </c>
      <c r="EA38" s="261">
        <v>5</v>
      </c>
      <c r="EB38" s="261">
        <v>1</v>
      </c>
      <c r="EC38" s="258">
        <v>16</v>
      </c>
      <c r="ED38" s="263">
        <v>16</v>
      </c>
      <c r="EE38" s="257">
        <v>0</v>
      </c>
      <c r="EF38" s="261">
        <v>0</v>
      </c>
      <c r="EG38" s="258">
        <v>0</v>
      </c>
      <c r="EH38" s="260">
        <v>0</v>
      </c>
      <c r="EI38" s="261">
        <v>0</v>
      </c>
      <c r="EJ38" s="261">
        <v>1</v>
      </c>
      <c r="EK38" s="261">
        <v>2</v>
      </c>
      <c r="EL38" s="261">
        <v>0</v>
      </c>
      <c r="EM38" s="261">
        <v>1</v>
      </c>
      <c r="EN38" s="258">
        <v>4</v>
      </c>
      <c r="EO38" s="263">
        <v>4</v>
      </c>
      <c r="EP38" s="257">
        <v>1</v>
      </c>
      <c r="EQ38" s="261">
        <v>2</v>
      </c>
      <c r="ER38" s="258">
        <v>3</v>
      </c>
      <c r="ES38" s="260">
        <v>0</v>
      </c>
      <c r="ET38" s="261">
        <v>7</v>
      </c>
      <c r="EU38" s="261">
        <v>5</v>
      </c>
      <c r="EV38" s="261">
        <v>1</v>
      </c>
      <c r="EW38" s="261">
        <v>5</v>
      </c>
      <c r="EX38" s="261">
        <v>2</v>
      </c>
      <c r="EY38" s="258">
        <v>20</v>
      </c>
      <c r="EZ38" s="263">
        <v>23</v>
      </c>
    </row>
    <row r="39" spans="2:156"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0</v>
      </c>
      <c r="BD39" s="269">
        <v>1</v>
      </c>
      <c r="BE39" s="270">
        <v>1</v>
      </c>
      <c r="BF39" s="264">
        <v>0</v>
      </c>
      <c r="BG39" s="268">
        <v>0</v>
      </c>
      <c r="BH39" s="265">
        <v>0</v>
      </c>
      <c r="BI39" s="267">
        <v>0</v>
      </c>
      <c r="BJ39" s="268">
        <v>0</v>
      </c>
      <c r="BK39" s="268">
        <v>1</v>
      </c>
      <c r="BL39" s="268">
        <v>0</v>
      </c>
      <c r="BM39" s="268">
        <v>0</v>
      </c>
      <c r="BN39" s="268">
        <v>0</v>
      </c>
      <c r="BO39" s="265">
        <v>1</v>
      </c>
      <c r="BP39" s="270">
        <v>1</v>
      </c>
      <c r="BQ39" s="264">
        <v>0</v>
      </c>
      <c r="BR39" s="268">
        <v>0</v>
      </c>
      <c r="BS39" s="265">
        <v>0</v>
      </c>
      <c r="BT39" s="267">
        <v>0</v>
      </c>
      <c r="BU39" s="268">
        <v>1</v>
      </c>
      <c r="BV39" s="268">
        <v>0</v>
      </c>
      <c r="BW39" s="268">
        <v>0</v>
      </c>
      <c r="BX39" s="268">
        <v>0</v>
      </c>
      <c r="BY39" s="268">
        <v>0</v>
      </c>
      <c r="BZ39" s="265">
        <v>1</v>
      </c>
      <c r="CA39" s="270">
        <v>1</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0</v>
      </c>
      <c r="DV39" s="265">
        <v>0</v>
      </c>
      <c r="DW39" s="267">
        <v>0</v>
      </c>
      <c r="DX39" s="268">
        <v>1</v>
      </c>
      <c r="DY39" s="268">
        <v>1</v>
      </c>
      <c r="DZ39" s="268">
        <v>0</v>
      </c>
      <c r="EA39" s="268">
        <v>0</v>
      </c>
      <c r="EB39" s="268">
        <v>0</v>
      </c>
      <c r="EC39" s="265">
        <v>2</v>
      </c>
      <c r="ED39" s="270">
        <v>2</v>
      </c>
      <c r="EE39" s="264">
        <v>0</v>
      </c>
      <c r="EF39" s="268">
        <v>0</v>
      </c>
      <c r="EG39" s="265">
        <v>0</v>
      </c>
      <c r="EH39" s="267">
        <v>0</v>
      </c>
      <c r="EI39" s="268">
        <v>0</v>
      </c>
      <c r="EJ39" s="268">
        <v>0</v>
      </c>
      <c r="EK39" s="268">
        <v>0</v>
      </c>
      <c r="EL39" s="268">
        <v>1</v>
      </c>
      <c r="EM39" s="268">
        <v>0</v>
      </c>
      <c r="EN39" s="265">
        <v>1</v>
      </c>
      <c r="EO39" s="270">
        <v>1</v>
      </c>
      <c r="EP39" s="264">
        <v>0</v>
      </c>
      <c r="EQ39" s="268">
        <v>0</v>
      </c>
      <c r="ER39" s="265">
        <v>0</v>
      </c>
      <c r="ES39" s="267">
        <v>0</v>
      </c>
      <c r="ET39" s="268">
        <v>1</v>
      </c>
      <c r="EU39" s="268">
        <v>1</v>
      </c>
      <c r="EV39" s="268">
        <v>0</v>
      </c>
      <c r="EW39" s="268">
        <v>0</v>
      </c>
      <c r="EX39" s="268">
        <v>0</v>
      </c>
      <c r="EY39" s="265">
        <v>2</v>
      </c>
      <c r="EZ39" s="270">
        <v>2</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500">
        <f>第１表!F2</f>
        <v>5</v>
      </c>
      <c r="J1" s="500"/>
      <c r="K1" s="235">
        <f>第１表!G2</f>
        <v>11</v>
      </c>
      <c r="L1" s="505">
        <f>IF(K1&lt;3,K1+12-2,K1-2)</f>
        <v>9</v>
      </c>
      <c r="M1" s="505"/>
    </row>
    <row r="2" spans="2:156" ht="24" customHeight="1" thickBot="1" x14ac:dyDescent="0.25">
      <c r="B2" s="271" t="s">
        <v>153</v>
      </c>
      <c r="G2" s="234"/>
      <c r="H2" s="235"/>
      <c r="J2" s="326"/>
      <c r="K2" s="326"/>
    </row>
    <row r="3" spans="2:156" ht="21" customHeight="1" thickBot="1" x14ac:dyDescent="0.25">
      <c r="B3" s="513"/>
      <c r="C3" s="516" t="s">
        <v>70</v>
      </c>
      <c r="D3" s="517"/>
      <c r="E3" s="517"/>
      <c r="F3" s="517"/>
      <c r="G3" s="517"/>
      <c r="H3" s="517"/>
      <c r="I3" s="517"/>
      <c r="J3" s="517"/>
      <c r="K3" s="517"/>
      <c r="L3" s="517"/>
      <c r="M3" s="518"/>
      <c r="N3" s="516" t="s">
        <v>71</v>
      </c>
      <c r="O3" s="517"/>
      <c r="P3" s="517"/>
      <c r="Q3" s="517"/>
      <c r="R3" s="517"/>
      <c r="S3" s="517"/>
      <c r="T3" s="517"/>
      <c r="U3" s="517"/>
      <c r="V3" s="517"/>
      <c r="W3" s="517"/>
      <c r="X3" s="518"/>
      <c r="Y3" s="516" t="s">
        <v>72</v>
      </c>
      <c r="Z3" s="517"/>
      <c r="AA3" s="517"/>
      <c r="AB3" s="517"/>
      <c r="AC3" s="517"/>
      <c r="AD3" s="517"/>
      <c r="AE3" s="517"/>
      <c r="AF3" s="517"/>
      <c r="AG3" s="517"/>
      <c r="AH3" s="517"/>
      <c r="AI3" s="518"/>
      <c r="AJ3" s="516" t="s">
        <v>73</v>
      </c>
      <c r="AK3" s="517"/>
      <c r="AL3" s="517"/>
      <c r="AM3" s="517"/>
      <c r="AN3" s="517"/>
      <c r="AO3" s="517"/>
      <c r="AP3" s="517"/>
      <c r="AQ3" s="517"/>
      <c r="AR3" s="517"/>
      <c r="AS3" s="517"/>
      <c r="AT3" s="518"/>
      <c r="AU3" s="516" t="s">
        <v>74</v>
      </c>
      <c r="AV3" s="517"/>
      <c r="AW3" s="517"/>
      <c r="AX3" s="517"/>
      <c r="AY3" s="517"/>
      <c r="AZ3" s="517"/>
      <c r="BA3" s="517"/>
      <c r="BB3" s="517"/>
      <c r="BC3" s="517"/>
      <c r="BD3" s="517"/>
      <c r="BE3" s="518"/>
      <c r="BF3" s="516" t="s">
        <v>75</v>
      </c>
      <c r="BG3" s="517"/>
      <c r="BH3" s="517"/>
      <c r="BI3" s="517"/>
      <c r="BJ3" s="517"/>
      <c r="BK3" s="517"/>
      <c r="BL3" s="517"/>
      <c r="BM3" s="517"/>
      <c r="BN3" s="517"/>
      <c r="BO3" s="517"/>
      <c r="BP3" s="518"/>
      <c r="BQ3" s="516" t="s">
        <v>76</v>
      </c>
      <c r="BR3" s="517"/>
      <c r="BS3" s="517"/>
      <c r="BT3" s="517"/>
      <c r="BU3" s="517"/>
      <c r="BV3" s="517"/>
      <c r="BW3" s="517"/>
      <c r="BX3" s="517"/>
      <c r="BY3" s="517"/>
      <c r="BZ3" s="517"/>
      <c r="CA3" s="518"/>
      <c r="CB3" s="516" t="s">
        <v>77</v>
      </c>
      <c r="CC3" s="517"/>
      <c r="CD3" s="517"/>
      <c r="CE3" s="517"/>
      <c r="CF3" s="517"/>
      <c r="CG3" s="517"/>
      <c r="CH3" s="517"/>
      <c r="CI3" s="517"/>
      <c r="CJ3" s="517"/>
      <c r="CK3" s="517"/>
      <c r="CL3" s="518"/>
      <c r="CM3" s="516" t="s">
        <v>78</v>
      </c>
      <c r="CN3" s="517"/>
      <c r="CO3" s="517"/>
      <c r="CP3" s="517"/>
      <c r="CQ3" s="517"/>
      <c r="CR3" s="517"/>
      <c r="CS3" s="517"/>
      <c r="CT3" s="517"/>
      <c r="CU3" s="517"/>
      <c r="CV3" s="517"/>
      <c r="CW3" s="518"/>
      <c r="CX3" s="516" t="s">
        <v>79</v>
      </c>
      <c r="CY3" s="517"/>
      <c r="CZ3" s="517"/>
      <c r="DA3" s="517"/>
      <c r="DB3" s="517"/>
      <c r="DC3" s="517"/>
      <c r="DD3" s="517"/>
      <c r="DE3" s="517"/>
      <c r="DF3" s="517"/>
      <c r="DG3" s="517"/>
      <c r="DH3" s="518"/>
      <c r="DI3" s="516" t="s">
        <v>151</v>
      </c>
      <c r="DJ3" s="517"/>
      <c r="DK3" s="517"/>
      <c r="DL3" s="517"/>
      <c r="DM3" s="517"/>
      <c r="DN3" s="517"/>
      <c r="DO3" s="517"/>
      <c r="DP3" s="517"/>
      <c r="DQ3" s="517"/>
      <c r="DR3" s="517"/>
      <c r="DS3" s="518"/>
      <c r="DT3" s="516" t="s">
        <v>80</v>
      </c>
      <c r="DU3" s="517"/>
      <c r="DV3" s="517"/>
      <c r="DW3" s="517"/>
      <c r="DX3" s="517"/>
      <c r="DY3" s="517"/>
      <c r="DZ3" s="517"/>
      <c r="EA3" s="517"/>
      <c r="EB3" s="517"/>
      <c r="EC3" s="517"/>
      <c r="ED3" s="518"/>
      <c r="EE3" s="516" t="s">
        <v>68</v>
      </c>
      <c r="EF3" s="517"/>
      <c r="EG3" s="517"/>
      <c r="EH3" s="517"/>
      <c r="EI3" s="517"/>
      <c r="EJ3" s="517"/>
      <c r="EK3" s="517"/>
      <c r="EL3" s="517"/>
      <c r="EM3" s="517"/>
      <c r="EN3" s="517"/>
      <c r="EO3" s="518"/>
      <c r="EP3" s="519" t="s">
        <v>69</v>
      </c>
      <c r="EQ3" s="520"/>
      <c r="ER3" s="520"/>
      <c r="ES3" s="520"/>
      <c r="ET3" s="520"/>
      <c r="EU3" s="520"/>
      <c r="EV3" s="520"/>
      <c r="EW3" s="520"/>
      <c r="EX3" s="520"/>
      <c r="EY3" s="520"/>
      <c r="EZ3" s="521"/>
    </row>
    <row r="4" spans="2:156"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0"/>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c r="DI4" s="508" t="s">
        <v>61</v>
      </c>
      <c r="DJ4" s="509"/>
      <c r="DK4" s="510"/>
      <c r="DL4" s="511" t="s">
        <v>62</v>
      </c>
      <c r="DM4" s="509"/>
      <c r="DN4" s="509"/>
      <c r="DO4" s="509"/>
      <c r="DP4" s="509"/>
      <c r="DQ4" s="509"/>
      <c r="DR4" s="510"/>
      <c r="DS4" s="506" t="s">
        <v>52</v>
      </c>
      <c r="DT4" s="508" t="s">
        <v>61</v>
      </c>
      <c r="DU4" s="509"/>
      <c r="DV4" s="510"/>
      <c r="DW4" s="511" t="s">
        <v>62</v>
      </c>
      <c r="DX4" s="509"/>
      <c r="DY4" s="509"/>
      <c r="DZ4" s="509"/>
      <c r="EA4" s="509"/>
      <c r="EB4" s="509"/>
      <c r="EC4" s="510"/>
      <c r="ED4" s="506" t="s">
        <v>52</v>
      </c>
      <c r="EE4" s="508" t="s">
        <v>61</v>
      </c>
      <c r="EF4" s="509"/>
      <c r="EG4" s="510"/>
      <c r="EH4" s="511" t="s">
        <v>62</v>
      </c>
      <c r="EI4" s="509"/>
      <c r="EJ4" s="509"/>
      <c r="EK4" s="509"/>
      <c r="EL4" s="509"/>
      <c r="EM4" s="509"/>
      <c r="EN4" s="510"/>
      <c r="EO4" s="506" t="s">
        <v>52</v>
      </c>
      <c r="EP4" s="508" t="s">
        <v>61</v>
      </c>
      <c r="EQ4" s="509"/>
      <c r="ER4" s="510"/>
      <c r="ES4" s="511" t="s">
        <v>62</v>
      </c>
      <c r="ET4" s="509"/>
      <c r="EU4" s="509"/>
      <c r="EV4" s="509"/>
      <c r="EW4" s="509"/>
      <c r="EX4" s="509"/>
      <c r="EY4" s="510"/>
      <c r="EZ4" s="506" t="s">
        <v>52</v>
      </c>
    </row>
    <row r="5" spans="2:156" ht="30" customHeight="1" thickBot="1" x14ac:dyDescent="0.25">
      <c r="B5" s="515"/>
      <c r="C5" s="327" t="s">
        <v>43</v>
      </c>
      <c r="D5" s="243" t="s">
        <v>161</v>
      </c>
      <c r="E5" s="356" t="s">
        <v>45</v>
      </c>
      <c r="F5" s="248" t="s">
        <v>83</v>
      </c>
      <c r="G5" s="243" t="s">
        <v>47</v>
      </c>
      <c r="H5" s="243" t="s">
        <v>48</v>
      </c>
      <c r="I5" s="243" t="s">
        <v>49</v>
      </c>
      <c r="J5" s="243" t="s">
        <v>50</v>
      </c>
      <c r="K5" s="243" t="s">
        <v>51</v>
      </c>
      <c r="L5" s="249" t="s">
        <v>45</v>
      </c>
      <c r="M5" s="507"/>
      <c r="N5" s="327" t="s">
        <v>43</v>
      </c>
      <c r="O5" s="243" t="s">
        <v>44</v>
      </c>
      <c r="P5" s="246" t="s">
        <v>45</v>
      </c>
      <c r="Q5" s="248" t="s">
        <v>83</v>
      </c>
      <c r="R5" s="243" t="s">
        <v>47</v>
      </c>
      <c r="S5" s="243" t="s">
        <v>48</v>
      </c>
      <c r="T5" s="243" t="s">
        <v>49</v>
      </c>
      <c r="U5" s="243" t="s">
        <v>50</v>
      </c>
      <c r="V5" s="243" t="s">
        <v>51</v>
      </c>
      <c r="W5" s="246" t="s">
        <v>45</v>
      </c>
      <c r="X5" s="507"/>
      <c r="Y5" s="327" t="s">
        <v>43</v>
      </c>
      <c r="Z5" s="243" t="s">
        <v>44</v>
      </c>
      <c r="AA5" s="246" t="s">
        <v>45</v>
      </c>
      <c r="AB5" s="248" t="s">
        <v>83</v>
      </c>
      <c r="AC5" s="243" t="s">
        <v>47</v>
      </c>
      <c r="AD5" s="243" t="s">
        <v>48</v>
      </c>
      <c r="AE5" s="243" t="s">
        <v>49</v>
      </c>
      <c r="AF5" s="243" t="s">
        <v>50</v>
      </c>
      <c r="AG5" s="243" t="s">
        <v>51</v>
      </c>
      <c r="AH5" s="246" t="s">
        <v>45</v>
      </c>
      <c r="AI5" s="507"/>
      <c r="AJ5" s="327" t="s">
        <v>43</v>
      </c>
      <c r="AK5" s="243" t="s">
        <v>44</v>
      </c>
      <c r="AL5" s="246" t="s">
        <v>45</v>
      </c>
      <c r="AM5" s="248" t="s">
        <v>83</v>
      </c>
      <c r="AN5" s="243" t="s">
        <v>47</v>
      </c>
      <c r="AO5" s="243" t="s">
        <v>48</v>
      </c>
      <c r="AP5" s="243" t="s">
        <v>49</v>
      </c>
      <c r="AQ5" s="243" t="s">
        <v>50</v>
      </c>
      <c r="AR5" s="243" t="s">
        <v>51</v>
      </c>
      <c r="AS5" s="246" t="s">
        <v>45</v>
      </c>
      <c r="AT5" s="507"/>
      <c r="AU5" s="327" t="s">
        <v>43</v>
      </c>
      <c r="AV5" s="243" t="s">
        <v>44</v>
      </c>
      <c r="AW5" s="246" t="s">
        <v>45</v>
      </c>
      <c r="AX5" s="248" t="s">
        <v>83</v>
      </c>
      <c r="AY5" s="243" t="s">
        <v>47</v>
      </c>
      <c r="AZ5" s="243" t="s">
        <v>48</v>
      </c>
      <c r="BA5" s="243" t="s">
        <v>49</v>
      </c>
      <c r="BB5" s="243" t="s">
        <v>50</v>
      </c>
      <c r="BC5" s="243" t="s">
        <v>51</v>
      </c>
      <c r="BD5" s="249" t="s">
        <v>45</v>
      </c>
      <c r="BE5" s="507"/>
      <c r="BF5" s="327" t="s">
        <v>43</v>
      </c>
      <c r="BG5" s="243" t="s">
        <v>44</v>
      </c>
      <c r="BH5" s="246" t="s">
        <v>45</v>
      </c>
      <c r="BI5" s="248" t="s">
        <v>83</v>
      </c>
      <c r="BJ5" s="243" t="s">
        <v>47</v>
      </c>
      <c r="BK5" s="243" t="s">
        <v>48</v>
      </c>
      <c r="BL5" s="243" t="s">
        <v>49</v>
      </c>
      <c r="BM5" s="243" t="s">
        <v>50</v>
      </c>
      <c r="BN5" s="243" t="s">
        <v>51</v>
      </c>
      <c r="BO5" s="246" t="s">
        <v>45</v>
      </c>
      <c r="BP5" s="507"/>
      <c r="BQ5" s="327" t="s">
        <v>43</v>
      </c>
      <c r="BR5" s="243" t="s">
        <v>44</v>
      </c>
      <c r="BS5" s="246" t="s">
        <v>45</v>
      </c>
      <c r="BT5" s="248" t="s">
        <v>83</v>
      </c>
      <c r="BU5" s="243" t="s">
        <v>47</v>
      </c>
      <c r="BV5" s="243" t="s">
        <v>48</v>
      </c>
      <c r="BW5" s="243" t="s">
        <v>49</v>
      </c>
      <c r="BX5" s="243" t="s">
        <v>50</v>
      </c>
      <c r="BY5" s="243" t="s">
        <v>51</v>
      </c>
      <c r="BZ5" s="246" t="s">
        <v>45</v>
      </c>
      <c r="CA5" s="507"/>
      <c r="CB5" s="327" t="s">
        <v>43</v>
      </c>
      <c r="CC5" s="243" t="s">
        <v>44</v>
      </c>
      <c r="CD5" s="246" t="s">
        <v>45</v>
      </c>
      <c r="CE5" s="248" t="s">
        <v>83</v>
      </c>
      <c r="CF5" s="243" t="s">
        <v>47</v>
      </c>
      <c r="CG5" s="243" t="s">
        <v>48</v>
      </c>
      <c r="CH5" s="243" t="s">
        <v>49</v>
      </c>
      <c r="CI5" s="243" t="s">
        <v>50</v>
      </c>
      <c r="CJ5" s="243" t="s">
        <v>51</v>
      </c>
      <c r="CK5" s="246" t="s">
        <v>45</v>
      </c>
      <c r="CL5" s="507"/>
      <c r="CM5" s="327" t="s">
        <v>43</v>
      </c>
      <c r="CN5" s="243" t="s">
        <v>44</v>
      </c>
      <c r="CO5" s="246" t="s">
        <v>45</v>
      </c>
      <c r="CP5" s="248" t="s">
        <v>83</v>
      </c>
      <c r="CQ5" s="243" t="s">
        <v>47</v>
      </c>
      <c r="CR5" s="243" t="s">
        <v>48</v>
      </c>
      <c r="CS5" s="243" t="s">
        <v>49</v>
      </c>
      <c r="CT5" s="243" t="s">
        <v>50</v>
      </c>
      <c r="CU5" s="243" t="s">
        <v>51</v>
      </c>
      <c r="CV5" s="246" t="s">
        <v>45</v>
      </c>
      <c r="CW5" s="507"/>
      <c r="CX5" s="327" t="s">
        <v>43</v>
      </c>
      <c r="CY5" s="243" t="s">
        <v>44</v>
      </c>
      <c r="CZ5" s="246" t="s">
        <v>45</v>
      </c>
      <c r="DA5" s="248" t="s">
        <v>83</v>
      </c>
      <c r="DB5" s="243" t="s">
        <v>47</v>
      </c>
      <c r="DC5" s="243" t="s">
        <v>48</v>
      </c>
      <c r="DD5" s="243" t="s">
        <v>49</v>
      </c>
      <c r="DE5" s="243" t="s">
        <v>50</v>
      </c>
      <c r="DF5" s="243" t="s">
        <v>51</v>
      </c>
      <c r="DG5" s="246" t="s">
        <v>45</v>
      </c>
      <c r="DH5" s="507"/>
      <c r="DI5" s="327" t="s">
        <v>43</v>
      </c>
      <c r="DJ5" s="243" t="s">
        <v>44</v>
      </c>
      <c r="DK5" s="246" t="s">
        <v>45</v>
      </c>
      <c r="DL5" s="248" t="s">
        <v>83</v>
      </c>
      <c r="DM5" s="243" t="s">
        <v>47</v>
      </c>
      <c r="DN5" s="243" t="s">
        <v>48</v>
      </c>
      <c r="DO5" s="243" t="s">
        <v>49</v>
      </c>
      <c r="DP5" s="243" t="s">
        <v>50</v>
      </c>
      <c r="DQ5" s="243" t="s">
        <v>51</v>
      </c>
      <c r="DR5" s="246" t="s">
        <v>45</v>
      </c>
      <c r="DS5" s="507"/>
      <c r="DT5" s="327" t="s">
        <v>43</v>
      </c>
      <c r="DU5" s="243" t="s">
        <v>44</v>
      </c>
      <c r="DV5" s="246" t="s">
        <v>45</v>
      </c>
      <c r="DW5" s="248" t="s">
        <v>83</v>
      </c>
      <c r="DX5" s="243" t="s">
        <v>47</v>
      </c>
      <c r="DY5" s="243" t="s">
        <v>48</v>
      </c>
      <c r="DZ5" s="243" t="s">
        <v>49</v>
      </c>
      <c r="EA5" s="243" t="s">
        <v>50</v>
      </c>
      <c r="EB5" s="243" t="s">
        <v>51</v>
      </c>
      <c r="EC5" s="246" t="s">
        <v>45</v>
      </c>
      <c r="ED5" s="507"/>
      <c r="EE5" s="327" t="s">
        <v>43</v>
      </c>
      <c r="EF5" s="243" t="s">
        <v>44</v>
      </c>
      <c r="EG5" s="246" t="s">
        <v>45</v>
      </c>
      <c r="EH5" s="248" t="s">
        <v>83</v>
      </c>
      <c r="EI5" s="243" t="s">
        <v>47</v>
      </c>
      <c r="EJ5" s="243" t="s">
        <v>48</v>
      </c>
      <c r="EK5" s="243" t="s">
        <v>49</v>
      </c>
      <c r="EL5" s="243" t="s">
        <v>50</v>
      </c>
      <c r="EM5" s="243" t="s">
        <v>51</v>
      </c>
      <c r="EN5" s="246" t="s">
        <v>45</v>
      </c>
      <c r="EO5" s="507"/>
      <c r="EP5" s="327" t="s">
        <v>43</v>
      </c>
      <c r="EQ5" s="243" t="s">
        <v>44</v>
      </c>
      <c r="ER5" s="246" t="s">
        <v>45</v>
      </c>
      <c r="ES5" s="248" t="s">
        <v>83</v>
      </c>
      <c r="ET5" s="243" t="s">
        <v>47</v>
      </c>
      <c r="EU5" s="243" t="s">
        <v>48</v>
      </c>
      <c r="EV5" s="243" t="s">
        <v>49</v>
      </c>
      <c r="EW5" s="243" t="s">
        <v>50</v>
      </c>
      <c r="EX5" s="243" t="s">
        <v>51</v>
      </c>
      <c r="EY5" s="246" t="s">
        <v>45</v>
      </c>
      <c r="EZ5" s="507"/>
    </row>
    <row r="6" spans="2:156" ht="21" customHeight="1" x14ac:dyDescent="0.2">
      <c r="B6" s="470" t="s">
        <v>4</v>
      </c>
      <c r="C6" s="250">
        <v>0</v>
      </c>
      <c r="D6" s="254">
        <v>0</v>
      </c>
      <c r="E6" s="357">
        <v>0</v>
      </c>
      <c r="F6" s="253">
        <v>0</v>
      </c>
      <c r="G6" s="254">
        <v>1175</v>
      </c>
      <c r="H6" s="254">
        <v>1293</v>
      </c>
      <c r="I6" s="254">
        <v>661</v>
      </c>
      <c r="J6" s="254">
        <v>589</v>
      </c>
      <c r="K6" s="254">
        <v>416</v>
      </c>
      <c r="L6" s="255">
        <v>4134</v>
      </c>
      <c r="M6" s="256">
        <v>4134</v>
      </c>
      <c r="N6" s="250">
        <v>0</v>
      </c>
      <c r="O6" s="254">
        <v>3</v>
      </c>
      <c r="P6" s="251">
        <v>3</v>
      </c>
      <c r="Q6" s="253">
        <v>0</v>
      </c>
      <c r="R6" s="254">
        <v>13</v>
      </c>
      <c r="S6" s="254">
        <v>41</v>
      </c>
      <c r="T6" s="254">
        <v>48</v>
      </c>
      <c r="U6" s="254">
        <v>126</v>
      </c>
      <c r="V6" s="254">
        <v>214</v>
      </c>
      <c r="W6" s="251">
        <v>442</v>
      </c>
      <c r="X6" s="256">
        <v>445</v>
      </c>
      <c r="Y6" s="250">
        <v>222</v>
      </c>
      <c r="Z6" s="254">
        <v>452</v>
      </c>
      <c r="AA6" s="251">
        <v>674</v>
      </c>
      <c r="AB6" s="253">
        <v>0</v>
      </c>
      <c r="AC6" s="254">
        <v>906</v>
      </c>
      <c r="AD6" s="254">
        <v>1248</v>
      </c>
      <c r="AE6" s="254">
        <v>727</v>
      </c>
      <c r="AF6" s="254">
        <v>594</v>
      </c>
      <c r="AG6" s="254">
        <v>391</v>
      </c>
      <c r="AH6" s="251">
        <v>3866</v>
      </c>
      <c r="AI6" s="256">
        <v>4540</v>
      </c>
      <c r="AJ6" s="250">
        <v>20</v>
      </c>
      <c r="AK6" s="254">
        <v>62</v>
      </c>
      <c r="AL6" s="251">
        <v>82</v>
      </c>
      <c r="AM6" s="253">
        <v>0</v>
      </c>
      <c r="AN6" s="254">
        <v>102</v>
      </c>
      <c r="AO6" s="254">
        <v>157</v>
      </c>
      <c r="AP6" s="254">
        <v>89</v>
      </c>
      <c r="AQ6" s="254">
        <v>80</v>
      </c>
      <c r="AR6" s="254">
        <v>41</v>
      </c>
      <c r="AS6" s="251">
        <v>469</v>
      </c>
      <c r="AT6" s="256">
        <v>551</v>
      </c>
      <c r="AU6" s="250">
        <v>295</v>
      </c>
      <c r="AV6" s="254">
        <v>350</v>
      </c>
      <c r="AW6" s="251">
        <v>645</v>
      </c>
      <c r="AX6" s="253">
        <v>0</v>
      </c>
      <c r="AY6" s="254">
        <v>1237</v>
      </c>
      <c r="AZ6" s="254">
        <v>1580</v>
      </c>
      <c r="BA6" s="254">
        <v>1366</v>
      </c>
      <c r="BB6" s="254">
        <v>1430</v>
      </c>
      <c r="BC6" s="254">
        <v>994</v>
      </c>
      <c r="BD6" s="255">
        <v>6607</v>
      </c>
      <c r="BE6" s="256">
        <v>7252</v>
      </c>
      <c r="BF6" s="250">
        <v>0</v>
      </c>
      <c r="BG6" s="254">
        <v>0</v>
      </c>
      <c r="BH6" s="251">
        <v>0</v>
      </c>
      <c r="BI6" s="253">
        <v>0</v>
      </c>
      <c r="BJ6" s="254">
        <v>1377</v>
      </c>
      <c r="BK6" s="254">
        <v>1185</v>
      </c>
      <c r="BL6" s="254">
        <v>580</v>
      </c>
      <c r="BM6" s="254">
        <v>327</v>
      </c>
      <c r="BN6" s="254">
        <v>148</v>
      </c>
      <c r="BO6" s="251">
        <v>3617</v>
      </c>
      <c r="BP6" s="256">
        <v>3617</v>
      </c>
      <c r="BQ6" s="250">
        <v>129</v>
      </c>
      <c r="BR6" s="254">
        <v>179</v>
      </c>
      <c r="BS6" s="251">
        <v>308</v>
      </c>
      <c r="BT6" s="253">
        <v>0</v>
      </c>
      <c r="BU6" s="254">
        <v>336</v>
      </c>
      <c r="BV6" s="254">
        <v>486</v>
      </c>
      <c r="BW6" s="254">
        <v>263</v>
      </c>
      <c r="BX6" s="254">
        <v>186</v>
      </c>
      <c r="BY6" s="254">
        <v>69</v>
      </c>
      <c r="BZ6" s="251">
        <v>1340</v>
      </c>
      <c r="CA6" s="256">
        <v>1648</v>
      </c>
      <c r="CB6" s="250">
        <v>5</v>
      </c>
      <c r="CC6" s="254">
        <v>14</v>
      </c>
      <c r="CD6" s="251">
        <v>19</v>
      </c>
      <c r="CE6" s="253">
        <v>0</v>
      </c>
      <c r="CF6" s="254">
        <v>152</v>
      </c>
      <c r="CG6" s="254">
        <v>240</v>
      </c>
      <c r="CH6" s="254">
        <v>253</v>
      </c>
      <c r="CI6" s="254">
        <v>187</v>
      </c>
      <c r="CJ6" s="254">
        <v>95</v>
      </c>
      <c r="CK6" s="251">
        <v>927</v>
      </c>
      <c r="CL6" s="256">
        <v>946</v>
      </c>
      <c r="CM6" s="250">
        <v>1</v>
      </c>
      <c r="CN6" s="254">
        <v>3</v>
      </c>
      <c r="CO6" s="251">
        <v>4</v>
      </c>
      <c r="CP6" s="253">
        <v>0</v>
      </c>
      <c r="CQ6" s="254">
        <v>27</v>
      </c>
      <c r="CR6" s="254">
        <v>52</v>
      </c>
      <c r="CS6" s="254">
        <v>43</v>
      </c>
      <c r="CT6" s="254">
        <v>37</v>
      </c>
      <c r="CU6" s="254">
        <v>25</v>
      </c>
      <c r="CV6" s="251">
        <v>184</v>
      </c>
      <c r="CW6" s="256">
        <v>188</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03</v>
      </c>
      <c r="DU6" s="254">
        <v>1289</v>
      </c>
      <c r="DV6" s="251">
        <v>1892</v>
      </c>
      <c r="DW6" s="253">
        <v>0</v>
      </c>
      <c r="DX6" s="254">
        <v>1631</v>
      </c>
      <c r="DY6" s="254">
        <v>2773</v>
      </c>
      <c r="DZ6" s="254">
        <v>1565</v>
      </c>
      <c r="EA6" s="254">
        <v>1211</v>
      </c>
      <c r="EB6" s="254">
        <v>731</v>
      </c>
      <c r="EC6" s="251">
        <v>7911</v>
      </c>
      <c r="ED6" s="256">
        <v>9803</v>
      </c>
      <c r="EE6" s="250">
        <v>205</v>
      </c>
      <c r="EF6" s="254">
        <v>160</v>
      </c>
      <c r="EG6" s="251">
        <v>365</v>
      </c>
      <c r="EH6" s="253">
        <v>0</v>
      </c>
      <c r="EI6" s="254">
        <v>613</v>
      </c>
      <c r="EJ6" s="254">
        <v>632</v>
      </c>
      <c r="EK6" s="254">
        <v>586</v>
      </c>
      <c r="EL6" s="254">
        <v>653</v>
      </c>
      <c r="EM6" s="254">
        <v>376</v>
      </c>
      <c r="EN6" s="251">
        <v>2860</v>
      </c>
      <c r="EO6" s="256">
        <v>3225</v>
      </c>
      <c r="EP6" s="250">
        <v>892</v>
      </c>
      <c r="EQ6" s="254">
        <v>1677</v>
      </c>
      <c r="ER6" s="251">
        <v>2569</v>
      </c>
      <c r="ES6" s="253">
        <v>0</v>
      </c>
      <c r="ET6" s="254">
        <v>3787</v>
      </c>
      <c r="EU6" s="254">
        <v>3904</v>
      </c>
      <c r="EV6" s="254">
        <v>1908</v>
      </c>
      <c r="EW6" s="254">
        <v>1338</v>
      </c>
      <c r="EX6" s="254">
        <v>760</v>
      </c>
      <c r="EY6" s="251">
        <v>11697</v>
      </c>
      <c r="EZ6" s="256">
        <v>14266</v>
      </c>
    </row>
    <row r="7" spans="2:156" ht="21" customHeight="1" x14ac:dyDescent="0.2">
      <c r="B7" s="471" t="s">
        <v>5</v>
      </c>
      <c r="C7" s="257">
        <v>0</v>
      </c>
      <c r="D7" s="261">
        <v>0</v>
      </c>
      <c r="E7" s="358">
        <v>0</v>
      </c>
      <c r="F7" s="260">
        <v>0</v>
      </c>
      <c r="G7" s="261">
        <v>462</v>
      </c>
      <c r="H7" s="261">
        <v>685</v>
      </c>
      <c r="I7" s="261">
        <v>300</v>
      </c>
      <c r="J7" s="261">
        <v>254</v>
      </c>
      <c r="K7" s="261">
        <v>176</v>
      </c>
      <c r="L7" s="262">
        <v>1877</v>
      </c>
      <c r="M7" s="263">
        <v>1877</v>
      </c>
      <c r="N7" s="257">
        <v>0</v>
      </c>
      <c r="O7" s="261">
        <v>3</v>
      </c>
      <c r="P7" s="258">
        <v>3</v>
      </c>
      <c r="Q7" s="260">
        <v>0</v>
      </c>
      <c r="R7" s="261">
        <v>4</v>
      </c>
      <c r="S7" s="261">
        <v>14</v>
      </c>
      <c r="T7" s="261">
        <v>22</v>
      </c>
      <c r="U7" s="261">
        <v>46</v>
      </c>
      <c r="V7" s="261">
        <v>103</v>
      </c>
      <c r="W7" s="258">
        <v>189</v>
      </c>
      <c r="X7" s="263">
        <v>192</v>
      </c>
      <c r="Y7" s="257">
        <v>113</v>
      </c>
      <c r="Z7" s="261">
        <v>227</v>
      </c>
      <c r="AA7" s="258">
        <v>340</v>
      </c>
      <c r="AB7" s="260">
        <v>0</v>
      </c>
      <c r="AC7" s="261">
        <v>323</v>
      </c>
      <c r="AD7" s="261">
        <v>668</v>
      </c>
      <c r="AE7" s="261">
        <v>354</v>
      </c>
      <c r="AF7" s="261">
        <v>270</v>
      </c>
      <c r="AG7" s="261">
        <v>170</v>
      </c>
      <c r="AH7" s="258">
        <v>1785</v>
      </c>
      <c r="AI7" s="263">
        <v>2125</v>
      </c>
      <c r="AJ7" s="257">
        <v>9</v>
      </c>
      <c r="AK7" s="261">
        <v>33</v>
      </c>
      <c r="AL7" s="258">
        <v>42</v>
      </c>
      <c r="AM7" s="260">
        <v>0</v>
      </c>
      <c r="AN7" s="261">
        <v>36</v>
      </c>
      <c r="AO7" s="261">
        <v>76</v>
      </c>
      <c r="AP7" s="261">
        <v>33</v>
      </c>
      <c r="AQ7" s="261">
        <v>38</v>
      </c>
      <c r="AR7" s="261">
        <v>12</v>
      </c>
      <c r="AS7" s="258">
        <v>195</v>
      </c>
      <c r="AT7" s="263">
        <v>237</v>
      </c>
      <c r="AU7" s="257">
        <v>132</v>
      </c>
      <c r="AV7" s="261">
        <v>177</v>
      </c>
      <c r="AW7" s="258">
        <v>309</v>
      </c>
      <c r="AX7" s="260">
        <v>0</v>
      </c>
      <c r="AY7" s="261">
        <v>492</v>
      </c>
      <c r="AZ7" s="261">
        <v>756</v>
      </c>
      <c r="BA7" s="261">
        <v>613</v>
      </c>
      <c r="BB7" s="261">
        <v>640</v>
      </c>
      <c r="BC7" s="261">
        <v>423</v>
      </c>
      <c r="BD7" s="262">
        <v>2924</v>
      </c>
      <c r="BE7" s="263">
        <v>3233</v>
      </c>
      <c r="BF7" s="257">
        <v>0</v>
      </c>
      <c r="BG7" s="261">
        <v>0</v>
      </c>
      <c r="BH7" s="258">
        <v>0</v>
      </c>
      <c r="BI7" s="260">
        <v>0</v>
      </c>
      <c r="BJ7" s="261">
        <v>453</v>
      </c>
      <c r="BK7" s="261">
        <v>530</v>
      </c>
      <c r="BL7" s="261">
        <v>229</v>
      </c>
      <c r="BM7" s="261">
        <v>117</v>
      </c>
      <c r="BN7" s="261">
        <v>60</v>
      </c>
      <c r="BO7" s="258">
        <v>1389</v>
      </c>
      <c r="BP7" s="263">
        <v>1389</v>
      </c>
      <c r="BQ7" s="257">
        <v>61</v>
      </c>
      <c r="BR7" s="261">
        <v>100</v>
      </c>
      <c r="BS7" s="258">
        <v>161</v>
      </c>
      <c r="BT7" s="260">
        <v>0</v>
      </c>
      <c r="BU7" s="261">
        <v>114</v>
      </c>
      <c r="BV7" s="261">
        <v>235</v>
      </c>
      <c r="BW7" s="261">
        <v>117</v>
      </c>
      <c r="BX7" s="261">
        <v>78</v>
      </c>
      <c r="BY7" s="261">
        <v>29</v>
      </c>
      <c r="BZ7" s="258">
        <v>573</v>
      </c>
      <c r="CA7" s="263">
        <v>734</v>
      </c>
      <c r="CB7" s="257">
        <v>2</v>
      </c>
      <c r="CC7" s="261">
        <v>6</v>
      </c>
      <c r="CD7" s="258">
        <v>8</v>
      </c>
      <c r="CE7" s="260">
        <v>0</v>
      </c>
      <c r="CF7" s="261">
        <v>47</v>
      </c>
      <c r="CG7" s="261">
        <v>92</v>
      </c>
      <c r="CH7" s="261">
        <v>92</v>
      </c>
      <c r="CI7" s="261">
        <v>62</v>
      </c>
      <c r="CJ7" s="261">
        <v>35</v>
      </c>
      <c r="CK7" s="258">
        <v>328</v>
      </c>
      <c r="CL7" s="263">
        <v>336</v>
      </c>
      <c r="CM7" s="257">
        <v>1</v>
      </c>
      <c r="CN7" s="261">
        <v>3</v>
      </c>
      <c r="CO7" s="258">
        <v>4</v>
      </c>
      <c r="CP7" s="260">
        <v>0</v>
      </c>
      <c r="CQ7" s="261">
        <v>12</v>
      </c>
      <c r="CR7" s="261">
        <v>35</v>
      </c>
      <c r="CS7" s="261">
        <v>20</v>
      </c>
      <c r="CT7" s="261">
        <v>22</v>
      </c>
      <c r="CU7" s="261">
        <v>12</v>
      </c>
      <c r="CV7" s="258">
        <v>101</v>
      </c>
      <c r="CW7" s="263">
        <v>105</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28</v>
      </c>
      <c r="DU7" s="261">
        <v>586</v>
      </c>
      <c r="DV7" s="258">
        <v>814</v>
      </c>
      <c r="DW7" s="260">
        <v>0</v>
      </c>
      <c r="DX7" s="261">
        <v>500</v>
      </c>
      <c r="DY7" s="261">
        <v>1302</v>
      </c>
      <c r="DZ7" s="261">
        <v>667</v>
      </c>
      <c r="EA7" s="261">
        <v>519</v>
      </c>
      <c r="EB7" s="261">
        <v>314</v>
      </c>
      <c r="EC7" s="258">
        <v>3302</v>
      </c>
      <c r="ED7" s="263">
        <v>4116</v>
      </c>
      <c r="EE7" s="257">
        <v>90</v>
      </c>
      <c r="EF7" s="261">
        <v>81</v>
      </c>
      <c r="EG7" s="258">
        <v>171</v>
      </c>
      <c r="EH7" s="260">
        <v>0</v>
      </c>
      <c r="EI7" s="261">
        <v>256</v>
      </c>
      <c r="EJ7" s="261">
        <v>321</v>
      </c>
      <c r="EK7" s="261">
        <v>275</v>
      </c>
      <c r="EL7" s="261">
        <v>296</v>
      </c>
      <c r="EM7" s="261">
        <v>161</v>
      </c>
      <c r="EN7" s="258">
        <v>1309</v>
      </c>
      <c r="EO7" s="263">
        <v>1480</v>
      </c>
      <c r="EP7" s="257">
        <v>367</v>
      </c>
      <c r="EQ7" s="261">
        <v>802</v>
      </c>
      <c r="ER7" s="258">
        <v>1169</v>
      </c>
      <c r="ES7" s="260">
        <v>0</v>
      </c>
      <c r="ET7" s="261">
        <v>1330</v>
      </c>
      <c r="EU7" s="261">
        <v>1896</v>
      </c>
      <c r="EV7" s="261">
        <v>841</v>
      </c>
      <c r="EW7" s="261">
        <v>580</v>
      </c>
      <c r="EX7" s="261">
        <v>334</v>
      </c>
      <c r="EY7" s="258">
        <v>4981</v>
      </c>
      <c r="EZ7" s="263">
        <v>6150</v>
      </c>
    </row>
    <row r="8" spans="2:156" ht="21" customHeight="1" x14ac:dyDescent="0.2">
      <c r="B8" s="472" t="s">
        <v>6</v>
      </c>
      <c r="C8" s="257">
        <v>0</v>
      </c>
      <c r="D8" s="261">
        <v>0</v>
      </c>
      <c r="E8" s="358">
        <v>0</v>
      </c>
      <c r="F8" s="260">
        <v>0</v>
      </c>
      <c r="G8" s="261">
        <v>222</v>
      </c>
      <c r="H8" s="261">
        <v>183</v>
      </c>
      <c r="I8" s="261">
        <v>100</v>
      </c>
      <c r="J8" s="261">
        <v>98</v>
      </c>
      <c r="K8" s="261">
        <v>75</v>
      </c>
      <c r="L8" s="262">
        <v>678</v>
      </c>
      <c r="M8" s="263">
        <v>678</v>
      </c>
      <c r="N8" s="257">
        <v>0</v>
      </c>
      <c r="O8" s="261">
        <v>0</v>
      </c>
      <c r="P8" s="258">
        <v>0</v>
      </c>
      <c r="Q8" s="260">
        <v>0</v>
      </c>
      <c r="R8" s="261">
        <v>3</v>
      </c>
      <c r="S8" s="261">
        <v>10</v>
      </c>
      <c r="T8" s="261">
        <v>13</v>
      </c>
      <c r="U8" s="261">
        <v>20</v>
      </c>
      <c r="V8" s="261">
        <v>28</v>
      </c>
      <c r="W8" s="258">
        <v>74</v>
      </c>
      <c r="X8" s="263">
        <v>74</v>
      </c>
      <c r="Y8" s="257">
        <v>37</v>
      </c>
      <c r="Z8" s="261">
        <v>81</v>
      </c>
      <c r="AA8" s="258">
        <v>118</v>
      </c>
      <c r="AB8" s="260">
        <v>0</v>
      </c>
      <c r="AC8" s="261">
        <v>213</v>
      </c>
      <c r="AD8" s="261">
        <v>189</v>
      </c>
      <c r="AE8" s="261">
        <v>136</v>
      </c>
      <c r="AF8" s="261">
        <v>97</v>
      </c>
      <c r="AG8" s="261">
        <v>61</v>
      </c>
      <c r="AH8" s="258">
        <v>696</v>
      </c>
      <c r="AI8" s="263">
        <v>814</v>
      </c>
      <c r="AJ8" s="257">
        <v>4</v>
      </c>
      <c r="AK8" s="261">
        <v>4</v>
      </c>
      <c r="AL8" s="258">
        <v>8</v>
      </c>
      <c r="AM8" s="260">
        <v>0</v>
      </c>
      <c r="AN8" s="261">
        <v>17</v>
      </c>
      <c r="AO8" s="261">
        <v>18</v>
      </c>
      <c r="AP8" s="261">
        <v>20</v>
      </c>
      <c r="AQ8" s="261">
        <v>11</v>
      </c>
      <c r="AR8" s="261">
        <v>7</v>
      </c>
      <c r="AS8" s="258">
        <v>73</v>
      </c>
      <c r="AT8" s="263">
        <v>81</v>
      </c>
      <c r="AU8" s="257">
        <v>49</v>
      </c>
      <c r="AV8" s="261">
        <v>54</v>
      </c>
      <c r="AW8" s="258">
        <v>103</v>
      </c>
      <c r="AX8" s="260">
        <v>0</v>
      </c>
      <c r="AY8" s="261">
        <v>256</v>
      </c>
      <c r="AZ8" s="261">
        <v>280</v>
      </c>
      <c r="BA8" s="261">
        <v>239</v>
      </c>
      <c r="BB8" s="261">
        <v>266</v>
      </c>
      <c r="BC8" s="261">
        <v>184</v>
      </c>
      <c r="BD8" s="262">
        <v>1225</v>
      </c>
      <c r="BE8" s="263">
        <v>1328</v>
      </c>
      <c r="BF8" s="257">
        <v>0</v>
      </c>
      <c r="BG8" s="261">
        <v>0</v>
      </c>
      <c r="BH8" s="258">
        <v>0</v>
      </c>
      <c r="BI8" s="260">
        <v>0</v>
      </c>
      <c r="BJ8" s="261">
        <v>263</v>
      </c>
      <c r="BK8" s="261">
        <v>170</v>
      </c>
      <c r="BL8" s="261">
        <v>86</v>
      </c>
      <c r="BM8" s="261">
        <v>52</v>
      </c>
      <c r="BN8" s="261">
        <v>26</v>
      </c>
      <c r="BO8" s="258">
        <v>597</v>
      </c>
      <c r="BP8" s="263">
        <v>597</v>
      </c>
      <c r="BQ8" s="257">
        <v>13</v>
      </c>
      <c r="BR8" s="261">
        <v>17</v>
      </c>
      <c r="BS8" s="258">
        <v>30</v>
      </c>
      <c r="BT8" s="260">
        <v>0</v>
      </c>
      <c r="BU8" s="261">
        <v>62</v>
      </c>
      <c r="BV8" s="261">
        <v>61</v>
      </c>
      <c r="BW8" s="261">
        <v>36</v>
      </c>
      <c r="BX8" s="261">
        <v>32</v>
      </c>
      <c r="BY8" s="261">
        <v>10</v>
      </c>
      <c r="BZ8" s="258">
        <v>201</v>
      </c>
      <c r="CA8" s="263">
        <v>231</v>
      </c>
      <c r="CB8" s="257">
        <v>1</v>
      </c>
      <c r="CC8" s="261">
        <v>1</v>
      </c>
      <c r="CD8" s="258">
        <v>2</v>
      </c>
      <c r="CE8" s="260">
        <v>0</v>
      </c>
      <c r="CF8" s="261">
        <v>20</v>
      </c>
      <c r="CG8" s="261">
        <v>27</v>
      </c>
      <c r="CH8" s="261">
        <v>43</v>
      </c>
      <c r="CI8" s="261">
        <v>22</v>
      </c>
      <c r="CJ8" s="261">
        <v>13</v>
      </c>
      <c r="CK8" s="258">
        <v>125</v>
      </c>
      <c r="CL8" s="263">
        <v>127</v>
      </c>
      <c r="CM8" s="257">
        <v>0</v>
      </c>
      <c r="CN8" s="261">
        <v>0</v>
      </c>
      <c r="CO8" s="258">
        <v>0</v>
      </c>
      <c r="CP8" s="260">
        <v>0</v>
      </c>
      <c r="CQ8" s="261">
        <v>8</v>
      </c>
      <c r="CR8" s="261">
        <v>4</v>
      </c>
      <c r="CS8" s="261">
        <v>11</v>
      </c>
      <c r="CT8" s="261">
        <v>8</v>
      </c>
      <c r="CU8" s="261">
        <v>7</v>
      </c>
      <c r="CV8" s="258">
        <v>38</v>
      </c>
      <c r="CW8" s="263">
        <v>38</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17</v>
      </c>
      <c r="DU8" s="261">
        <v>187</v>
      </c>
      <c r="DV8" s="258">
        <v>304</v>
      </c>
      <c r="DW8" s="260">
        <v>0</v>
      </c>
      <c r="DX8" s="261">
        <v>335</v>
      </c>
      <c r="DY8" s="261">
        <v>424</v>
      </c>
      <c r="DZ8" s="261">
        <v>262</v>
      </c>
      <c r="EA8" s="261">
        <v>201</v>
      </c>
      <c r="EB8" s="261">
        <v>119</v>
      </c>
      <c r="EC8" s="258">
        <v>1341</v>
      </c>
      <c r="ED8" s="263">
        <v>1645</v>
      </c>
      <c r="EE8" s="257">
        <v>34</v>
      </c>
      <c r="EF8" s="261">
        <v>18</v>
      </c>
      <c r="EG8" s="258">
        <v>52</v>
      </c>
      <c r="EH8" s="260">
        <v>0</v>
      </c>
      <c r="EI8" s="261">
        <v>119</v>
      </c>
      <c r="EJ8" s="261">
        <v>99</v>
      </c>
      <c r="EK8" s="261">
        <v>90</v>
      </c>
      <c r="EL8" s="261">
        <v>122</v>
      </c>
      <c r="EM8" s="261">
        <v>69</v>
      </c>
      <c r="EN8" s="258">
        <v>499</v>
      </c>
      <c r="EO8" s="263">
        <v>551</v>
      </c>
      <c r="EP8" s="257">
        <v>155</v>
      </c>
      <c r="EQ8" s="261">
        <v>245</v>
      </c>
      <c r="ER8" s="258">
        <v>400</v>
      </c>
      <c r="ES8" s="260">
        <v>0</v>
      </c>
      <c r="ET8" s="261">
        <v>740</v>
      </c>
      <c r="EU8" s="261">
        <v>570</v>
      </c>
      <c r="EV8" s="261">
        <v>316</v>
      </c>
      <c r="EW8" s="261">
        <v>214</v>
      </c>
      <c r="EX8" s="261">
        <v>125</v>
      </c>
      <c r="EY8" s="258">
        <v>1965</v>
      </c>
      <c r="EZ8" s="263">
        <v>2365</v>
      </c>
    </row>
    <row r="9" spans="2:156" ht="21" customHeight="1" x14ac:dyDescent="0.2">
      <c r="B9" s="472" t="s">
        <v>14</v>
      </c>
      <c r="C9" s="257">
        <v>0</v>
      </c>
      <c r="D9" s="261">
        <v>0</v>
      </c>
      <c r="E9" s="358">
        <v>0</v>
      </c>
      <c r="F9" s="260">
        <v>0</v>
      </c>
      <c r="G9" s="261">
        <v>53</v>
      </c>
      <c r="H9" s="261">
        <v>71</v>
      </c>
      <c r="I9" s="261">
        <v>38</v>
      </c>
      <c r="J9" s="261">
        <v>41</v>
      </c>
      <c r="K9" s="261">
        <v>32</v>
      </c>
      <c r="L9" s="262">
        <v>235</v>
      </c>
      <c r="M9" s="263">
        <v>235</v>
      </c>
      <c r="N9" s="257">
        <v>0</v>
      </c>
      <c r="O9" s="261">
        <v>0</v>
      </c>
      <c r="P9" s="258">
        <v>0</v>
      </c>
      <c r="Q9" s="260">
        <v>0</v>
      </c>
      <c r="R9" s="261">
        <v>0</v>
      </c>
      <c r="S9" s="261">
        <v>4</v>
      </c>
      <c r="T9" s="261">
        <v>1</v>
      </c>
      <c r="U9" s="261">
        <v>14</v>
      </c>
      <c r="V9" s="261">
        <v>14</v>
      </c>
      <c r="W9" s="258">
        <v>33</v>
      </c>
      <c r="X9" s="263">
        <v>33</v>
      </c>
      <c r="Y9" s="257">
        <v>3</v>
      </c>
      <c r="Z9" s="261">
        <v>21</v>
      </c>
      <c r="AA9" s="258">
        <v>24</v>
      </c>
      <c r="AB9" s="260">
        <v>0</v>
      </c>
      <c r="AC9" s="261">
        <v>32</v>
      </c>
      <c r="AD9" s="261">
        <v>71</v>
      </c>
      <c r="AE9" s="261">
        <v>35</v>
      </c>
      <c r="AF9" s="261">
        <v>42</v>
      </c>
      <c r="AG9" s="261">
        <v>34</v>
      </c>
      <c r="AH9" s="258">
        <v>214</v>
      </c>
      <c r="AI9" s="263">
        <v>238</v>
      </c>
      <c r="AJ9" s="257">
        <v>0</v>
      </c>
      <c r="AK9" s="261">
        <v>4</v>
      </c>
      <c r="AL9" s="258">
        <v>4</v>
      </c>
      <c r="AM9" s="260">
        <v>0</v>
      </c>
      <c r="AN9" s="261">
        <v>4</v>
      </c>
      <c r="AO9" s="261">
        <v>4</v>
      </c>
      <c r="AP9" s="261">
        <v>4</v>
      </c>
      <c r="AQ9" s="261">
        <v>0</v>
      </c>
      <c r="AR9" s="261">
        <v>1</v>
      </c>
      <c r="AS9" s="258">
        <v>13</v>
      </c>
      <c r="AT9" s="263">
        <v>17</v>
      </c>
      <c r="AU9" s="257">
        <v>11</v>
      </c>
      <c r="AV9" s="261">
        <v>20</v>
      </c>
      <c r="AW9" s="258">
        <v>31</v>
      </c>
      <c r="AX9" s="260">
        <v>0</v>
      </c>
      <c r="AY9" s="261">
        <v>70</v>
      </c>
      <c r="AZ9" s="261">
        <v>94</v>
      </c>
      <c r="BA9" s="261">
        <v>78</v>
      </c>
      <c r="BB9" s="261">
        <v>85</v>
      </c>
      <c r="BC9" s="261">
        <v>61</v>
      </c>
      <c r="BD9" s="262">
        <v>388</v>
      </c>
      <c r="BE9" s="263">
        <v>419</v>
      </c>
      <c r="BF9" s="257">
        <v>0</v>
      </c>
      <c r="BG9" s="261">
        <v>0</v>
      </c>
      <c r="BH9" s="258">
        <v>0</v>
      </c>
      <c r="BI9" s="260">
        <v>0</v>
      </c>
      <c r="BJ9" s="261">
        <v>98</v>
      </c>
      <c r="BK9" s="261">
        <v>90</v>
      </c>
      <c r="BL9" s="261">
        <v>61</v>
      </c>
      <c r="BM9" s="261">
        <v>17</v>
      </c>
      <c r="BN9" s="261">
        <v>12</v>
      </c>
      <c r="BO9" s="258">
        <v>278</v>
      </c>
      <c r="BP9" s="263">
        <v>278</v>
      </c>
      <c r="BQ9" s="257">
        <v>6</v>
      </c>
      <c r="BR9" s="261">
        <v>7</v>
      </c>
      <c r="BS9" s="258">
        <v>13</v>
      </c>
      <c r="BT9" s="260">
        <v>0</v>
      </c>
      <c r="BU9" s="261">
        <v>9</v>
      </c>
      <c r="BV9" s="261">
        <v>23</v>
      </c>
      <c r="BW9" s="261">
        <v>11</v>
      </c>
      <c r="BX9" s="261">
        <v>9</v>
      </c>
      <c r="BY9" s="261">
        <v>2</v>
      </c>
      <c r="BZ9" s="258">
        <v>54</v>
      </c>
      <c r="CA9" s="263">
        <v>67</v>
      </c>
      <c r="CB9" s="257">
        <v>1</v>
      </c>
      <c r="CC9" s="261">
        <v>0</v>
      </c>
      <c r="CD9" s="258">
        <v>1</v>
      </c>
      <c r="CE9" s="260">
        <v>0</v>
      </c>
      <c r="CF9" s="261">
        <v>13</v>
      </c>
      <c r="CG9" s="261">
        <v>24</v>
      </c>
      <c r="CH9" s="261">
        <v>14</v>
      </c>
      <c r="CI9" s="261">
        <v>16</v>
      </c>
      <c r="CJ9" s="261">
        <v>10</v>
      </c>
      <c r="CK9" s="258">
        <v>77</v>
      </c>
      <c r="CL9" s="263">
        <v>78</v>
      </c>
      <c r="CM9" s="257">
        <v>0</v>
      </c>
      <c r="CN9" s="261">
        <v>0</v>
      </c>
      <c r="CO9" s="258">
        <v>0</v>
      </c>
      <c r="CP9" s="260">
        <v>0</v>
      </c>
      <c r="CQ9" s="261">
        <v>0</v>
      </c>
      <c r="CR9" s="261">
        <v>1</v>
      </c>
      <c r="CS9" s="261">
        <v>0</v>
      </c>
      <c r="CT9" s="261">
        <v>0</v>
      </c>
      <c r="CU9" s="261">
        <v>0</v>
      </c>
      <c r="CV9" s="258">
        <v>1</v>
      </c>
      <c r="CW9" s="263">
        <v>1</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29</v>
      </c>
      <c r="DU9" s="261">
        <v>79</v>
      </c>
      <c r="DV9" s="258">
        <v>108</v>
      </c>
      <c r="DW9" s="260">
        <v>0</v>
      </c>
      <c r="DX9" s="261">
        <v>83</v>
      </c>
      <c r="DY9" s="261">
        <v>200</v>
      </c>
      <c r="DZ9" s="261">
        <v>111</v>
      </c>
      <c r="EA9" s="261">
        <v>70</v>
      </c>
      <c r="EB9" s="261">
        <v>55</v>
      </c>
      <c r="EC9" s="258">
        <v>519</v>
      </c>
      <c r="ED9" s="263">
        <v>627</v>
      </c>
      <c r="EE9" s="257">
        <v>7</v>
      </c>
      <c r="EF9" s="261">
        <v>9</v>
      </c>
      <c r="EG9" s="258">
        <v>16</v>
      </c>
      <c r="EH9" s="260">
        <v>0</v>
      </c>
      <c r="EI9" s="261">
        <v>35</v>
      </c>
      <c r="EJ9" s="261">
        <v>33</v>
      </c>
      <c r="EK9" s="261">
        <v>32</v>
      </c>
      <c r="EL9" s="261">
        <v>33</v>
      </c>
      <c r="EM9" s="261">
        <v>16</v>
      </c>
      <c r="EN9" s="258">
        <v>149</v>
      </c>
      <c r="EO9" s="263">
        <v>165</v>
      </c>
      <c r="EP9" s="257">
        <v>37</v>
      </c>
      <c r="EQ9" s="261">
        <v>96</v>
      </c>
      <c r="ER9" s="258">
        <v>133</v>
      </c>
      <c r="ES9" s="260">
        <v>0</v>
      </c>
      <c r="ET9" s="261">
        <v>188</v>
      </c>
      <c r="EU9" s="261">
        <v>278</v>
      </c>
      <c r="EV9" s="261">
        <v>130</v>
      </c>
      <c r="EW9" s="261">
        <v>82</v>
      </c>
      <c r="EX9" s="261">
        <v>51</v>
      </c>
      <c r="EY9" s="258">
        <v>729</v>
      </c>
      <c r="EZ9" s="263">
        <v>862</v>
      </c>
    </row>
    <row r="10" spans="2:156" ht="21" customHeight="1" x14ac:dyDescent="0.2">
      <c r="B10" s="472" t="s">
        <v>7</v>
      </c>
      <c r="C10" s="257">
        <v>0</v>
      </c>
      <c r="D10" s="261">
        <v>0</v>
      </c>
      <c r="E10" s="358">
        <v>0</v>
      </c>
      <c r="F10" s="260">
        <v>0</v>
      </c>
      <c r="G10" s="261">
        <v>50</v>
      </c>
      <c r="H10" s="261">
        <v>38</v>
      </c>
      <c r="I10" s="261">
        <v>14</v>
      </c>
      <c r="J10" s="261">
        <v>27</v>
      </c>
      <c r="K10" s="261">
        <v>11</v>
      </c>
      <c r="L10" s="262">
        <v>140</v>
      </c>
      <c r="M10" s="263">
        <v>140</v>
      </c>
      <c r="N10" s="257">
        <v>0</v>
      </c>
      <c r="O10" s="261">
        <v>0</v>
      </c>
      <c r="P10" s="258">
        <v>0</v>
      </c>
      <c r="Q10" s="260">
        <v>0</v>
      </c>
      <c r="R10" s="261">
        <v>1</v>
      </c>
      <c r="S10" s="261">
        <v>2</v>
      </c>
      <c r="T10" s="261">
        <v>1</v>
      </c>
      <c r="U10" s="261">
        <v>7</v>
      </c>
      <c r="V10" s="261">
        <v>7</v>
      </c>
      <c r="W10" s="258">
        <v>18</v>
      </c>
      <c r="X10" s="263">
        <v>18</v>
      </c>
      <c r="Y10" s="257">
        <v>0</v>
      </c>
      <c r="Z10" s="261">
        <v>2</v>
      </c>
      <c r="AA10" s="258">
        <v>2</v>
      </c>
      <c r="AB10" s="260">
        <v>0</v>
      </c>
      <c r="AC10" s="261">
        <v>20</v>
      </c>
      <c r="AD10" s="261">
        <v>23</v>
      </c>
      <c r="AE10" s="261">
        <v>12</v>
      </c>
      <c r="AF10" s="261">
        <v>16</v>
      </c>
      <c r="AG10" s="261">
        <v>8</v>
      </c>
      <c r="AH10" s="258">
        <v>79</v>
      </c>
      <c r="AI10" s="263">
        <v>81</v>
      </c>
      <c r="AJ10" s="257">
        <v>1</v>
      </c>
      <c r="AK10" s="261">
        <v>0</v>
      </c>
      <c r="AL10" s="258">
        <v>1</v>
      </c>
      <c r="AM10" s="260">
        <v>0</v>
      </c>
      <c r="AN10" s="261">
        <v>4</v>
      </c>
      <c r="AO10" s="261">
        <v>7</v>
      </c>
      <c r="AP10" s="261">
        <v>1</v>
      </c>
      <c r="AQ10" s="261">
        <v>4</v>
      </c>
      <c r="AR10" s="261">
        <v>0</v>
      </c>
      <c r="AS10" s="258">
        <v>16</v>
      </c>
      <c r="AT10" s="263">
        <v>17</v>
      </c>
      <c r="AU10" s="257">
        <v>15</v>
      </c>
      <c r="AV10" s="261">
        <v>8</v>
      </c>
      <c r="AW10" s="258">
        <v>23</v>
      </c>
      <c r="AX10" s="260">
        <v>0</v>
      </c>
      <c r="AY10" s="261">
        <v>66</v>
      </c>
      <c r="AZ10" s="261">
        <v>51</v>
      </c>
      <c r="BA10" s="261">
        <v>43</v>
      </c>
      <c r="BB10" s="261">
        <v>47</v>
      </c>
      <c r="BC10" s="261">
        <v>30</v>
      </c>
      <c r="BD10" s="262">
        <v>237</v>
      </c>
      <c r="BE10" s="263">
        <v>260</v>
      </c>
      <c r="BF10" s="257">
        <v>0</v>
      </c>
      <c r="BG10" s="261">
        <v>0</v>
      </c>
      <c r="BH10" s="258">
        <v>0</v>
      </c>
      <c r="BI10" s="260">
        <v>0</v>
      </c>
      <c r="BJ10" s="261">
        <v>68</v>
      </c>
      <c r="BK10" s="261">
        <v>33</v>
      </c>
      <c r="BL10" s="261">
        <v>18</v>
      </c>
      <c r="BM10" s="261">
        <v>13</v>
      </c>
      <c r="BN10" s="261">
        <v>7</v>
      </c>
      <c r="BO10" s="258">
        <v>139</v>
      </c>
      <c r="BP10" s="263">
        <v>139</v>
      </c>
      <c r="BQ10" s="257">
        <v>3</v>
      </c>
      <c r="BR10" s="261">
        <v>4</v>
      </c>
      <c r="BS10" s="258">
        <v>7</v>
      </c>
      <c r="BT10" s="260">
        <v>0</v>
      </c>
      <c r="BU10" s="261">
        <v>15</v>
      </c>
      <c r="BV10" s="261">
        <v>8</v>
      </c>
      <c r="BW10" s="261">
        <v>9</v>
      </c>
      <c r="BX10" s="261">
        <v>8</v>
      </c>
      <c r="BY10" s="261">
        <v>2</v>
      </c>
      <c r="BZ10" s="258">
        <v>42</v>
      </c>
      <c r="CA10" s="263">
        <v>49</v>
      </c>
      <c r="CB10" s="257">
        <v>0</v>
      </c>
      <c r="CC10" s="261">
        <v>0</v>
      </c>
      <c r="CD10" s="258">
        <v>0</v>
      </c>
      <c r="CE10" s="260">
        <v>0</v>
      </c>
      <c r="CF10" s="261">
        <v>9</v>
      </c>
      <c r="CG10" s="261">
        <v>11</v>
      </c>
      <c r="CH10" s="261">
        <v>13</v>
      </c>
      <c r="CI10" s="261">
        <v>10</v>
      </c>
      <c r="CJ10" s="261">
        <v>5</v>
      </c>
      <c r="CK10" s="258">
        <v>48</v>
      </c>
      <c r="CL10" s="263">
        <v>48</v>
      </c>
      <c r="CM10" s="257">
        <v>0</v>
      </c>
      <c r="CN10" s="261">
        <v>0</v>
      </c>
      <c r="CO10" s="258">
        <v>0</v>
      </c>
      <c r="CP10" s="260">
        <v>0</v>
      </c>
      <c r="CQ10" s="261">
        <v>0</v>
      </c>
      <c r="CR10" s="261">
        <v>1</v>
      </c>
      <c r="CS10" s="261">
        <v>0</v>
      </c>
      <c r="CT10" s="261">
        <v>0</v>
      </c>
      <c r="CU10" s="261">
        <v>0</v>
      </c>
      <c r="CV10" s="258">
        <v>1</v>
      </c>
      <c r="CW10" s="263">
        <v>1</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11</v>
      </c>
      <c r="DU10" s="261">
        <v>26</v>
      </c>
      <c r="DV10" s="258">
        <v>37</v>
      </c>
      <c r="DW10" s="260">
        <v>0</v>
      </c>
      <c r="DX10" s="261">
        <v>77</v>
      </c>
      <c r="DY10" s="261">
        <v>89</v>
      </c>
      <c r="DZ10" s="261">
        <v>40</v>
      </c>
      <c r="EA10" s="261">
        <v>46</v>
      </c>
      <c r="EB10" s="261">
        <v>20</v>
      </c>
      <c r="EC10" s="258">
        <v>272</v>
      </c>
      <c r="ED10" s="263">
        <v>309</v>
      </c>
      <c r="EE10" s="257">
        <v>13</v>
      </c>
      <c r="EF10" s="261">
        <v>4</v>
      </c>
      <c r="EG10" s="258">
        <v>17</v>
      </c>
      <c r="EH10" s="260">
        <v>0</v>
      </c>
      <c r="EI10" s="261">
        <v>35</v>
      </c>
      <c r="EJ10" s="261">
        <v>20</v>
      </c>
      <c r="EK10" s="261">
        <v>20</v>
      </c>
      <c r="EL10" s="261">
        <v>16</v>
      </c>
      <c r="EM10" s="261">
        <v>12</v>
      </c>
      <c r="EN10" s="258">
        <v>103</v>
      </c>
      <c r="EO10" s="263">
        <v>120</v>
      </c>
      <c r="EP10" s="257">
        <v>16</v>
      </c>
      <c r="EQ10" s="261">
        <v>29</v>
      </c>
      <c r="ER10" s="258">
        <v>45</v>
      </c>
      <c r="ES10" s="260">
        <v>0</v>
      </c>
      <c r="ET10" s="261">
        <v>173</v>
      </c>
      <c r="EU10" s="261">
        <v>120</v>
      </c>
      <c r="EV10" s="261">
        <v>46</v>
      </c>
      <c r="EW10" s="261">
        <v>52</v>
      </c>
      <c r="EX10" s="261">
        <v>23</v>
      </c>
      <c r="EY10" s="258">
        <v>414</v>
      </c>
      <c r="EZ10" s="263">
        <v>459</v>
      </c>
    </row>
    <row r="11" spans="2:156" ht="21" customHeight="1" x14ac:dyDescent="0.2">
      <c r="B11" s="472" t="s">
        <v>8</v>
      </c>
      <c r="C11" s="257">
        <v>0</v>
      </c>
      <c r="D11" s="261">
        <v>0</v>
      </c>
      <c r="E11" s="358">
        <v>0</v>
      </c>
      <c r="F11" s="260">
        <v>0</v>
      </c>
      <c r="G11" s="261">
        <v>22</v>
      </c>
      <c r="H11" s="261">
        <v>21</v>
      </c>
      <c r="I11" s="261">
        <v>20</v>
      </c>
      <c r="J11" s="261">
        <v>13</v>
      </c>
      <c r="K11" s="261">
        <v>6</v>
      </c>
      <c r="L11" s="262">
        <v>82</v>
      </c>
      <c r="M11" s="263">
        <v>82</v>
      </c>
      <c r="N11" s="257">
        <v>0</v>
      </c>
      <c r="O11" s="261">
        <v>0</v>
      </c>
      <c r="P11" s="258">
        <v>0</v>
      </c>
      <c r="Q11" s="260">
        <v>0</v>
      </c>
      <c r="R11" s="261">
        <v>0</v>
      </c>
      <c r="S11" s="261">
        <v>1</v>
      </c>
      <c r="T11" s="261">
        <v>2</v>
      </c>
      <c r="U11" s="261">
        <v>2</v>
      </c>
      <c r="V11" s="261">
        <v>2</v>
      </c>
      <c r="W11" s="258">
        <v>7</v>
      </c>
      <c r="X11" s="263">
        <v>7</v>
      </c>
      <c r="Y11" s="257">
        <v>5</v>
      </c>
      <c r="Z11" s="261">
        <v>3</v>
      </c>
      <c r="AA11" s="258">
        <v>8</v>
      </c>
      <c r="AB11" s="260">
        <v>0</v>
      </c>
      <c r="AC11" s="261">
        <v>19</v>
      </c>
      <c r="AD11" s="261">
        <v>20</v>
      </c>
      <c r="AE11" s="261">
        <v>14</v>
      </c>
      <c r="AF11" s="261">
        <v>16</v>
      </c>
      <c r="AG11" s="261">
        <v>7</v>
      </c>
      <c r="AH11" s="258">
        <v>76</v>
      </c>
      <c r="AI11" s="263">
        <v>84</v>
      </c>
      <c r="AJ11" s="257">
        <v>0</v>
      </c>
      <c r="AK11" s="261">
        <v>2</v>
      </c>
      <c r="AL11" s="258">
        <v>2</v>
      </c>
      <c r="AM11" s="260">
        <v>0</v>
      </c>
      <c r="AN11" s="261">
        <v>4</v>
      </c>
      <c r="AO11" s="261">
        <v>5</v>
      </c>
      <c r="AP11" s="261">
        <v>5</v>
      </c>
      <c r="AQ11" s="261">
        <v>3</v>
      </c>
      <c r="AR11" s="261">
        <v>2</v>
      </c>
      <c r="AS11" s="258">
        <v>19</v>
      </c>
      <c r="AT11" s="263">
        <v>21</v>
      </c>
      <c r="AU11" s="257">
        <v>7</v>
      </c>
      <c r="AV11" s="261">
        <v>3</v>
      </c>
      <c r="AW11" s="258">
        <v>10</v>
      </c>
      <c r="AX11" s="260">
        <v>0</v>
      </c>
      <c r="AY11" s="261">
        <v>24</v>
      </c>
      <c r="AZ11" s="261">
        <v>24</v>
      </c>
      <c r="BA11" s="261">
        <v>22</v>
      </c>
      <c r="BB11" s="261">
        <v>28</v>
      </c>
      <c r="BC11" s="261">
        <v>15</v>
      </c>
      <c r="BD11" s="262">
        <v>113</v>
      </c>
      <c r="BE11" s="263">
        <v>123</v>
      </c>
      <c r="BF11" s="257">
        <v>0</v>
      </c>
      <c r="BG11" s="261">
        <v>0</v>
      </c>
      <c r="BH11" s="258">
        <v>0</v>
      </c>
      <c r="BI11" s="260">
        <v>0</v>
      </c>
      <c r="BJ11" s="261">
        <v>32</v>
      </c>
      <c r="BK11" s="261">
        <v>23</v>
      </c>
      <c r="BL11" s="261">
        <v>15</v>
      </c>
      <c r="BM11" s="261">
        <v>13</v>
      </c>
      <c r="BN11" s="261">
        <v>4</v>
      </c>
      <c r="BO11" s="258">
        <v>87</v>
      </c>
      <c r="BP11" s="263">
        <v>87</v>
      </c>
      <c r="BQ11" s="257">
        <v>2</v>
      </c>
      <c r="BR11" s="261">
        <v>4</v>
      </c>
      <c r="BS11" s="258">
        <v>6</v>
      </c>
      <c r="BT11" s="260">
        <v>0</v>
      </c>
      <c r="BU11" s="261">
        <v>13</v>
      </c>
      <c r="BV11" s="261">
        <v>6</v>
      </c>
      <c r="BW11" s="261">
        <v>13</v>
      </c>
      <c r="BX11" s="261">
        <v>6</v>
      </c>
      <c r="BY11" s="261">
        <v>2</v>
      </c>
      <c r="BZ11" s="258">
        <v>40</v>
      </c>
      <c r="CA11" s="263">
        <v>46</v>
      </c>
      <c r="CB11" s="257">
        <v>0</v>
      </c>
      <c r="CC11" s="261">
        <v>1</v>
      </c>
      <c r="CD11" s="258">
        <v>1</v>
      </c>
      <c r="CE11" s="260">
        <v>0</v>
      </c>
      <c r="CF11" s="261">
        <v>2</v>
      </c>
      <c r="CG11" s="261">
        <v>11</v>
      </c>
      <c r="CH11" s="261">
        <v>7</v>
      </c>
      <c r="CI11" s="261">
        <v>9</v>
      </c>
      <c r="CJ11" s="261">
        <v>1</v>
      </c>
      <c r="CK11" s="258">
        <v>30</v>
      </c>
      <c r="CL11" s="263">
        <v>31</v>
      </c>
      <c r="CM11" s="257">
        <v>0</v>
      </c>
      <c r="CN11" s="261">
        <v>0</v>
      </c>
      <c r="CO11" s="258">
        <v>0</v>
      </c>
      <c r="CP11" s="260">
        <v>0</v>
      </c>
      <c r="CQ11" s="261">
        <v>1</v>
      </c>
      <c r="CR11" s="261">
        <v>0</v>
      </c>
      <c r="CS11" s="261">
        <v>0</v>
      </c>
      <c r="CT11" s="261">
        <v>1</v>
      </c>
      <c r="CU11" s="261">
        <v>0</v>
      </c>
      <c r="CV11" s="258">
        <v>2</v>
      </c>
      <c r="CW11" s="263">
        <v>2</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16</v>
      </c>
      <c r="DU11" s="261">
        <v>14</v>
      </c>
      <c r="DV11" s="258">
        <v>30</v>
      </c>
      <c r="DW11" s="260">
        <v>0</v>
      </c>
      <c r="DX11" s="261">
        <v>66</v>
      </c>
      <c r="DY11" s="261">
        <v>67</v>
      </c>
      <c r="DZ11" s="261">
        <v>44</v>
      </c>
      <c r="EA11" s="261">
        <v>31</v>
      </c>
      <c r="EB11" s="261">
        <v>13</v>
      </c>
      <c r="EC11" s="258">
        <v>221</v>
      </c>
      <c r="ED11" s="263">
        <v>251</v>
      </c>
      <c r="EE11" s="257">
        <v>9</v>
      </c>
      <c r="EF11" s="261">
        <v>3</v>
      </c>
      <c r="EG11" s="258">
        <v>12</v>
      </c>
      <c r="EH11" s="260">
        <v>0</v>
      </c>
      <c r="EI11" s="261">
        <v>12</v>
      </c>
      <c r="EJ11" s="261">
        <v>10</v>
      </c>
      <c r="EK11" s="261">
        <v>9</v>
      </c>
      <c r="EL11" s="261">
        <v>10</v>
      </c>
      <c r="EM11" s="261">
        <v>6</v>
      </c>
      <c r="EN11" s="258">
        <v>47</v>
      </c>
      <c r="EO11" s="263">
        <v>59</v>
      </c>
      <c r="EP11" s="257">
        <v>22</v>
      </c>
      <c r="EQ11" s="261">
        <v>19</v>
      </c>
      <c r="ER11" s="258">
        <v>41</v>
      </c>
      <c r="ES11" s="260">
        <v>0</v>
      </c>
      <c r="ET11" s="261">
        <v>121</v>
      </c>
      <c r="EU11" s="261">
        <v>83</v>
      </c>
      <c r="EV11" s="261">
        <v>43</v>
      </c>
      <c r="EW11" s="261">
        <v>36</v>
      </c>
      <c r="EX11" s="261">
        <v>14</v>
      </c>
      <c r="EY11" s="258">
        <v>297</v>
      </c>
      <c r="EZ11" s="263">
        <v>338</v>
      </c>
    </row>
    <row r="12" spans="2:156" ht="21" customHeight="1" x14ac:dyDescent="0.2">
      <c r="B12" s="472" t="s">
        <v>9</v>
      </c>
      <c r="C12" s="257">
        <v>0</v>
      </c>
      <c r="D12" s="261">
        <v>0</v>
      </c>
      <c r="E12" s="358">
        <v>0</v>
      </c>
      <c r="F12" s="260">
        <v>0</v>
      </c>
      <c r="G12" s="261">
        <v>65</v>
      </c>
      <c r="H12" s="261">
        <v>60</v>
      </c>
      <c r="I12" s="261">
        <v>29</v>
      </c>
      <c r="J12" s="261">
        <v>36</v>
      </c>
      <c r="K12" s="261">
        <v>23</v>
      </c>
      <c r="L12" s="262">
        <v>213</v>
      </c>
      <c r="M12" s="263">
        <v>213</v>
      </c>
      <c r="N12" s="257">
        <v>0</v>
      </c>
      <c r="O12" s="261">
        <v>0</v>
      </c>
      <c r="P12" s="258">
        <v>0</v>
      </c>
      <c r="Q12" s="260">
        <v>0</v>
      </c>
      <c r="R12" s="261">
        <v>1</v>
      </c>
      <c r="S12" s="261">
        <v>2</v>
      </c>
      <c r="T12" s="261">
        <v>0</v>
      </c>
      <c r="U12" s="261">
        <v>9</v>
      </c>
      <c r="V12" s="261">
        <v>12</v>
      </c>
      <c r="W12" s="258">
        <v>24</v>
      </c>
      <c r="X12" s="263">
        <v>24</v>
      </c>
      <c r="Y12" s="257">
        <v>11</v>
      </c>
      <c r="Z12" s="261">
        <v>17</v>
      </c>
      <c r="AA12" s="258">
        <v>28</v>
      </c>
      <c r="AB12" s="260">
        <v>0</v>
      </c>
      <c r="AC12" s="261">
        <v>51</v>
      </c>
      <c r="AD12" s="261">
        <v>42</v>
      </c>
      <c r="AE12" s="261">
        <v>32</v>
      </c>
      <c r="AF12" s="261">
        <v>24</v>
      </c>
      <c r="AG12" s="261">
        <v>15</v>
      </c>
      <c r="AH12" s="258">
        <v>164</v>
      </c>
      <c r="AI12" s="263">
        <v>192</v>
      </c>
      <c r="AJ12" s="257">
        <v>1</v>
      </c>
      <c r="AK12" s="261">
        <v>2</v>
      </c>
      <c r="AL12" s="258">
        <v>3</v>
      </c>
      <c r="AM12" s="260">
        <v>0</v>
      </c>
      <c r="AN12" s="261">
        <v>5</v>
      </c>
      <c r="AO12" s="261">
        <v>9</v>
      </c>
      <c r="AP12" s="261">
        <v>9</v>
      </c>
      <c r="AQ12" s="261">
        <v>7</v>
      </c>
      <c r="AR12" s="261">
        <v>4</v>
      </c>
      <c r="AS12" s="258">
        <v>34</v>
      </c>
      <c r="AT12" s="263">
        <v>37</v>
      </c>
      <c r="AU12" s="257">
        <v>13</v>
      </c>
      <c r="AV12" s="261">
        <v>13</v>
      </c>
      <c r="AW12" s="258">
        <v>26</v>
      </c>
      <c r="AX12" s="260">
        <v>0</v>
      </c>
      <c r="AY12" s="261">
        <v>51</v>
      </c>
      <c r="AZ12" s="261">
        <v>61</v>
      </c>
      <c r="BA12" s="261">
        <v>66</v>
      </c>
      <c r="BB12" s="261">
        <v>61</v>
      </c>
      <c r="BC12" s="261">
        <v>38</v>
      </c>
      <c r="BD12" s="262">
        <v>277</v>
      </c>
      <c r="BE12" s="263">
        <v>303</v>
      </c>
      <c r="BF12" s="257">
        <v>0</v>
      </c>
      <c r="BG12" s="261">
        <v>0</v>
      </c>
      <c r="BH12" s="258">
        <v>0</v>
      </c>
      <c r="BI12" s="260">
        <v>0</v>
      </c>
      <c r="BJ12" s="261">
        <v>70</v>
      </c>
      <c r="BK12" s="261">
        <v>32</v>
      </c>
      <c r="BL12" s="261">
        <v>17</v>
      </c>
      <c r="BM12" s="261">
        <v>16</v>
      </c>
      <c r="BN12" s="261">
        <v>4</v>
      </c>
      <c r="BO12" s="258">
        <v>139</v>
      </c>
      <c r="BP12" s="263">
        <v>139</v>
      </c>
      <c r="BQ12" s="257">
        <v>6</v>
      </c>
      <c r="BR12" s="261">
        <v>10</v>
      </c>
      <c r="BS12" s="258">
        <v>16</v>
      </c>
      <c r="BT12" s="260">
        <v>0</v>
      </c>
      <c r="BU12" s="261">
        <v>15</v>
      </c>
      <c r="BV12" s="261">
        <v>18</v>
      </c>
      <c r="BW12" s="261">
        <v>7</v>
      </c>
      <c r="BX12" s="261">
        <v>10</v>
      </c>
      <c r="BY12" s="261">
        <v>2</v>
      </c>
      <c r="BZ12" s="258">
        <v>52</v>
      </c>
      <c r="CA12" s="263">
        <v>68</v>
      </c>
      <c r="CB12" s="257">
        <v>1</v>
      </c>
      <c r="CC12" s="261">
        <v>1</v>
      </c>
      <c r="CD12" s="258">
        <v>2</v>
      </c>
      <c r="CE12" s="260">
        <v>0</v>
      </c>
      <c r="CF12" s="261">
        <v>7</v>
      </c>
      <c r="CG12" s="261">
        <v>7</v>
      </c>
      <c r="CH12" s="261">
        <v>7</v>
      </c>
      <c r="CI12" s="261">
        <v>12</v>
      </c>
      <c r="CJ12" s="261">
        <v>8</v>
      </c>
      <c r="CK12" s="258">
        <v>41</v>
      </c>
      <c r="CL12" s="263">
        <v>43</v>
      </c>
      <c r="CM12" s="257">
        <v>0</v>
      </c>
      <c r="CN12" s="261">
        <v>0</v>
      </c>
      <c r="CO12" s="258">
        <v>0</v>
      </c>
      <c r="CP12" s="260">
        <v>0</v>
      </c>
      <c r="CQ12" s="261">
        <v>1</v>
      </c>
      <c r="CR12" s="261">
        <v>1</v>
      </c>
      <c r="CS12" s="261">
        <v>5</v>
      </c>
      <c r="CT12" s="261">
        <v>2</v>
      </c>
      <c r="CU12" s="261">
        <v>0</v>
      </c>
      <c r="CV12" s="258">
        <v>9</v>
      </c>
      <c r="CW12" s="263">
        <v>9</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26</v>
      </c>
      <c r="DU12" s="261">
        <v>41</v>
      </c>
      <c r="DV12" s="258">
        <v>67</v>
      </c>
      <c r="DW12" s="260">
        <v>0</v>
      </c>
      <c r="DX12" s="261">
        <v>97</v>
      </c>
      <c r="DY12" s="261">
        <v>102</v>
      </c>
      <c r="DZ12" s="261">
        <v>59</v>
      </c>
      <c r="EA12" s="261">
        <v>54</v>
      </c>
      <c r="EB12" s="261">
        <v>30</v>
      </c>
      <c r="EC12" s="258">
        <v>342</v>
      </c>
      <c r="ED12" s="263">
        <v>409</v>
      </c>
      <c r="EE12" s="257">
        <v>9</v>
      </c>
      <c r="EF12" s="261">
        <v>8</v>
      </c>
      <c r="EG12" s="258">
        <v>17</v>
      </c>
      <c r="EH12" s="260">
        <v>0</v>
      </c>
      <c r="EI12" s="261">
        <v>24</v>
      </c>
      <c r="EJ12" s="261">
        <v>21</v>
      </c>
      <c r="EK12" s="261">
        <v>27</v>
      </c>
      <c r="EL12" s="261">
        <v>24</v>
      </c>
      <c r="EM12" s="261">
        <v>12</v>
      </c>
      <c r="EN12" s="258">
        <v>108</v>
      </c>
      <c r="EO12" s="263">
        <v>125</v>
      </c>
      <c r="EP12" s="257">
        <v>39</v>
      </c>
      <c r="EQ12" s="261">
        <v>56</v>
      </c>
      <c r="ER12" s="258">
        <v>95</v>
      </c>
      <c r="ES12" s="260">
        <v>0</v>
      </c>
      <c r="ET12" s="261">
        <v>194</v>
      </c>
      <c r="EU12" s="261">
        <v>137</v>
      </c>
      <c r="EV12" s="261">
        <v>71</v>
      </c>
      <c r="EW12" s="261">
        <v>62</v>
      </c>
      <c r="EX12" s="261">
        <v>29</v>
      </c>
      <c r="EY12" s="258">
        <v>493</v>
      </c>
      <c r="EZ12" s="263">
        <v>588</v>
      </c>
    </row>
    <row r="13" spans="2:156" ht="21" customHeight="1" x14ac:dyDescent="0.2">
      <c r="B13" s="472" t="s">
        <v>10</v>
      </c>
      <c r="C13" s="257">
        <v>0</v>
      </c>
      <c r="D13" s="261">
        <v>0</v>
      </c>
      <c r="E13" s="358">
        <v>0</v>
      </c>
      <c r="F13" s="260">
        <v>0</v>
      </c>
      <c r="G13" s="261">
        <v>94</v>
      </c>
      <c r="H13" s="261">
        <v>46</v>
      </c>
      <c r="I13" s="261">
        <v>37</v>
      </c>
      <c r="J13" s="261">
        <v>25</v>
      </c>
      <c r="K13" s="261">
        <v>16</v>
      </c>
      <c r="L13" s="262">
        <v>218</v>
      </c>
      <c r="M13" s="263">
        <v>218</v>
      </c>
      <c r="N13" s="257">
        <v>0</v>
      </c>
      <c r="O13" s="261">
        <v>0</v>
      </c>
      <c r="P13" s="258">
        <v>0</v>
      </c>
      <c r="Q13" s="260">
        <v>0</v>
      </c>
      <c r="R13" s="261">
        <v>0</v>
      </c>
      <c r="S13" s="261">
        <v>3</v>
      </c>
      <c r="T13" s="261">
        <v>1</v>
      </c>
      <c r="U13" s="261">
        <v>3</v>
      </c>
      <c r="V13" s="261">
        <v>7</v>
      </c>
      <c r="W13" s="258">
        <v>14</v>
      </c>
      <c r="X13" s="263">
        <v>14</v>
      </c>
      <c r="Y13" s="257">
        <v>15</v>
      </c>
      <c r="Z13" s="261">
        <v>23</v>
      </c>
      <c r="AA13" s="258">
        <v>38</v>
      </c>
      <c r="AB13" s="260">
        <v>0</v>
      </c>
      <c r="AC13" s="261">
        <v>62</v>
      </c>
      <c r="AD13" s="261">
        <v>51</v>
      </c>
      <c r="AE13" s="261">
        <v>19</v>
      </c>
      <c r="AF13" s="261">
        <v>20</v>
      </c>
      <c r="AG13" s="261">
        <v>13</v>
      </c>
      <c r="AH13" s="258">
        <v>165</v>
      </c>
      <c r="AI13" s="263">
        <v>203</v>
      </c>
      <c r="AJ13" s="257">
        <v>2</v>
      </c>
      <c r="AK13" s="261">
        <v>6</v>
      </c>
      <c r="AL13" s="258">
        <v>8</v>
      </c>
      <c r="AM13" s="260">
        <v>0</v>
      </c>
      <c r="AN13" s="261">
        <v>8</v>
      </c>
      <c r="AO13" s="261">
        <v>11</v>
      </c>
      <c r="AP13" s="261">
        <v>2</v>
      </c>
      <c r="AQ13" s="261">
        <v>1</v>
      </c>
      <c r="AR13" s="261">
        <v>3</v>
      </c>
      <c r="AS13" s="258">
        <v>25</v>
      </c>
      <c r="AT13" s="263">
        <v>33</v>
      </c>
      <c r="AU13" s="257">
        <v>23</v>
      </c>
      <c r="AV13" s="261">
        <v>25</v>
      </c>
      <c r="AW13" s="258">
        <v>48</v>
      </c>
      <c r="AX13" s="260">
        <v>0</v>
      </c>
      <c r="AY13" s="261">
        <v>93</v>
      </c>
      <c r="AZ13" s="261">
        <v>81</v>
      </c>
      <c r="BA13" s="261">
        <v>72</v>
      </c>
      <c r="BB13" s="261">
        <v>60</v>
      </c>
      <c r="BC13" s="261">
        <v>68</v>
      </c>
      <c r="BD13" s="262">
        <v>374</v>
      </c>
      <c r="BE13" s="263">
        <v>422</v>
      </c>
      <c r="BF13" s="257">
        <v>0</v>
      </c>
      <c r="BG13" s="261">
        <v>0</v>
      </c>
      <c r="BH13" s="258">
        <v>0</v>
      </c>
      <c r="BI13" s="260">
        <v>0</v>
      </c>
      <c r="BJ13" s="261">
        <v>118</v>
      </c>
      <c r="BK13" s="261">
        <v>68</v>
      </c>
      <c r="BL13" s="261">
        <v>35</v>
      </c>
      <c r="BM13" s="261">
        <v>15</v>
      </c>
      <c r="BN13" s="261">
        <v>3</v>
      </c>
      <c r="BO13" s="258">
        <v>239</v>
      </c>
      <c r="BP13" s="263">
        <v>239</v>
      </c>
      <c r="BQ13" s="257">
        <v>4</v>
      </c>
      <c r="BR13" s="261">
        <v>4</v>
      </c>
      <c r="BS13" s="258">
        <v>8</v>
      </c>
      <c r="BT13" s="260">
        <v>0</v>
      </c>
      <c r="BU13" s="261">
        <v>23</v>
      </c>
      <c r="BV13" s="261">
        <v>18</v>
      </c>
      <c r="BW13" s="261">
        <v>4</v>
      </c>
      <c r="BX13" s="261">
        <v>2</v>
      </c>
      <c r="BY13" s="261">
        <v>1</v>
      </c>
      <c r="BZ13" s="258">
        <v>48</v>
      </c>
      <c r="CA13" s="263">
        <v>56</v>
      </c>
      <c r="CB13" s="257">
        <v>0</v>
      </c>
      <c r="CC13" s="261">
        <v>2</v>
      </c>
      <c r="CD13" s="258">
        <v>2</v>
      </c>
      <c r="CE13" s="260">
        <v>0</v>
      </c>
      <c r="CF13" s="261">
        <v>14</v>
      </c>
      <c r="CG13" s="261">
        <v>13</v>
      </c>
      <c r="CH13" s="261">
        <v>14</v>
      </c>
      <c r="CI13" s="261">
        <v>12</v>
      </c>
      <c r="CJ13" s="261">
        <v>2</v>
      </c>
      <c r="CK13" s="258">
        <v>55</v>
      </c>
      <c r="CL13" s="263">
        <v>57</v>
      </c>
      <c r="CM13" s="257">
        <v>0</v>
      </c>
      <c r="CN13" s="261">
        <v>0</v>
      </c>
      <c r="CO13" s="258">
        <v>0</v>
      </c>
      <c r="CP13" s="260">
        <v>0</v>
      </c>
      <c r="CQ13" s="261">
        <v>2</v>
      </c>
      <c r="CR13" s="261">
        <v>2</v>
      </c>
      <c r="CS13" s="261">
        <v>1</v>
      </c>
      <c r="CT13" s="261">
        <v>0</v>
      </c>
      <c r="CU13" s="261">
        <v>1</v>
      </c>
      <c r="CV13" s="258">
        <v>6</v>
      </c>
      <c r="CW13" s="263">
        <v>6</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51</v>
      </c>
      <c r="DU13" s="261">
        <v>99</v>
      </c>
      <c r="DV13" s="258">
        <v>150</v>
      </c>
      <c r="DW13" s="260">
        <v>0</v>
      </c>
      <c r="DX13" s="261">
        <v>128</v>
      </c>
      <c r="DY13" s="261">
        <v>119</v>
      </c>
      <c r="DZ13" s="261">
        <v>64</v>
      </c>
      <c r="EA13" s="261">
        <v>48</v>
      </c>
      <c r="EB13" s="261">
        <v>33</v>
      </c>
      <c r="EC13" s="258">
        <v>392</v>
      </c>
      <c r="ED13" s="263">
        <v>542</v>
      </c>
      <c r="EE13" s="257">
        <v>11</v>
      </c>
      <c r="EF13" s="261">
        <v>9</v>
      </c>
      <c r="EG13" s="258">
        <v>20</v>
      </c>
      <c r="EH13" s="260">
        <v>0</v>
      </c>
      <c r="EI13" s="261">
        <v>36</v>
      </c>
      <c r="EJ13" s="261">
        <v>26</v>
      </c>
      <c r="EK13" s="261">
        <v>19</v>
      </c>
      <c r="EL13" s="261">
        <v>31</v>
      </c>
      <c r="EM13" s="261">
        <v>28</v>
      </c>
      <c r="EN13" s="258">
        <v>140</v>
      </c>
      <c r="EO13" s="263">
        <v>160</v>
      </c>
      <c r="EP13" s="257">
        <v>65</v>
      </c>
      <c r="EQ13" s="261">
        <v>108</v>
      </c>
      <c r="ER13" s="258">
        <v>173</v>
      </c>
      <c r="ES13" s="260">
        <v>0</v>
      </c>
      <c r="ET13" s="261">
        <v>255</v>
      </c>
      <c r="EU13" s="261">
        <v>155</v>
      </c>
      <c r="EV13" s="261">
        <v>78</v>
      </c>
      <c r="EW13" s="261">
        <v>51</v>
      </c>
      <c r="EX13" s="261">
        <v>30</v>
      </c>
      <c r="EY13" s="258">
        <v>569</v>
      </c>
      <c r="EZ13" s="263">
        <v>742</v>
      </c>
    </row>
    <row r="14" spans="2:156" ht="21" customHeight="1" x14ac:dyDescent="0.2">
      <c r="B14" s="472" t="s">
        <v>11</v>
      </c>
      <c r="C14" s="257">
        <v>0</v>
      </c>
      <c r="D14" s="261">
        <v>0</v>
      </c>
      <c r="E14" s="358">
        <v>0</v>
      </c>
      <c r="F14" s="260">
        <v>0</v>
      </c>
      <c r="G14" s="261">
        <v>14</v>
      </c>
      <c r="H14" s="261">
        <v>8</v>
      </c>
      <c r="I14" s="261">
        <v>7</v>
      </c>
      <c r="J14" s="261">
        <v>12</v>
      </c>
      <c r="K14" s="261">
        <v>5</v>
      </c>
      <c r="L14" s="262">
        <v>46</v>
      </c>
      <c r="M14" s="263">
        <v>46</v>
      </c>
      <c r="N14" s="257">
        <v>0</v>
      </c>
      <c r="O14" s="261">
        <v>0</v>
      </c>
      <c r="P14" s="258">
        <v>0</v>
      </c>
      <c r="Q14" s="260">
        <v>0</v>
      </c>
      <c r="R14" s="261">
        <v>0</v>
      </c>
      <c r="S14" s="261">
        <v>0</v>
      </c>
      <c r="T14" s="261">
        <v>1</v>
      </c>
      <c r="U14" s="261">
        <v>3</v>
      </c>
      <c r="V14" s="261">
        <v>3</v>
      </c>
      <c r="W14" s="258">
        <v>7</v>
      </c>
      <c r="X14" s="263">
        <v>7</v>
      </c>
      <c r="Y14" s="257">
        <v>4</v>
      </c>
      <c r="Z14" s="261">
        <v>1</v>
      </c>
      <c r="AA14" s="258">
        <v>5</v>
      </c>
      <c r="AB14" s="260">
        <v>0</v>
      </c>
      <c r="AC14" s="261">
        <v>23</v>
      </c>
      <c r="AD14" s="261">
        <v>13</v>
      </c>
      <c r="AE14" s="261">
        <v>9</v>
      </c>
      <c r="AF14" s="261">
        <v>12</v>
      </c>
      <c r="AG14" s="261">
        <v>4</v>
      </c>
      <c r="AH14" s="258">
        <v>61</v>
      </c>
      <c r="AI14" s="263">
        <v>66</v>
      </c>
      <c r="AJ14" s="257">
        <v>0</v>
      </c>
      <c r="AK14" s="261">
        <v>1</v>
      </c>
      <c r="AL14" s="258">
        <v>1</v>
      </c>
      <c r="AM14" s="260">
        <v>0</v>
      </c>
      <c r="AN14" s="261">
        <v>2</v>
      </c>
      <c r="AO14" s="261">
        <v>1</v>
      </c>
      <c r="AP14" s="261">
        <v>1</v>
      </c>
      <c r="AQ14" s="261">
        <v>1</v>
      </c>
      <c r="AR14" s="261">
        <v>1</v>
      </c>
      <c r="AS14" s="258">
        <v>6</v>
      </c>
      <c r="AT14" s="263">
        <v>7</v>
      </c>
      <c r="AU14" s="257">
        <v>2</v>
      </c>
      <c r="AV14" s="261">
        <v>2</v>
      </c>
      <c r="AW14" s="258">
        <v>4</v>
      </c>
      <c r="AX14" s="260">
        <v>0</v>
      </c>
      <c r="AY14" s="261">
        <v>15</v>
      </c>
      <c r="AZ14" s="261">
        <v>21</v>
      </c>
      <c r="BA14" s="261">
        <v>19</v>
      </c>
      <c r="BB14" s="261">
        <v>28</v>
      </c>
      <c r="BC14" s="261">
        <v>12</v>
      </c>
      <c r="BD14" s="262">
        <v>95</v>
      </c>
      <c r="BE14" s="263">
        <v>99</v>
      </c>
      <c r="BF14" s="257">
        <v>0</v>
      </c>
      <c r="BG14" s="261">
        <v>0</v>
      </c>
      <c r="BH14" s="258">
        <v>0</v>
      </c>
      <c r="BI14" s="260">
        <v>0</v>
      </c>
      <c r="BJ14" s="261">
        <v>23</v>
      </c>
      <c r="BK14" s="261">
        <v>12</v>
      </c>
      <c r="BL14" s="261">
        <v>7</v>
      </c>
      <c r="BM14" s="261">
        <v>9</v>
      </c>
      <c r="BN14" s="261">
        <v>4</v>
      </c>
      <c r="BO14" s="258">
        <v>55</v>
      </c>
      <c r="BP14" s="263">
        <v>55</v>
      </c>
      <c r="BQ14" s="257">
        <v>2</v>
      </c>
      <c r="BR14" s="261">
        <v>5</v>
      </c>
      <c r="BS14" s="258">
        <v>7</v>
      </c>
      <c r="BT14" s="260">
        <v>0</v>
      </c>
      <c r="BU14" s="261">
        <v>11</v>
      </c>
      <c r="BV14" s="261">
        <v>8</v>
      </c>
      <c r="BW14" s="261">
        <v>14</v>
      </c>
      <c r="BX14" s="261">
        <v>4</v>
      </c>
      <c r="BY14" s="261">
        <v>1</v>
      </c>
      <c r="BZ14" s="258">
        <v>38</v>
      </c>
      <c r="CA14" s="263">
        <v>45</v>
      </c>
      <c r="CB14" s="257">
        <v>0</v>
      </c>
      <c r="CC14" s="261">
        <v>0</v>
      </c>
      <c r="CD14" s="258">
        <v>0</v>
      </c>
      <c r="CE14" s="260">
        <v>0</v>
      </c>
      <c r="CF14" s="261">
        <v>6</v>
      </c>
      <c r="CG14" s="261">
        <v>1</v>
      </c>
      <c r="CH14" s="261">
        <v>3</v>
      </c>
      <c r="CI14" s="261">
        <v>2</v>
      </c>
      <c r="CJ14" s="261">
        <v>3</v>
      </c>
      <c r="CK14" s="258">
        <v>15</v>
      </c>
      <c r="CL14" s="263">
        <v>15</v>
      </c>
      <c r="CM14" s="257">
        <v>0</v>
      </c>
      <c r="CN14" s="261">
        <v>0</v>
      </c>
      <c r="CO14" s="258">
        <v>0</v>
      </c>
      <c r="CP14" s="260">
        <v>0</v>
      </c>
      <c r="CQ14" s="261">
        <v>0</v>
      </c>
      <c r="CR14" s="261">
        <v>0</v>
      </c>
      <c r="CS14" s="261">
        <v>3</v>
      </c>
      <c r="CT14" s="261">
        <v>1</v>
      </c>
      <c r="CU14" s="261">
        <v>2</v>
      </c>
      <c r="CV14" s="258">
        <v>6</v>
      </c>
      <c r="CW14" s="263">
        <v>6</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4</v>
      </c>
      <c r="DU14" s="261">
        <v>17</v>
      </c>
      <c r="DV14" s="258">
        <v>31</v>
      </c>
      <c r="DW14" s="260">
        <v>0</v>
      </c>
      <c r="DX14" s="261">
        <v>48</v>
      </c>
      <c r="DY14" s="261">
        <v>32</v>
      </c>
      <c r="DZ14" s="261">
        <v>30</v>
      </c>
      <c r="EA14" s="261">
        <v>30</v>
      </c>
      <c r="EB14" s="261">
        <v>10</v>
      </c>
      <c r="EC14" s="258">
        <v>150</v>
      </c>
      <c r="ED14" s="263">
        <v>181</v>
      </c>
      <c r="EE14" s="257">
        <v>1</v>
      </c>
      <c r="EF14" s="261">
        <v>2</v>
      </c>
      <c r="EG14" s="258">
        <v>3</v>
      </c>
      <c r="EH14" s="260">
        <v>0</v>
      </c>
      <c r="EI14" s="261">
        <v>14</v>
      </c>
      <c r="EJ14" s="261">
        <v>10</v>
      </c>
      <c r="EK14" s="261">
        <v>12</v>
      </c>
      <c r="EL14" s="261">
        <v>14</v>
      </c>
      <c r="EM14" s="261">
        <v>7</v>
      </c>
      <c r="EN14" s="258">
        <v>57</v>
      </c>
      <c r="EO14" s="263">
        <v>60</v>
      </c>
      <c r="EP14" s="257">
        <v>19</v>
      </c>
      <c r="EQ14" s="261">
        <v>23</v>
      </c>
      <c r="ER14" s="258">
        <v>42</v>
      </c>
      <c r="ES14" s="260">
        <v>0</v>
      </c>
      <c r="ET14" s="261">
        <v>95</v>
      </c>
      <c r="EU14" s="261">
        <v>37</v>
      </c>
      <c r="EV14" s="261">
        <v>33</v>
      </c>
      <c r="EW14" s="261">
        <v>32</v>
      </c>
      <c r="EX14" s="261">
        <v>11</v>
      </c>
      <c r="EY14" s="258">
        <v>208</v>
      </c>
      <c r="EZ14" s="263">
        <v>250</v>
      </c>
    </row>
    <row r="15" spans="2:156" ht="21" customHeight="1" x14ac:dyDescent="0.2">
      <c r="B15" s="472" t="s">
        <v>12</v>
      </c>
      <c r="C15" s="257">
        <v>0</v>
      </c>
      <c r="D15" s="261">
        <v>0</v>
      </c>
      <c r="E15" s="358">
        <v>0</v>
      </c>
      <c r="F15" s="260">
        <v>0</v>
      </c>
      <c r="G15" s="261">
        <v>40</v>
      </c>
      <c r="H15" s="261">
        <v>29</v>
      </c>
      <c r="I15" s="261">
        <v>21</v>
      </c>
      <c r="J15" s="261">
        <v>17</v>
      </c>
      <c r="K15" s="261">
        <v>17</v>
      </c>
      <c r="L15" s="262">
        <v>124</v>
      </c>
      <c r="M15" s="263">
        <v>124</v>
      </c>
      <c r="N15" s="257">
        <v>0</v>
      </c>
      <c r="O15" s="261">
        <v>0</v>
      </c>
      <c r="P15" s="258">
        <v>0</v>
      </c>
      <c r="Q15" s="260">
        <v>0</v>
      </c>
      <c r="R15" s="261">
        <v>0</v>
      </c>
      <c r="S15" s="261">
        <v>3</v>
      </c>
      <c r="T15" s="261">
        <v>1</v>
      </c>
      <c r="U15" s="261">
        <v>2</v>
      </c>
      <c r="V15" s="261">
        <v>5</v>
      </c>
      <c r="W15" s="258">
        <v>11</v>
      </c>
      <c r="X15" s="263">
        <v>11</v>
      </c>
      <c r="Y15" s="257">
        <v>7</v>
      </c>
      <c r="Z15" s="261">
        <v>22</v>
      </c>
      <c r="AA15" s="258">
        <v>29</v>
      </c>
      <c r="AB15" s="260">
        <v>0</v>
      </c>
      <c r="AC15" s="261">
        <v>26</v>
      </c>
      <c r="AD15" s="261">
        <v>26</v>
      </c>
      <c r="AE15" s="261">
        <v>16</v>
      </c>
      <c r="AF15" s="261">
        <v>16</v>
      </c>
      <c r="AG15" s="261">
        <v>11</v>
      </c>
      <c r="AH15" s="258">
        <v>95</v>
      </c>
      <c r="AI15" s="263">
        <v>124</v>
      </c>
      <c r="AJ15" s="257">
        <v>1</v>
      </c>
      <c r="AK15" s="261">
        <v>1</v>
      </c>
      <c r="AL15" s="258">
        <v>2</v>
      </c>
      <c r="AM15" s="260">
        <v>0</v>
      </c>
      <c r="AN15" s="261">
        <v>2</v>
      </c>
      <c r="AO15" s="261">
        <v>4</v>
      </c>
      <c r="AP15" s="261">
        <v>0</v>
      </c>
      <c r="AQ15" s="261">
        <v>3</v>
      </c>
      <c r="AR15" s="261">
        <v>0</v>
      </c>
      <c r="AS15" s="258">
        <v>9</v>
      </c>
      <c r="AT15" s="263">
        <v>11</v>
      </c>
      <c r="AU15" s="257">
        <v>7</v>
      </c>
      <c r="AV15" s="261">
        <v>8</v>
      </c>
      <c r="AW15" s="258">
        <v>15</v>
      </c>
      <c r="AX15" s="260">
        <v>0</v>
      </c>
      <c r="AY15" s="261">
        <v>17</v>
      </c>
      <c r="AZ15" s="261">
        <v>27</v>
      </c>
      <c r="BA15" s="261">
        <v>26</v>
      </c>
      <c r="BB15" s="261">
        <v>27</v>
      </c>
      <c r="BC15" s="261">
        <v>16</v>
      </c>
      <c r="BD15" s="262">
        <v>113</v>
      </c>
      <c r="BE15" s="263">
        <v>128</v>
      </c>
      <c r="BF15" s="257">
        <v>0</v>
      </c>
      <c r="BG15" s="261">
        <v>0</v>
      </c>
      <c r="BH15" s="258">
        <v>0</v>
      </c>
      <c r="BI15" s="260">
        <v>0</v>
      </c>
      <c r="BJ15" s="261">
        <v>40</v>
      </c>
      <c r="BK15" s="261">
        <v>27</v>
      </c>
      <c r="BL15" s="261">
        <v>10</v>
      </c>
      <c r="BM15" s="261">
        <v>14</v>
      </c>
      <c r="BN15" s="261">
        <v>4</v>
      </c>
      <c r="BO15" s="258">
        <v>95</v>
      </c>
      <c r="BP15" s="263">
        <v>95</v>
      </c>
      <c r="BQ15" s="257">
        <v>14</v>
      </c>
      <c r="BR15" s="261">
        <v>6</v>
      </c>
      <c r="BS15" s="258">
        <v>20</v>
      </c>
      <c r="BT15" s="260">
        <v>0</v>
      </c>
      <c r="BU15" s="261">
        <v>12</v>
      </c>
      <c r="BV15" s="261">
        <v>8</v>
      </c>
      <c r="BW15" s="261">
        <v>8</v>
      </c>
      <c r="BX15" s="261">
        <v>4</v>
      </c>
      <c r="BY15" s="261">
        <v>0</v>
      </c>
      <c r="BZ15" s="258">
        <v>32</v>
      </c>
      <c r="CA15" s="263">
        <v>52</v>
      </c>
      <c r="CB15" s="257">
        <v>0</v>
      </c>
      <c r="CC15" s="261">
        <v>0</v>
      </c>
      <c r="CD15" s="258">
        <v>0</v>
      </c>
      <c r="CE15" s="260">
        <v>0</v>
      </c>
      <c r="CF15" s="261">
        <v>9</v>
      </c>
      <c r="CG15" s="261">
        <v>7</v>
      </c>
      <c r="CH15" s="261">
        <v>9</v>
      </c>
      <c r="CI15" s="261">
        <v>9</v>
      </c>
      <c r="CJ15" s="261">
        <v>4</v>
      </c>
      <c r="CK15" s="258">
        <v>38</v>
      </c>
      <c r="CL15" s="263">
        <v>38</v>
      </c>
      <c r="CM15" s="257">
        <v>0</v>
      </c>
      <c r="CN15" s="261">
        <v>0</v>
      </c>
      <c r="CO15" s="258">
        <v>0</v>
      </c>
      <c r="CP15" s="260">
        <v>0</v>
      </c>
      <c r="CQ15" s="261">
        <v>1</v>
      </c>
      <c r="CR15" s="261">
        <v>0</v>
      </c>
      <c r="CS15" s="261">
        <v>0</v>
      </c>
      <c r="CT15" s="261">
        <v>0</v>
      </c>
      <c r="CU15" s="261">
        <v>0</v>
      </c>
      <c r="CV15" s="258">
        <v>1</v>
      </c>
      <c r="CW15" s="263">
        <v>1</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1</v>
      </c>
      <c r="DU15" s="261">
        <v>50</v>
      </c>
      <c r="DV15" s="258">
        <v>71</v>
      </c>
      <c r="DW15" s="260">
        <v>0</v>
      </c>
      <c r="DX15" s="261">
        <v>42</v>
      </c>
      <c r="DY15" s="261">
        <v>57</v>
      </c>
      <c r="DZ15" s="261">
        <v>33</v>
      </c>
      <c r="EA15" s="261">
        <v>40</v>
      </c>
      <c r="EB15" s="261">
        <v>19</v>
      </c>
      <c r="EC15" s="258">
        <v>191</v>
      </c>
      <c r="ED15" s="263">
        <v>262</v>
      </c>
      <c r="EE15" s="257">
        <v>5</v>
      </c>
      <c r="EF15" s="261">
        <v>4</v>
      </c>
      <c r="EG15" s="258">
        <v>9</v>
      </c>
      <c r="EH15" s="260">
        <v>0</v>
      </c>
      <c r="EI15" s="261">
        <v>6</v>
      </c>
      <c r="EJ15" s="261">
        <v>13</v>
      </c>
      <c r="EK15" s="261">
        <v>15</v>
      </c>
      <c r="EL15" s="261">
        <v>12</v>
      </c>
      <c r="EM15" s="261">
        <v>4</v>
      </c>
      <c r="EN15" s="258">
        <v>50</v>
      </c>
      <c r="EO15" s="263">
        <v>59</v>
      </c>
      <c r="EP15" s="257">
        <v>42</v>
      </c>
      <c r="EQ15" s="261">
        <v>62</v>
      </c>
      <c r="ER15" s="258">
        <v>104</v>
      </c>
      <c r="ES15" s="260">
        <v>0</v>
      </c>
      <c r="ET15" s="261">
        <v>112</v>
      </c>
      <c r="EU15" s="261">
        <v>76</v>
      </c>
      <c r="EV15" s="261">
        <v>42</v>
      </c>
      <c r="EW15" s="261">
        <v>38</v>
      </c>
      <c r="EX15" s="261">
        <v>22</v>
      </c>
      <c r="EY15" s="258">
        <v>290</v>
      </c>
      <c r="EZ15" s="263">
        <v>394</v>
      </c>
    </row>
    <row r="16" spans="2:156" ht="21" customHeight="1" x14ac:dyDescent="0.2">
      <c r="B16" s="472" t="s">
        <v>13</v>
      </c>
      <c r="C16" s="257">
        <v>0</v>
      </c>
      <c r="D16" s="261">
        <v>0</v>
      </c>
      <c r="E16" s="358">
        <v>0</v>
      </c>
      <c r="F16" s="260">
        <v>0</v>
      </c>
      <c r="G16" s="261">
        <v>25</v>
      </c>
      <c r="H16" s="261">
        <v>24</v>
      </c>
      <c r="I16" s="261">
        <v>15</v>
      </c>
      <c r="J16" s="261">
        <v>9</v>
      </c>
      <c r="K16" s="261">
        <v>14</v>
      </c>
      <c r="L16" s="262">
        <v>87</v>
      </c>
      <c r="M16" s="263">
        <v>87</v>
      </c>
      <c r="N16" s="257">
        <v>0</v>
      </c>
      <c r="O16" s="261">
        <v>0</v>
      </c>
      <c r="P16" s="258">
        <v>0</v>
      </c>
      <c r="Q16" s="260">
        <v>0</v>
      </c>
      <c r="R16" s="261">
        <v>0</v>
      </c>
      <c r="S16" s="261">
        <v>0</v>
      </c>
      <c r="T16" s="261">
        <v>1</v>
      </c>
      <c r="U16" s="261">
        <v>2</v>
      </c>
      <c r="V16" s="261">
        <v>1</v>
      </c>
      <c r="W16" s="258">
        <v>4</v>
      </c>
      <c r="X16" s="263">
        <v>4</v>
      </c>
      <c r="Y16" s="257">
        <v>1</v>
      </c>
      <c r="Z16" s="261">
        <v>9</v>
      </c>
      <c r="AA16" s="258">
        <v>10</v>
      </c>
      <c r="AB16" s="260">
        <v>0</v>
      </c>
      <c r="AC16" s="261">
        <v>17</v>
      </c>
      <c r="AD16" s="261">
        <v>14</v>
      </c>
      <c r="AE16" s="261">
        <v>7</v>
      </c>
      <c r="AF16" s="261">
        <v>9</v>
      </c>
      <c r="AG16" s="261">
        <v>9</v>
      </c>
      <c r="AH16" s="258">
        <v>56</v>
      </c>
      <c r="AI16" s="263">
        <v>66</v>
      </c>
      <c r="AJ16" s="257">
        <v>0</v>
      </c>
      <c r="AK16" s="261">
        <v>0</v>
      </c>
      <c r="AL16" s="258">
        <v>0</v>
      </c>
      <c r="AM16" s="260">
        <v>0</v>
      </c>
      <c r="AN16" s="261">
        <v>1</v>
      </c>
      <c r="AO16" s="261">
        <v>4</v>
      </c>
      <c r="AP16" s="261">
        <v>0</v>
      </c>
      <c r="AQ16" s="261">
        <v>3</v>
      </c>
      <c r="AR16" s="261">
        <v>2</v>
      </c>
      <c r="AS16" s="258">
        <v>10</v>
      </c>
      <c r="AT16" s="263">
        <v>10</v>
      </c>
      <c r="AU16" s="257">
        <v>6</v>
      </c>
      <c r="AV16" s="261">
        <v>6</v>
      </c>
      <c r="AW16" s="258">
        <v>12</v>
      </c>
      <c r="AX16" s="260">
        <v>0</v>
      </c>
      <c r="AY16" s="261">
        <v>25</v>
      </c>
      <c r="AZ16" s="261">
        <v>26</v>
      </c>
      <c r="BA16" s="261">
        <v>18</v>
      </c>
      <c r="BB16" s="261">
        <v>20</v>
      </c>
      <c r="BC16" s="261">
        <v>21</v>
      </c>
      <c r="BD16" s="262">
        <v>110</v>
      </c>
      <c r="BE16" s="263">
        <v>122</v>
      </c>
      <c r="BF16" s="257">
        <v>0</v>
      </c>
      <c r="BG16" s="261">
        <v>0</v>
      </c>
      <c r="BH16" s="258">
        <v>0</v>
      </c>
      <c r="BI16" s="260">
        <v>0</v>
      </c>
      <c r="BJ16" s="261">
        <v>19</v>
      </c>
      <c r="BK16" s="261">
        <v>18</v>
      </c>
      <c r="BL16" s="261">
        <v>8</v>
      </c>
      <c r="BM16" s="261">
        <v>2</v>
      </c>
      <c r="BN16" s="261">
        <v>1</v>
      </c>
      <c r="BO16" s="258">
        <v>48</v>
      </c>
      <c r="BP16" s="263">
        <v>48</v>
      </c>
      <c r="BQ16" s="257">
        <v>0</v>
      </c>
      <c r="BR16" s="261">
        <v>0</v>
      </c>
      <c r="BS16" s="258">
        <v>0</v>
      </c>
      <c r="BT16" s="260">
        <v>0</v>
      </c>
      <c r="BU16" s="261">
        <v>4</v>
      </c>
      <c r="BV16" s="261">
        <v>2</v>
      </c>
      <c r="BW16" s="261">
        <v>2</v>
      </c>
      <c r="BX16" s="261">
        <v>2</v>
      </c>
      <c r="BY16" s="261">
        <v>2</v>
      </c>
      <c r="BZ16" s="258">
        <v>12</v>
      </c>
      <c r="CA16" s="263">
        <v>12</v>
      </c>
      <c r="CB16" s="257">
        <v>0</v>
      </c>
      <c r="CC16" s="261">
        <v>0</v>
      </c>
      <c r="CD16" s="258">
        <v>0</v>
      </c>
      <c r="CE16" s="260">
        <v>0</v>
      </c>
      <c r="CF16" s="261">
        <v>1</v>
      </c>
      <c r="CG16" s="261">
        <v>2</v>
      </c>
      <c r="CH16" s="261">
        <v>3</v>
      </c>
      <c r="CI16" s="261">
        <v>2</v>
      </c>
      <c r="CJ16" s="261">
        <v>0</v>
      </c>
      <c r="CK16" s="258">
        <v>8</v>
      </c>
      <c r="CL16" s="263">
        <v>8</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2</v>
      </c>
      <c r="DU16" s="261">
        <v>19</v>
      </c>
      <c r="DV16" s="258">
        <v>21</v>
      </c>
      <c r="DW16" s="260">
        <v>0</v>
      </c>
      <c r="DX16" s="261">
        <v>19</v>
      </c>
      <c r="DY16" s="261">
        <v>37</v>
      </c>
      <c r="DZ16" s="261">
        <v>18</v>
      </c>
      <c r="EA16" s="261">
        <v>13</v>
      </c>
      <c r="EB16" s="261">
        <v>15</v>
      </c>
      <c r="EC16" s="258">
        <v>102</v>
      </c>
      <c r="ED16" s="263">
        <v>123</v>
      </c>
      <c r="EE16" s="257">
        <v>4</v>
      </c>
      <c r="EF16" s="261">
        <v>3</v>
      </c>
      <c r="EG16" s="258">
        <v>7</v>
      </c>
      <c r="EH16" s="260">
        <v>0</v>
      </c>
      <c r="EI16" s="261">
        <v>11</v>
      </c>
      <c r="EJ16" s="261">
        <v>7</v>
      </c>
      <c r="EK16" s="261">
        <v>7</v>
      </c>
      <c r="EL16" s="261">
        <v>11</v>
      </c>
      <c r="EM16" s="261">
        <v>7</v>
      </c>
      <c r="EN16" s="258">
        <v>43</v>
      </c>
      <c r="EO16" s="263">
        <v>50</v>
      </c>
      <c r="EP16" s="257">
        <v>2</v>
      </c>
      <c r="EQ16" s="261">
        <v>21</v>
      </c>
      <c r="ER16" s="258">
        <v>23</v>
      </c>
      <c r="ES16" s="260">
        <v>0</v>
      </c>
      <c r="ET16" s="261">
        <v>54</v>
      </c>
      <c r="EU16" s="261">
        <v>56</v>
      </c>
      <c r="EV16" s="261">
        <v>26</v>
      </c>
      <c r="EW16" s="261">
        <v>15</v>
      </c>
      <c r="EX16" s="261">
        <v>16</v>
      </c>
      <c r="EY16" s="258">
        <v>167</v>
      </c>
      <c r="EZ16" s="263">
        <v>190</v>
      </c>
    </row>
    <row r="17" spans="2:156" ht="21" customHeight="1" x14ac:dyDescent="0.2">
      <c r="B17" s="472" t="s">
        <v>15</v>
      </c>
      <c r="C17" s="257">
        <v>0</v>
      </c>
      <c r="D17" s="261">
        <v>0</v>
      </c>
      <c r="E17" s="358">
        <v>0</v>
      </c>
      <c r="F17" s="260">
        <v>0</v>
      </c>
      <c r="G17" s="261">
        <v>5</v>
      </c>
      <c r="H17" s="261">
        <v>5</v>
      </c>
      <c r="I17" s="261">
        <v>1</v>
      </c>
      <c r="J17" s="261">
        <v>3</v>
      </c>
      <c r="K17" s="261">
        <v>3</v>
      </c>
      <c r="L17" s="262">
        <v>17</v>
      </c>
      <c r="M17" s="263">
        <v>17</v>
      </c>
      <c r="N17" s="257">
        <v>0</v>
      </c>
      <c r="O17" s="261">
        <v>0</v>
      </c>
      <c r="P17" s="258">
        <v>0</v>
      </c>
      <c r="Q17" s="260">
        <v>0</v>
      </c>
      <c r="R17" s="261">
        <v>0</v>
      </c>
      <c r="S17" s="261">
        <v>0</v>
      </c>
      <c r="T17" s="261">
        <v>0</v>
      </c>
      <c r="U17" s="261">
        <v>1</v>
      </c>
      <c r="V17" s="261">
        <v>2</v>
      </c>
      <c r="W17" s="258">
        <v>3</v>
      </c>
      <c r="X17" s="263">
        <v>3</v>
      </c>
      <c r="Y17" s="257">
        <v>0</v>
      </c>
      <c r="Z17" s="261">
        <v>1</v>
      </c>
      <c r="AA17" s="258">
        <v>1</v>
      </c>
      <c r="AB17" s="260">
        <v>0</v>
      </c>
      <c r="AC17" s="261">
        <v>1</v>
      </c>
      <c r="AD17" s="261">
        <v>2</v>
      </c>
      <c r="AE17" s="261">
        <v>0</v>
      </c>
      <c r="AF17" s="261">
        <v>4</v>
      </c>
      <c r="AG17" s="261">
        <v>4</v>
      </c>
      <c r="AH17" s="258">
        <v>11</v>
      </c>
      <c r="AI17" s="263">
        <v>12</v>
      </c>
      <c r="AJ17" s="257">
        <v>0</v>
      </c>
      <c r="AK17" s="261">
        <v>1</v>
      </c>
      <c r="AL17" s="258">
        <v>1</v>
      </c>
      <c r="AM17" s="260">
        <v>0</v>
      </c>
      <c r="AN17" s="261">
        <v>0</v>
      </c>
      <c r="AO17" s="261">
        <v>0</v>
      </c>
      <c r="AP17" s="261">
        <v>0</v>
      </c>
      <c r="AQ17" s="261">
        <v>0</v>
      </c>
      <c r="AR17" s="261">
        <v>1</v>
      </c>
      <c r="AS17" s="258">
        <v>1</v>
      </c>
      <c r="AT17" s="263">
        <v>2</v>
      </c>
      <c r="AU17" s="257">
        <v>0</v>
      </c>
      <c r="AV17" s="261">
        <v>2</v>
      </c>
      <c r="AW17" s="258">
        <v>2</v>
      </c>
      <c r="AX17" s="260">
        <v>0</v>
      </c>
      <c r="AY17" s="261">
        <v>3</v>
      </c>
      <c r="AZ17" s="261">
        <v>5</v>
      </c>
      <c r="BA17" s="261">
        <v>3</v>
      </c>
      <c r="BB17" s="261">
        <v>5</v>
      </c>
      <c r="BC17" s="261">
        <v>3</v>
      </c>
      <c r="BD17" s="262">
        <v>19</v>
      </c>
      <c r="BE17" s="263">
        <v>21</v>
      </c>
      <c r="BF17" s="257">
        <v>0</v>
      </c>
      <c r="BG17" s="261">
        <v>0</v>
      </c>
      <c r="BH17" s="258">
        <v>0</v>
      </c>
      <c r="BI17" s="260">
        <v>0</v>
      </c>
      <c r="BJ17" s="261">
        <v>3</v>
      </c>
      <c r="BK17" s="261">
        <v>6</v>
      </c>
      <c r="BL17" s="261">
        <v>3</v>
      </c>
      <c r="BM17" s="261">
        <v>2</v>
      </c>
      <c r="BN17" s="261">
        <v>0</v>
      </c>
      <c r="BO17" s="258">
        <v>14</v>
      </c>
      <c r="BP17" s="263">
        <v>14</v>
      </c>
      <c r="BQ17" s="257">
        <v>0</v>
      </c>
      <c r="BR17" s="261">
        <v>0</v>
      </c>
      <c r="BS17" s="258">
        <v>0</v>
      </c>
      <c r="BT17" s="260">
        <v>0</v>
      </c>
      <c r="BU17" s="261">
        <v>0</v>
      </c>
      <c r="BV17" s="261">
        <v>2</v>
      </c>
      <c r="BW17" s="261">
        <v>2</v>
      </c>
      <c r="BX17" s="261">
        <v>2</v>
      </c>
      <c r="BY17" s="261">
        <v>1</v>
      </c>
      <c r="BZ17" s="258">
        <v>7</v>
      </c>
      <c r="CA17" s="263">
        <v>7</v>
      </c>
      <c r="CB17" s="257">
        <v>0</v>
      </c>
      <c r="CC17" s="261">
        <v>0</v>
      </c>
      <c r="CD17" s="258">
        <v>0</v>
      </c>
      <c r="CE17" s="260">
        <v>0</v>
      </c>
      <c r="CF17" s="261">
        <v>0</v>
      </c>
      <c r="CG17" s="261">
        <v>3</v>
      </c>
      <c r="CH17" s="261">
        <v>6</v>
      </c>
      <c r="CI17" s="261">
        <v>1</v>
      </c>
      <c r="CJ17" s="261">
        <v>2</v>
      </c>
      <c r="CK17" s="258">
        <v>12</v>
      </c>
      <c r="CL17" s="263">
        <v>12</v>
      </c>
      <c r="CM17" s="257">
        <v>0</v>
      </c>
      <c r="CN17" s="261">
        <v>0</v>
      </c>
      <c r="CO17" s="258">
        <v>0</v>
      </c>
      <c r="CP17" s="260">
        <v>0</v>
      </c>
      <c r="CQ17" s="261">
        <v>0</v>
      </c>
      <c r="CR17" s="261">
        <v>1</v>
      </c>
      <c r="CS17" s="261">
        <v>0</v>
      </c>
      <c r="CT17" s="261">
        <v>0</v>
      </c>
      <c r="CU17" s="261">
        <v>0</v>
      </c>
      <c r="CV17" s="258">
        <v>1</v>
      </c>
      <c r="CW17" s="263">
        <v>1</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2</v>
      </c>
      <c r="DU17" s="261">
        <v>4</v>
      </c>
      <c r="DV17" s="258">
        <v>6</v>
      </c>
      <c r="DW17" s="260">
        <v>0</v>
      </c>
      <c r="DX17" s="261">
        <v>6</v>
      </c>
      <c r="DY17" s="261">
        <v>14</v>
      </c>
      <c r="DZ17" s="261">
        <v>6</v>
      </c>
      <c r="EA17" s="261">
        <v>6</v>
      </c>
      <c r="EB17" s="261">
        <v>4</v>
      </c>
      <c r="EC17" s="258">
        <v>36</v>
      </c>
      <c r="ED17" s="263">
        <v>42</v>
      </c>
      <c r="EE17" s="257">
        <v>1</v>
      </c>
      <c r="EF17" s="261">
        <v>1</v>
      </c>
      <c r="EG17" s="258">
        <v>2</v>
      </c>
      <c r="EH17" s="260">
        <v>0</v>
      </c>
      <c r="EI17" s="261">
        <v>4</v>
      </c>
      <c r="EJ17" s="261">
        <v>4</v>
      </c>
      <c r="EK17" s="261">
        <v>1</v>
      </c>
      <c r="EL17" s="261">
        <v>3</v>
      </c>
      <c r="EM17" s="261">
        <v>0</v>
      </c>
      <c r="EN17" s="258">
        <v>12</v>
      </c>
      <c r="EO17" s="263">
        <v>14</v>
      </c>
      <c r="EP17" s="257">
        <v>2</v>
      </c>
      <c r="EQ17" s="261">
        <v>5</v>
      </c>
      <c r="ER17" s="258">
        <v>7</v>
      </c>
      <c r="ES17" s="260">
        <v>0</v>
      </c>
      <c r="ET17" s="261">
        <v>11</v>
      </c>
      <c r="EU17" s="261">
        <v>18</v>
      </c>
      <c r="EV17" s="261">
        <v>8</v>
      </c>
      <c r="EW17" s="261">
        <v>5</v>
      </c>
      <c r="EX17" s="261">
        <v>6</v>
      </c>
      <c r="EY17" s="258">
        <v>48</v>
      </c>
      <c r="EZ17" s="263">
        <v>55</v>
      </c>
    </row>
    <row r="18" spans="2:156" ht="21" customHeight="1" x14ac:dyDescent="0.2">
      <c r="B18" s="472" t="s">
        <v>16</v>
      </c>
      <c r="C18" s="257">
        <v>0</v>
      </c>
      <c r="D18" s="261">
        <v>0</v>
      </c>
      <c r="E18" s="358">
        <v>0</v>
      </c>
      <c r="F18" s="260">
        <v>0</v>
      </c>
      <c r="G18" s="261">
        <v>6</v>
      </c>
      <c r="H18" s="261">
        <v>17</v>
      </c>
      <c r="I18" s="261">
        <v>7</v>
      </c>
      <c r="J18" s="261">
        <v>4</v>
      </c>
      <c r="K18" s="261">
        <v>1</v>
      </c>
      <c r="L18" s="262">
        <v>35</v>
      </c>
      <c r="M18" s="263">
        <v>35</v>
      </c>
      <c r="N18" s="257">
        <v>0</v>
      </c>
      <c r="O18" s="261">
        <v>0</v>
      </c>
      <c r="P18" s="258">
        <v>0</v>
      </c>
      <c r="Q18" s="260">
        <v>0</v>
      </c>
      <c r="R18" s="261">
        <v>0</v>
      </c>
      <c r="S18" s="261">
        <v>0</v>
      </c>
      <c r="T18" s="261">
        <v>1</v>
      </c>
      <c r="U18" s="261">
        <v>2</v>
      </c>
      <c r="V18" s="261">
        <v>4</v>
      </c>
      <c r="W18" s="258">
        <v>7</v>
      </c>
      <c r="X18" s="263">
        <v>7</v>
      </c>
      <c r="Y18" s="257">
        <v>2</v>
      </c>
      <c r="Z18" s="261">
        <v>3</v>
      </c>
      <c r="AA18" s="258">
        <v>5</v>
      </c>
      <c r="AB18" s="260">
        <v>0</v>
      </c>
      <c r="AC18" s="261">
        <v>10</v>
      </c>
      <c r="AD18" s="261">
        <v>10</v>
      </c>
      <c r="AE18" s="261">
        <v>8</v>
      </c>
      <c r="AF18" s="261">
        <v>5</v>
      </c>
      <c r="AG18" s="261">
        <v>5</v>
      </c>
      <c r="AH18" s="258">
        <v>38</v>
      </c>
      <c r="AI18" s="263">
        <v>43</v>
      </c>
      <c r="AJ18" s="257">
        <v>0</v>
      </c>
      <c r="AK18" s="261">
        <v>0</v>
      </c>
      <c r="AL18" s="258">
        <v>0</v>
      </c>
      <c r="AM18" s="260">
        <v>0</v>
      </c>
      <c r="AN18" s="261">
        <v>0</v>
      </c>
      <c r="AO18" s="261">
        <v>1</v>
      </c>
      <c r="AP18" s="261">
        <v>3</v>
      </c>
      <c r="AQ18" s="261">
        <v>0</v>
      </c>
      <c r="AR18" s="261">
        <v>1</v>
      </c>
      <c r="AS18" s="258">
        <v>5</v>
      </c>
      <c r="AT18" s="263">
        <v>5</v>
      </c>
      <c r="AU18" s="257">
        <v>2</v>
      </c>
      <c r="AV18" s="261">
        <v>1</v>
      </c>
      <c r="AW18" s="258">
        <v>3</v>
      </c>
      <c r="AX18" s="260">
        <v>0</v>
      </c>
      <c r="AY18" s="261">
        <v>9</v>
      </c>
      <c r="AZ18" s="261">
        <v>12</v>
      </c>
      <c r="BA18" s="261">
        <v>23</v>
      </c>
      <c r="BB18" s="261">
        <v>11</v>
      </c>
      <c r="BC18" s="261">
        <v>11</v>
      </c>
      <c r="BD18" s="262">
        <v>66</v>
      </c>
      <c r="BE18" s="263">
        <v>69</v>
      </c>
      <c r="BF18" s="257">
        <v>0</v>
      </c>
      <c r="BG18" s="261">
        <v>0</v>
      </c>
      <c r="BH18" s="258">
        <v>0</v>
      </c>
      <c r="BI18" s="260">
        <v>0</v>
      </c>
      <c r="BJ18" s="261">
        <v>31</v>
      </c>
      <c r="BK18" s="261">
        <v>16</v>
      </c>
      <c r="BL18" s="261">
        <v>6</v>
      </c>
      <c r="BM18" s="261">
        <v>4</v>
      </c>
      <c r="BN18" s="261">
        <v>2</v>
      </c>
      <c r="BO18" s="258">
        <v>59</v>
      </c>
      <c r="BP18" s="263">
        <v>59</v>
      </c>
      <c r="BQ18" s="257">
        <v>1</v>
      </c>
      <c r="BR18" s="261">
        <v>4</v>
      </c>
      <c r="BS18" s="258">
        <v>5</v>
      </c>
      <c r="BT18" s="260">
        <v>0</v>
      </c>
      <c r="BU18" s="261">
        <v>7</v>
      </c>
      <c r="BV18" s="261">
        <v>19</v>
      </c>
      <c r="BW18" s="261">
        <v>4</v>
      </c>
      <c r="BX18" s="261">
        <v>4</v>
      </c>
      <c r="BY18" s="261">
        <v>1</v>
      </c>
      <c r="BZ18" s="258">
        <v>35</v>
      </c>
      <c r="CA18" s="263">
        <v>40</v>
      </c>
      <c r="CB18" s="257">
        <v>0</v>
      </c>
      <c r="CC18" s="261">
        <v>1</v>
      </c>
      <c r="CD18" s="258">
        <v>1</v>
      </c>
      <c r="CE18" s="260">
        <v>0</v>
      </c>
      <c r="CF18" s="261">
        <v>4</v>
      </c>
      <c r="CG18" s="261">
        <v>5</v>
      </c>
      <c r="CH18" s="261">
        <v>4</v>
      </c>
      <c r="CI18" s="261">
        <v>2</v>
      </c>
      <c r="CJ18" s="261">
        <v>0</v>
      </c>
      <c r="CK18" s="258">
        <v>15</v>
      </c>
      <c r="CL18" s="263">
        <v>16</v>
      </c>
      <c r="CM18" s="257">
        <v>0</v>
      </c>
      <c r="CN18" s="261">
        <v>0</v>
      </c>
      <c r="CO18" s="258">
        <v>0</v>
      </c>
      <c r="CP18" s="260">
        <v>0</v>
      </c>
      <c r="CQ18" s="261">
        <v>0</v>
      </c>
      <c r="CR18" s="261">
        <v>1</v>
      </c>
      <c r="CS18" s="261">
        <v>0</v>
      </c>
      <c r="CT18" s="261">
        <v>0</v>
      </c>
      <c r="CU18" s="261">
        <v>0</v>
      </c>
      <c r="CV18" s="258">
        <v>1</v>
      </c>
      <c r="CW18" s="263">
        <v>1</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8</v>
      </c>
      <c r="DU18" s="261">
        <v>18</v>
      </c>
      <c r="DV18" s="258">
        <v>26</v>
      </c>
      <c r="DW18" s="260">
        <v>0</v>
      </c>
      <c r="DX18" s="261">
        <v>23</v>
      </c>
      <c r="DY18" s="261">
        <v>45</v>
      </c>
      <c r="DZ18" s="261">
        <v>21</v>
      </c>
      <c r="EA18" s="261">
        <v>14</v>
      </c>
      <c r="EB18" s="261">
        <v>9</v>
      </c>
      <c r="EC18" s="258">
        <v>112</v>
      </c>
      <c r="ED18" s="263">
        <v>138</v>
      </c>
      <c r="EE18" s="257">
        <v>2</v>
      </c>
      <c r="EF18" s="261">
        <v>1</v>
      </c>
      <c r="EG18" s="258">
        <v>3</v>
      </c>
      <c r="EH18" s="260">
        <v>0</v>
      </c>
      <c r="EI18" s="261">
        <v>8</v>
      </c>
      <c r="EJ18" s="261">
        <v>6</v>
      </c>
      <c r="EK18" s="261">
        <v>16</v>
      </c>
      <c r="EL18" s="261">
        <v>8</v>
      </c>
      <c r="EM18" s="261">
        <v>8</v>
      </c>
      <c r="EN18" s="258">
        <v>46</v>
      </c>
      <c r="EO18" s="263">
        <v>49</v>
      </c>
      <c r="EP18" s="257">
        <v>11</v>
      </c>
      <c r="EQ18" s="261">
        <v>23</v>
      </c>
      <c r="ER18" s="258">
        <v>34</v>
      </c>
      <c r="ES18" s="260">
        <v>0</v>
      </c>
      <c r="ET18" s="261">
        <v>52</v>
      </c>
      <c r="EU18" s="261">
        <v>60</v>
      </c>
      <c r="EV18" s="261">
        <v>28</v>
      </c>
      <c r="EW18" s="261">
        <v>17</v>
      </c>
      <c r="EX18" s="261">
        <v>8</v>
      </c>
      <c r="EY18" s="258">
        <v>165</v>
      </c>
      <c r="EZ18" s="263">
        <v>199</v>
      </c>
    </row>
    <row r="19" spans="2:156" ht="21" customHeight="1" x14ac:dyDescent="0.2">
      <c r="B19" s="472" t="s">
        <v>17</v>
      </c>
      <c r="C19" s="257">
        <v>0</v>
      </c>
      <c r="D19" s="261">
        <v>0</v>
      </c>
      <c r="E19" s="358">
        <v>0</v>
      </c>
      <c r="F19" s="260">
        <v>0</v>
      </c>
      <c r="G19" s="261">
        <v>13</v>
      </c>
      <c r="H19" s="261">
        <v>14</v>
      </c>
      <c r="I19" s="261">
        <v>18</v>
      </c>
      <c r="J19" s="261">
        <v>11</v>
      </c>
      <c r="K19" s="261">
        <v>5</v>
      </c>
      <c r="L19" s="262">
        <v>61</v>
      </c>
      <c r="M19" s="263">
        <v>61</v>
      </c>
      <c r="N19" s="257">
        <v>0</v>
      </c>
      <c r="O19" s="261">
        <v>0</v>
      </c>
      <c r="P19" s="258">
        <v>0</v>
      </c>
      <c r="Q19" s="260">
        <v>0</v>
      </c>
      <c r="R19" s="261">
        <v>0</v>
      </c>
      <c r="S19" s="261">
        <v>1</v>
      </c>
      <c r="T19" s="261">
        <v>1</v>
      </c>
      <c r="U19" s="261">
        <v>4</v>
      </c>
      <c r="V19" s="261">
        <v>2</v>
      </c>
      <c r="W19" s="258">
        <v>8</v>
      </c>
      <c r="X19" s="263">
        <v>8</v>
      </c>
      <c r="Y19" s="257">
        <v>5</v>
      </c>
      <c r="Z19" s="261">
        <v>6</v>
      </c>
      <c r="AA19" s="258">
        <v>11</v>
      </c>
      <c r="AB19" s="260">
        <v>0</v>
      </c>
      <c r="AC19" s="261">
        <v>12</v>
      </c>
      <c r="AD19" s="261">
        <v>21</v>
      </c>
      <c r="AE19" s="261">
        <v>16</v>
      </c>
      <c r="AF19" s="261">
        <v>14</v>
      </c>
      <c r="AG19" s="261">
        <v>8</v>
      </c>
      <c r="AH19" s="258">
        <v>71</v>
      </c>
      <c r="AI19" s="263">
        <v>82</v>
      </c>
      <c r="AJ19" s="257">
        <v>0</v>
      </c>
      <c r="AK19" s="261">
        <v>0</v>
      </c>
      <c r="AL19" s="258">
        <v>0</v>
      </c>
      <c r="AM19" s="260">
        <v>0</v>
      </c>
      <c r="AN19" s="261">
        <v>1</v>
      </c>
      <c r="AO19" s="261">
        <v>3</v>
      </c>
      <c r="AP19" s="261">
        <v>4</v>
      </c>
      <c r="AQ19" s="261">
        <v>2</v>
      </c>
      <c r="AR19" s="261">
        <v>2</v>
      </c>
      <c r="AS19" s="258">
        <v>12</v>
      </c>
      <c r="AT19" s="263">
        <v>12</v>
      </c>
      <c r="AU19" s="257">
        <v>7</v>
      </c>
      <c r="AV19" s="261">
        <v>6</v>
      </c>
      <c r="AW19" s="258">
        <v>13</v>
      </c>
      <c r="AX19" s="260">
        <v>0</v>
      </c>
      <c r="AY19" s="261">
        <v>13</v>
      </c>
      <c r="AZ19" s="261">
        <v>22</v>
      </c>
      <c r="BA19" s="261">
        <v>27</v>
      </c>
      <c r="BB19" s="261">
        <v>28</v>
      </c>
      <c r="BC19" s="261">
        <v>21</v>
      </c>
      <c r="BD19" s="262">
        <v>111</v>
      </c>
      <c r="BE19" s="263">
        <v>124</v>
      </c>
      <c r="BF19" s="257">
        <v>0</v>
      </c>
      <c r="BG19" s="261">
        <v>0</v>
      </c>
      <c r="BH19" s="258">
        <v>0</v>
      </c>
      <c r="BI19" s="260">
        <v>0</v>
      </c>
      <c r="BJ19" s="261">
        <v>18</v>
      </c>
      <c r="BK19" s="261">
        <v>30</v>
      </c>
      <c r="BL19" s="261">
        <v>15</v>
      </c>
      <c r="BM19" s="261">
        <v>11</v>
      </c>
      <c r="BN19" s="261">
        <v>3</v>
      </c>
      <c r="BO19" s="258">
        <v>77</v>
      </c>
      <c r="BP19" s="263">
        <v>77</v>
      </c>
      <c r="BQ19" s="257">
        <v>6</v>
      </c>
      <c r="BR19" s="261">
        <v>3</v>
      </c>
      <c r="BS19" s="258">
        <v>9</v>
      </c>
      <c r="BT19" s="260">
        <v>0</v>
      </c>
      <c r="BU19" s="261">
        <v>4</v>
      </c>
      <c r="BV19" s="261">
        <v>14</v>
      </c>
      <c r="BW19" s="261">
        <v>7</v>
      </c>
      <c r="BX19" s="261">
        <v>4</v>
      </c>
      <c r="BY19" s="261">
        <v>4</v>
      </c>
      <c r="BZ19" s="258">
        <v>33</v>
      </c>
      <c r="CA19" s="263">
        <v>42</v>
      </c>
      <c r="CB19" s="257">
        <v>0</v>
      </c>
      <c r="CC19" s="261">
        <v>0</v>
      </c>
      <c r="CD19" s="258">
        <v>0</v>
      </c>
      <c r="CE19" s="260">
        <v>0</v>
      </c>
      <c r="CF19" s="261">
        <v>2</v>
      </c>
      <c r="CG19" s="261">
        <v>6</v>
      </c>
      <c r="CH19" s="261">
        <v>8</v>
      </c>
      <c r="CI19" s="261">
        <v>7</v>
      </c>
      <c r="CJ19" s="261">
        <v>1</v>
      </c>
      <c r="CK19" s="258">
        <v>24</v>
      </c>
      <c r="CL19" s="263">
        <v>24</v>
      </c>
      <c r="CM19" s="257">
        <v>0</v>
      </c>
      <c r="CN19" s="261">
        <v>0</v>
      </c>
      <c r="CO19" s="258">
        <v>0</v>
      </c>
      <c r="CP19" s="260">
        <v>0</v>
      </c>
      <c r="CQ19" s="261">
        <v>0</v>
      </c>
      <c r="CR19" s="261">
        <v>3</v>
      </c>
      <c r="CS19" s="261">
        <v>0</v>
      </c>
      <c r="CT19" s="261">
        <v>1</v>
      </c>
      <c r="CU19" s="261">
        <v>0</v>
      </c>
      <c r="CV19" s="258">
        <v>4</v>
      </c>
      <c r="CW19" s="263">
        <v>4</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2</v>
      </c>
      <c r="DU19" s="261">
        <v>27</v>
      </c>
      <c r="DV19" s="258">
        <v>39</v>
      </c>
      <c r="DW19" s="260">
        <v>0</v>
      </c>
      <c r="DX19" s="261">
        <v>21</v>
      </c>
      <c r="DY19" s="261">
        <v>54</v>
      </c>
      <c r="DZ19" s="261">
        <v>47</v>
      </c>
      <c r="EA19" s="261">
        <v>26</v>
      </c>
      <c r="EB19" s="261">
        <v>15</v>
      </c>
      <c r="EC19" s="258">
        <v>163</v>
      </c>
      <c r="ED19" s="263">
        <v>202</v>
      </c>
      <c r="EE19" s="257">
        <v>5</v>
      </c>
      <c r="EF19" s="261">
        <v>3</v>
      </c>
      <c r="EG19" s="258">
        <v>8</v>
      </c>
      <c r="EH19" s="260">
        <v>0</v>
      </c>
      <c r="EI19" s="261">
        <v>9</v>
      </c>
      <c r="EJ19" s="261">
        <v>9</v>
      </c>
      <c r="EK19" s="261">
        <v>10</v>
      </c>
      <c r="EL19" s="261">
        <v>13</v>
      </c>
      <c r="EM19" s="261">
        <v>7</v>
      </c>
      <c r="EN19" s="258">
        <v>48</v>
      </c>
      <c r="EO19" s="263">
        <v>56</v>
      </c>
      <c r="EP19" s="257">
        <v>21</v>
      </c>
      <c r="EQ19" s="261">
        <v>30</v>
      </c>
      <c r="ER19" s="258">
        <v>51</v>
      </c>
      <c r="ES19" s="260">
        <v>0</v>
      </c>
      <c r="ET19" s="261">
        <v>55</v>
      </c>
      <c r="EU19" s="261">
        <v>81</v>
      </c>
      <c r="EV19" s="261">
        <v>57</v>
      </c>
      <c r="EW19" s="261">
        <v>30</v>
      </c>
      <c r="EX19" s="261">
        <v>16</v>
      </c>
      <c r="EY19" s="258">
        <v>239</v>
      </c>
      <c r="EZ19" s="263">
        <v>290</v>
      </c>
    </row>
    <row r="20" spans="2:156" ht="21" customHeight="1" x14ac:dyDescent="0.2">
      <c r="B20" s="472" t="s">
        <v>18</v>
      </c>
      <c r="C20" s="257">
        <v>0</v>
      </c>
      <c r="D20" s="261">
        <v>0</v>
      </c>
      <c r="E20" s="358">
        <v>0</v>
      </c>
      <c r="F20" s="260">
        <v>0</v>
      </c>
      <c r="G20" s="261">
        <v>25</v>
      </c>
      <c r="H20" s="261">
        <v>24</v>
      </c>
      <c r="I20" s="261">
        <v>17</v>
      </c>
      <c r="J20" s="261">
        <v>16</v>
      </c>
      <c r="K20" s="261">
        <v>10</v>
      </c>
      <c r="L20" s="262">
        <v>92</v>
      </c>
      <c r="M20" s="263">
        <v>92</v>
      </c>
      <c r="N20" s="257">
        <v>0</v>
      </c>
      <c r="O20" s="261">
        <v>0</v>
      </c>
      <c r="P20" s="258">
        <v>0</v>
      </c>
      <c r="Q20" s="260">
        <v>0</v>
      </c>
      <c r="R20" s="261">
        <v>0</v>
      </c>
      <c r="S20" s="261">
        <v>0</v>
      </c>
      <c r="T20" s="261">
        <v>1</v>
      </c>
      <c r="U20" s="261">
        <v>4</v>
      </c>
      <c r="V20" s="261">
        <v>4</v>
      </c>
      <c r="W20" s="258">
        <v>9</v>
      </c>
      <c r="X20" s="263">
        <v>9</v>
      </c>
      <c r="Y20" s="257">
        <v>6</v>
      </c>
      <c r="Z20" s="261">
        <v>7</v>
      </c>
      <c r="AA20" s="258">
        <v>13</v>
      </c>
      <c r="AB20" s="260">
        <v>0</v>
      </c>
      <c r="AC20" s="261">
        <v>23</v>
      </c>
      <c r="AD20" s="261">
        <v>28</v>
      </c>
      <c r="AE20" s="261">
        <v>21</v>
      </c>
      <c r="AF20" s="261">
        <v>13</v>
      </c>
      <c r="AG20" s="261">
        <v>10</v>
      </c>
      <c r="AH20" s="258">
        <v>95</v>
      </c>
      <c r="AI20" s="263">
        <v>108</v>
      </c>
      <c r="AJ20" s="257">
        <v>1</v>
      </c>
      <c r="AK20" s="261">
        <v>0</v>
      </c>
      <c r="AL20" s="258">
        <v>1</v>
      </c>
      <c r="AM20" s="260">
        <v>0</v>
      </c>
      <c r="AN20" s="261">
        <v>1</v>
      </c>
      <c r="AO20" s="261">
        <v>3</v>
      </c>
      <c r="AP20" s="261">
        <v>2</v>
      </c>
      <c r="AQ20" s="261">
        <v>0</v>
      </c>
      <c r="AR20" s="261">
        <v>1</v>
      </c>
      <c r="AS20" s="258">
        <v>7</v>
      </c>
      <c r="AT20" s="263">
        <v>8</v>
      </c>
      <c r="AU20" s="257">
        <v>1</v>
      </c>
      <c r="AV20" s="261">
        <v>6</v>
      </c>
      <c r="AW20" s="258">
        <v>7</v>
      </c>
      <c r="AX20" s="260">
        <v>0</v>
      </c>
      <c r="AY20" s="261">
        <v>28</v>
      </c>
      <c r="AZ20" s="261">
        <v>31</v>
      </c>
      <c r="BA20" s="261">
        <v>34</v>
      </c>
      <c r="BB20" s="261">
        <v>34</v>
      </c>
      <c r="BC20" s="261">
        <v>21</v>
      </c>
      <c r="BD20" s="262">
        <v>148</v>
      </c>
      <c r="BE20" s="263">
        <v>155</v>
      </c>
      <c r="BF20" s="257">
        <v>0</v>
      </c>
      <c r="BG20" s="261">
        <v>0</v>
      </c>
      <c r="BH20" s="258">
        <v>0</v>
      </c>
      <c r="BI20" s="260">
        <v>0</v>
      </c>
      <c r="BJ20" s="261">
        <v>37</v>
      </c>
      <c r="BK20" s="261">
        <v>40</v>
      </c>
      <c r="BL20" s="261">
        <v>18</v>
      </c>
      <c r="BM20" s="261">
        <v>11</v>
      </c>
      <c r="BN20" s="261">
        <v>6</v>
      </c>
      <c r="BO20" s="258">
        <v>112</v>
      </c>
      <c r="BP20" s="263">
        <v>112</v>
      </c>
      <c r="BQ20" s="257">
        <v>6</v>
      </c>
      <c r="BR20" s="261">
        <v>4</v>
      </c>
      <c r="BS20" s="258">
        <v>10</v>
      </c>
      <c r="BT20" s="260">
        <v>0</v>
      </c>
      <c r="BU20" s="261">
        <v>11</v>
      </c>
      <c r="BV20" s="261">
        <v>20</v>
      </c>
      <c r="BW20" s="261">
        <v>6</v>
      </c>
      <c r="BX20" s="261">
        <v>6</v>
      </c>
      <c r="BY20" s="261">
        <v>2</v>
      </c>
      <c r="BZ20" s="258">
        <v>45</v>
      </c>
      <c r="CA20" s="263">
        <v>55</v>
      </c>
      <c r="CB20" s="257">
        <v>0</v>
      </c>
      <c r="CC20" s="261">
        <v>0</v>
      </c>
      <c r="CD20" s="258">
        <v>0</v>
      </c>
      <c r="CE20" s="260">
        <v>0</v>
      </c>
      <c r="CF20" s="261">
        <v>2</v>
      </c>
      <c r="CG20" s="261">
        <v>8</v>
      </c>
      <c r="CH20" s="261">
        <v>7</v>
      </c>
      <c r="CI20" s="261">
        <v>6</v>
      </c>
      <c r="CJ20" s="261">
        <v>4</v>
      </c>
      <c r="CK20" s="258">
        <v>27</v>
      </c>
      <c r="CL20" s="263">
        <v>27</v>
      </c>
      <c r="CM20" s="257">
        <v>0</v>
      </c>
      <c r="CN20" s="261">
        <v>0</v>
      </c>
      <c r="CO20" s="258">
        <v>0</v>
      </c>
      <c r="CP20" s="260">
        <v>0</v>
      </c>
      <c r="CQ20" s="261">
        <v>0</v>
      </c>
      <c r="CR20" s="261">
        <v>1</v>
      </c>
      <c r="CS20" s="261">
        <v>1</v>
      </c>
      <c r="CT20" s="261">
        <v>0</v>
      </c>
      <c r="CU20" s="261">
        <v>1</v>
      </c>
      <c r="CV20" s="258">
        <v>3</v>
      </c>
      <c r="CW20" s="263">
        <v>3</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12</v>
      </c>
      <c r="DU20" s="261">
        <v>25</v>
      </c>
      <c r="DV20" s="258">
        <v>37</v>
      </c>
      <c r="DW20" s="260">
        <v>0</v>
      </c>
      <c r="DX20" s="261">
        <v>45</v>
      </c>
      <c r="DY20" s="261">
        <v>56</v>
      </c>
      <c r="DZ20" s="261">
        <v>53</v>
      </c>
      <c r="EA20" s="261">
        <v>37</v>
      </c>
      <c r="EB20" s="261">
        <v>20</v>
      </c>
      <c r="EC20" s="258">
        <v>211</v>
      </c>
      <c r="ED20" s="263">
        <v>248</v>
      </c>
      <c r="EE20" s="257">
        <v>1</v>
      </c>
      <c r="EF20" s="261">
        <v>3</v>
      </c>
      <c r="EG20" s="258">
        <v>4</v>
      </c>
      <c r="EH20" s="260">
        <v>0</v>
      </c>
      <c r="EI20" s="261">
        <v>10</v>
      </c>
      <c r="EJ20" s="261">
        <v>11</v>
      </c>
      <c r="EK20" s="261">
        <v>10</v>
      </c>
      <c r="EL20" s="261">
        <v>14</v>
      </c>
      <c r="EM20" s="261">
        <v>12</v>
      </c>
      <c r="EN20" s="258">
        <v>57</v>
      </c>
      <c r="EO20" s="263">
        <v>61</v>
      </c>
      <c r="EP20" s="257">
        <v>22</v>
      </c>
      <c r="EQ20" s="261">
        <v>31</v>
      </c>
      <c r="ER20" s="258">
        <v>53</v>
      </c>
      <c r="ES20" s="260">
        <v>0</v>
      </c>
      <c r="ET20" s="261">
        <v>99</v>
      </c>
      <c r="EU20" s="261">
        <v>93</v>
      </c>
      <c r="EV20" s="261">
        <v>55</v>
      </c>
      <c r="EW20" s="261">
        <v>42</v>
      </c>
      <c r="EX20" s="261">
        <v>18</v>
      </c>
      <c r="EY20" s="258">
        <v>307</v>
      </c>
      <c r="EZ20" s="263">
        <v>360</v>
      </c>
    </row>
    <row r="21" spans="2:156" ht="21" customHeight="1" x14ac:dyDescent="0.2">
      <c r="B21" s="472" t="s">
        <v>19</v>
      </c>
      <c r="C21" s="257">
        <v>0</v>
      </c>
      <c r="D21" s="261">
        <v>0</v>
      </c>
      <c r="E21" s="358">
        <v>0</v>
      </c>
      <c r="F21" s="260">
        <v>0</v>
      </c>
      <c r="G21" s="261">
        <v>11</v>
      </c>
      <c r="H21" s="261">
        <v>9</v>
      </c>
      <c r="I21" s="261">
        <v>4</v>
      </c>
      <c r="J21" s="261">
        <v>3</v>
      </c>
      <c r="K21" s="261">
        <v>1</v>
      </c>
      <c r="L21" s="262">
        <v>28</v>
      </c>
      <c r="M21" s="263">
        <v>28</v>
      </c>
      <c r="N21" s="257">
        <v>0</v>
      </c>
      <c r="O21" s="261">
        <v>0</v>
      </c>
      <c r="P21" s="258">
        <v>0</v>
      </c>
      <c r="Q21" s="260">
        <v>0</v>
      </c>
      <c r="R21" s="261">
        <v>0</v>
      </c>
      <c r="S21" s="261">
        <v>0</v>
      </c>
      <c r="T21" s="261">
        <v>0</v>
      </c>
      <c r="U21" s="261">
        <v>1</v>
      </c>
      <c r="V21" s="261">
        <v>2</v>
      </c>
      <c r="W21" s="258">
        <v>3</v>
      </c>
      <c r="X21" s="263">
        <v>3</v>
      </c>
      <c r="Y21" s="257">
        <v>2</v>
      </c>
      <c r="Z21" s="261">
        <v>3</v>
      </c>
      <c r="AA21" s="258">
        <v>5</v>
      </c>
      <c r="AB21" s="260">
        <v>0</v>
      </c>
      <c r="AC21" s="261">
        <v>13</v>
      </c>
      <c r="AD21" s="261">
        <v>9</v>
      </c>
      <c r="AE21" s="261">
        <v>7</v>
      </c>
      <c r="AF21" s="261">
        <v>4</v>
      </c>
      <c r="AG21" s="261">
        <v>3</v>
      </c>
      <c r="AH21" s="258">
        <v>36</v>
      </c>
      <c r="AI21" s="263">
        <v>41</v>
      </c>
      <c r="AJ21" s="257">
        <v>0</v>
      </c>
      <c r="AK21" s="261">
        <v>0</v>
      </c>
      <c r="AL21" s="258">
        <v>0</v>
      </c>
      <c r="AM21" s="260">
        <v>0</v>
      </c>
      <c r="AN21" s="261">
        <v>2</v>
      </c>
      <c r="AO21" s="261">
        <v>0</v>
      </c>
      <c r="AP21" s="261">
        <v>0</v>
      </c>
      <c r="AQ21" s="261">
        <v>1</v>
      </c>
      <c r="AR21" s="261">
        <v>0</v>
      </c>
      <c r="AS21" s="258">
        <v>3</v>
      </c>
      <c r="AT21" s="263">
        <v>3</v>
      </c>
      <c r="AU21" s="257">
        <v>2</v>
      </c>
      <c r="AV21" s="261">
        <v>2</v>
      </c>
      <c r="AW21" s="258">
        <v>4</v>
      </c>
      <c r="AX21" s="260">
        <v>0</v>
      </c>
      <c r="AY21" s="261">
        <v>12</v>
      </c>
      <c r="AZ21" s="261">
        <v>16</v>
      </c>
      <c r="BA21" s="261">
        <v>11</v>
      </c>
      <c r="BB21" s="261">
        <v>9</v>
      </c>
      <c r="BC21" s="261">
        <v>10</v>
      </c>
      <c r="BD21" s="262">
        <v>58</v>
      </c>
      <c r="BE21" s="263">
        <v>62</v>
      </c>
      <c r="BF21" s="257">
        <v>0</v>
      </c>
      <c r="BG21" s="261">
        <v>0</v>
      </c>
      <c r="BH21" s="258">
        <v>0</v>
      </c>
      <c r="BI21" s="260">
        <v>0</v>
      </c>
      <c r="BJ21" s="261">
        <v>13</v>
      </c>
      <c r="BK21" s="261">
        <v>12</v>
      </c>
      <c r="BL21" s="261">
        <v>5</v>
      </c>
      <c r="BM21" s="261">
        <v>1</v>
      </c>
      <c r="BN21" s="261">
        <v>3</v>
      </c>
      <c r="BO21" s="258">
        <v>34</v>
      </c>
      <c r="BP21" s="263">
        <v>34</v>
      </c>
      <c r="BQ21" s="257">
        <v>0</v>
      </c>
      <c r="BR21" s="261">
        <v>3</v>
      </c>
      <c r="BS21" s="258">
        <v>3</v>
      </c>
      <c r="BT21" s="260">
        <v>0</v>
      </c>
      <c r="BU21" s="261">
        <v>8</v>
      </c>
      <c r="BV21" s="261">
        <v>6</v>
      </c>
      <c r="BW21" s="261">
        <v>7</v>
      </c>
      <c r="BX21" s="261">
        <v>3</v>
      </c>
      <c r="BY21" s="261">
        <v>1</v>
      </c>
      <c r="BZ21" s="258">
        <v>25</v>
      </c>
      <c r="CA21" s="263">
        <v>28</v>
      </c>
      <c r="CB21" s="257">
        <v>0</v>
      </c>
      <c r="CC21" s="261">
        <v>1</v>
      </c>
      <c r="CD21" s="258">
        <v>1</v>
      </c>
      <c r="CE21" s="260">
        <v>0</v>
      </c>
      <c r="CF21" s="261">
        <v>1</v>
      </c>
      <c r="CG21" s="261">
        <v>1</v>
      </c>
      <c r="CH21" s="261">
        <v>4</v>
      </c>
      <c r="CI21" s="261">
        <v>0</v>
      </c>
      <c r="CJ21" s="261">
        <v>0</v>
      </c>
      <c r="CK21" s="258">
        <v>6</v>
      </c>
      <c r="CL21" s="263">
        <v>7</v>
      </c>
      <c r="CM21" s="257">
        <v>0</v>
      </c>
      <c r="CN21" s="261">
        <v>0</v>
      </c>
      <c r="CO21" s="258">
        <v>0</v>
      </c>
      <c r="CP21" s="260">
        <v>0</v>
      </c>
      <c r="CQ21" s="261">
        <v>0</v>
      </c>
      <c r="CR21" s="261">
        <v>1</v>
      </c>
      <c r="CS21" s="261">
        <v>1</v>
      </c>
      <c r="CT21" s="261">
        <v>1</v>
      </c>
      <c r="CU21" s="261">
        <v>0</v>
      </c>
      <c r="CV21" s="258">
        <v>3</v>
      </c>
      <c r="CW21" s="263">
        <v>3</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6</v>
      </c>
      <c r="DU21" s="261">
        <v>7</v>
      </c>
      <c r="DV21" s="258">
        <v>13</v>
      </c>
      <c r="DW21" s="260">
        <v>0</v>
      </c>
      <c r="DX21" s="261">
        <v>22</v>
      </c>
      <c r="DY21" s="261">
        <v>25</v>
      </c>
      <c r="DZ21" s="261">
        <v>18</v>
      </c>
      <c r="EA21" s="261">
        <v>10</v>
      </c>
      <c r="EB21" s="261">
        <v>6</v>
      </c>
      <c r="EC21" s="258">
        <v>81</v>
      </c>
      <c r="ED21" s="263">
        <v>94</v>
      </c>
      <c r="EE21" s="257">
        <v>1</v>
      </c>
      <c r="EF21" s="261">
        <v>2</v>
      </c>
      <c r="EG21" s="258">
        <v>3</v>
      </c>
      <c r="EH21" s="260">
        <v>0</v>
      </c>
      <c r="EI21" s="261">
        <v>6</v>
      </c>
      <c r="EJ21" s="261">
        <v>7</v>
      </c>
      <c r="EK21" s="261">
        <v>6</v>
      </c>
      <c r="EL21" s="261">
        <v>3</v>
      </c>
      <c r="EM21" s="261">
        <v>3</v>
      </c>
      <c r="EN21" s="258">
        <v>25</v>
      </c>
      <c r="EO21" s="263">
        <v>28</v>
      </c>
      <c r="EP21" s="257">
        <v>8</v>
      </c>
      <c r="EQ21" s="261">
        <v>11</v>
      </c>
      <c r="ER21" s="258">
        <v>19</v>
      </c>
      <c r="ES21" s="260">
        <v>0</v>
      </c>
      <c r="ET21" s="261">
        <v>48</v>
      </c>
      <c r="EU21" s="261">
        <v>36</v>
      </c>
      <c r="EV21" s="261">
        <v>20</v>
      </c>
      <c r="EW21" s="261">
        <v>9</v>
      </c>
      <c r="EX21" s="261">
        <v>6</v>
      </c>
      <c r="EY21" s="258">
        <v>119</v>
      </c>
      <c r="EZ21" s="263">
        <v>138</v>
      </c>
    </row>
    <row r="22" spans="2:156" ht="21" customHeight="1" x14ac:dyDescent="0.2">
      <c r="B22" s="472" t="s">
        <v>20</v>
      </c>
      <c r="C22" s="257">
        <v>0</v>
      </c>
      <c r="D22" s="261">
        <v>0</v>
      </c>
      <c r="E22" s="358">
        <v>0</v>
      </c>
      <c r="F22" s="260">
        <v>0</v>
      </c>
      <c r="G22" s="261">
        <v>12</v>
      </c>
      <c r="H22" s="261">
        <v>13</v>
      </c>
      <c r="I22" s="261">
        <v>7</v>
      </c>
      <c r="J22" s="261">
        <v>5</v>
      </c>
      <c r="K22" s="261">
        <v>3</v>
      </c>
      <c r="L22" s="262">
        <v>40</v>
      </c>
      <c r="M22" s="263">
        <v>40</v>
      </c>
      <c r="N22" s="257">
        <v>0</v>
      </c>
      <c r="O22" s="261">
        <v>0</v>
      </c>
      <c r="P22" s="258">
        <v>0</v>
      </c>
      <c r="Q22" s="260">
        <v>0</v>
      </c>
      <c r="R22" s="261">
        <v>1</v>
      </c>
      <c r="S22" s="261">
        <v>0</v>
      </c>
      <c r="T22" s="261">
        <v>0</v>
      </c>
      <c r="U22" s="261">
        <v>3</v>
      </c>
      <c r="V22" s="261">
        <v>1</v>
      </c>
      <c r="W22" s="258">
        <v>5</v>
      </c>
      <c r="X22" s="263">
        <v>5</v>
      </c>
      <c r="Y22" s="257">
        <v>3</v>
      </c>
      <c r="Z22" s="261">
        <v>5</v>
      </c>
      <c r="AA22" s="258">
        <v>8</v>
      </c>
      <c r="AB22" s="260">
        <v>0</v>
      </c>
      <c r="AC22" s="261">
        <v>12</v>
      </c>
      <c r="AD22" s="261">
        <v>14</v>
      </c>
      <c r="AE22" s="261">
        <v>7</v>
      </c>
      <c r="AF22" s="261">
        <v>5</v>
      </c>
      <c r="AG22" s="261">
        <v>2</v>
      </c>
      <c r="AH22" s="258">
        <v>40</v>
      </c>
      <c r="AI22" s="263">
        <v>48</v>
      </c>
      <c r="AJ22" s="257">
        <v>0</v>
      </c>
      <c r="AK22" s="261">
        <v>4</v>
      </c>
      <c r="AL22" s="258">
        <v>4</v>
      </c>
      <c r="AM22" s="260">
        <v>0</v>
      </c>
      <c r="AN22" s="261">
        <v>4</v>
      </c>
      <c r="AO22" s="261">
        <v>5</v>
      </c>
      <c r="AP22" s="261">
        <v>3</v>
      </c>
      <c r="AQ22" s="261">
        <v>2</v>
      </c>
      <c r="AR22" s="261">
        <v>1</v>
      </c>
      <c r="AS22" s="258">
        <v>15</v>
      </c>
      <c r="AT22" s="263">
        <v>19</v>
      </c>
      <c r="AU22" s="257">
        <v>2</v>
      </c>
      <c r="AV22" s="261">
        <v>1</v>
      </c>
      <c r="AW22" s="258">
        <v>3</v>
      </c>
      <c r="AX22" s="260">
        <v>0</v>
      </c>
      <c r="AY22" s="261">
        <v>12</v>
      </c>
      <c r="AZ22" s="261">
        <v>14</v>
      </c>
      <c r="BA22" s="261">
        <v>9</v>
      </c>
      <c r="BB22" s="261">
        <v>10</v>
      </c>
      <c r="BC22" s="261">
        <v>8</v>
      </c>
      <c r="BD22" s="262">
        <v>53</v>
      </c>
      <c r="BE22" s="263">
        <v>56</v>
      </c>
      <c r="BF22" s="257">
        <v>0</v>
      </c>
      <c r="BG22" s="261">
        <v>0</v>
      </c>
      <c r="BH22" s="258">
        <v>0</v>
      </c>
      <c r="BI22" s="260">
        <v>0</v>
      </c>
      <c r="BJ22" s="261">
        <v>19</v>
      </c>
      <c r="BK22" s="261">
        <v>15</v>
      </c>
      <c r="BL22" s="261">
        <v>9</v>
      </c>
      <c r="BM22" s="261">
        <v>5</v>
      </c>
      <c r="BN22" s="261">
        <v>2</v>
      </c>
      <c r="BO22" s="258">
        <v>50</v>
      </c>
      <c r="BP22" s="263">
        <v>50</v>
      </c>
      <c r="BQ22" s="257">
        <v>1</v>
      </c>
      <c r="BR22" s="261">
        <v>3</v>
      </c>
      <c r="BS22" s="258">
        <v>4</v>
      </c>
      <c r="BT22" s="260">
        <v>0</v>
      </c>
      <c r="BU22" s="261">
        <v>3</v>
      </c>
      <c r="BV22" s="261">
        <v>12</v>
      </c>
      <c r="BW22" s="261">
        <v>5</v>
      </c>
      <c r="BX22" s="261">
        <v>4</v>
      </c>
      <c r="BY22" s="261">
        <v>3</v>
      </c>
      <c r="BZ22" s="258">
        <v>27</v>
      </c>
      <c r="CA22" s="263">
        <v>31</v>
      </c>
      <c r="CB22" s="257">
        <v>0</v>
      </c>
      <c r="CC22" s="261">
        <v>0</v>
      </c>
      <c r="CD22" s="258">
        <v>0</v>
      </c>
      <c r="CE22" s="260">
        <v>0</v>
      </c>
      <c r="CF22" s="261">
        <v>5</v>
      </c>
      <c r="CG22" s="261">
        <v>6</v>
      </c>
      <c r="CH22" s="261">
        <v>3</v>
      </c>
      <c r="CI22" s="261">
        <v>4</v>
      </c>
      <c r="CJ22" s="261">
        <v>2</v>
      </c>
      <c r="CK22" s="258">
        <v>20</v>
      </c>
      <c r="CL22" s="263">
        <v>20</v>
      </c>
      <c r="CM22" s="257">
        <v>0</v>
      </c>
      <c r="CN22" s="261">
        <v>0</v>
      </c>
      <c r="CO22" s="258">
        <v>0</v>
      </c>
      <c r="CP22" s="260">
        <v>0</v>
      </c>
      <c r="CQ22" s="261">
        <v>0</v>
      </c>
      <c r="CR22" s="261">
        <v>1</v>
      </c>
      <c r="CS22" s="261">
        <v>0</v>
      </c>
      <c r="CT22" s="261">
        <v>0</v>
      </c>
      <c r="CU22" s="261">
        <v>0</v>
      </c>
      <c r="CV22" s="258">
        <v>1</v>
      </c>
      <c r="CW22" s="263">
        <v>1</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8</v>
      </c>
      <c r="DU22" s="261">
        <v>23</v>
      </c>
      <c r="DV22" s="258">
        <v>31</v>
      </c>
      <c r="DW22" s="260">
        <v>0</v>
      </c>
      <c r="DX22" s="261">
        <v>28</v>
      </c>
      <c r="DY22" s="261">
        <v>31</v>
      </c>
      <c r="DZ22" s="261">
        <v>20</v>
      </c>
      <c r="EA22" s="261">
        <v>12</v>
      </c>
      <c r="EB22" s="261">
        <v>6</v>
      </c>
      <c r="EC22" s="258">
        <v>97</v>
      </c>
      <c r="ED22" s="263">
        <v>128</v>
      </c>
      <c r="EE22" s="257">
        <v>2</v>
      </c>
      <c r="EF22" s="261">
        <v>1</v>
      </c>
      <c r="EG22" s="258">
        <v>3</v>
      </c>
      <c r="EH22" s="260">
        <v>0</v>
      </c>
      <c r="EI22" s="261">
        <v>4</v>
      </c>
      <c r="EJ22" s="261">
        <v>6</v>
      </c>
      <c r="EK22" s="261">
        <v>4</v>
      </c>
      <c r="EL22" s="261">
        <v>4</v>
      </c>
      <c r="EM22" s="261">
        <v>2</v>
      </c>
      <c r="EN22" s="258">
        <v>20</v>
      </c>
      <c r="EO22" s="263">
        <v>23</v>
      </c>
      <c r="EP22" s="257">
        <v>11</v>
      </c>
      <c r="EQ22" s="261">
        <v>29</v>
      </c>
      <c r="ER22" s="258">
        <v>40</v>
      </c>
      <c r="ES22" s="260">
        <v>0</v>
      </c>
      <c r="ET22" s="261">
        <v>52</v>
      </c>
      <c r="EU22" s="261">
        <v>46</v>
      </c>
      <c r="EV22" s="261">
        <v>24</v>
      </c>
      <c r="EW22" s="261">
        <v>15</v>
      </c>
      <c r="EX22" s="261">
        <v>7</v>
      </c>
      <c r="EY22" s="258">
        <v>144</v>
      </c>
      <c r="EZ22" s="263">
        <v>184</v>
      </c>
    </row>
    <row r="23" spans="2:156" ht="21" customHeight="1" x14ac:dyDescent="0.2">
      <c r="B23" s="472" t="s">
        <v>21</v>
      </c>
      <c r="C23" s="257">
        <v>0</v>
      </c>
      <c r="D23" s="261">
        <v>0</v>
      </c>
      <c r="E23" s="358">
        <v>0</v>
      </c>
      <c r="F23" s="260">
        <v>0</v>
      </c>
      <c r="G23" s="261">
        <v>12</v>
      </c>
      <c r="H23" s="261">
        <v>15</v>
      </c>
      <c r="I23" s="261">
        <v>7</v>
      </c>
      <c r="J23" s="261">
        <v>1</v>
      </c>
      <c r="K23" s="261">
        <v>3</v>
      </c>
      <c r="L23" s="262">
        <v>38</v>
      </c>
      <c r="M23" s="263">
        <v>38</v>
      </c>
      <c r="N23" s="257">
        <v>0</v>
      </c>
      <c r="O23" s="261">
        <v>0</v>
      </c>
      <c r="P23" s="258">
        <v>0</v>
      </c>
      <c r="Q23" s="260">
        <v>0</v>
      </c>
      <c r="R23" s="261">
        <v>0</v>
      </c>
      <c r="S23" s="261">
        <v>0</v>
      </c>
      <c r="T23" s="261">
        <v>0</v>
      </c>
      <c r="U23" s="261">
        <v>0</v>
      </c>
      <c r="V23" s="261">
        <v>4</v>
      </c>
      <c r="W23" s="258">
        <v>4</v>
      </c>
      <c r="X23" s="263">
        <v>4</v>
      </c>
      <c r="Y23" s="257">
        <v>0</v>
      </c>
      <c r="Z23" s="261">
        <v>3</v>
      </c>
      <c r="AA23" s="258">
        <v>3</v>
      </c>
      <c r="AB23" s="260">
        <v>0</v>
      </c>
      <c r="AC23" s="261">
        <v>13</v>
      </c>
      <c r="AD23" s="261">
        <v>8</v>
      </c>
      <c r="AE23" s="261">
        <v>6</v>
      </c>
      <c r="AF23" s="261">
        <v>2</v>
      </c>
      <c r="AG23" s="261">
        <v>6</v>
      </c>
      <c r="AH23" s="258">
        <v>35</v>
      </c>
      <c r="AI23" s="263">
        <v>38</v>
      </c>
      <c r="AJ23" s="257">
        <v>0</v>
      </c>
      <c r="AK23" s="261">
        <v>1</v>
      </c>
      <c r="AL23" s="258">
        <v>1</v>
      </c>
      <c r="AM23" s="260">
        <v>0</v>
      </c>
      <c r="AN23" s="261">
        <v>0</v>
      </c>
      <c r="AO23" s="261">
        <v>1</v>
      </c>
      <c r="AP23" s="261">
        <v>1</v>
      </c>
      <c r="AQ23" s="261">
        <v>0</v>
      </c>
      <c r="AR23" s="261">
        <v>1</v>
      </c>
      <c r="AS23" s="258">
        <v>3</v>
      </c>
      <c r="AT23" s="263">
        <v>4</v>
      </c>
      <c r="AU23" s="257">
        <v>3</v>
      </c>
      <c r="AV23" s="261">
        <v>6</v>
      </c>
      <c r="AW23" s="258">
        <v>9</v>
      </c>
      <c r="AX23" s="260">
        <v>0</v>
      </c>
      <c r="AY23" s="261">
        <v>12</v>
      </c>
      <c r="AZ23" s="261">
        <v>20</v>
      </c>
      <c r="BA23" s="261">
        <v>10</v>
      </c>
      <c r="BB23" s="261">
        <v>13</v>
      </c>
      <c r="BC23" s="261">
        <v>10</v>
      </c>
      <c r="BD23" s="262">
        <v>65</v>
      </c>
      <c r="BE23" s="263">
        <v>74</v>
      </c>
      <c r="BF23" s="257">
        <v>0</v>
      </c>
      <c r="BG23" s="261">
        <v>0</v>
      </c>
      <c r="BH23" s="258">
        <v>0</v>
      </c>
      <c r="BI23" s="260">
        <v>0</v>
      </c>
      <c r="BJ23" s="261">
        <v>18</v>
      </c>
      <c r="BK23" s="261">
        <v>10</v>
      </c>
      <c r="BL23" s="261">
        <v>9</v>
      </c>
      <c r="BM23" s="261">
        <v>4</v>
      </c>
      <c r="BN23" s="261">
        <v>1</v>
      </c>
      <c r="BO23" s="258">
        <v>42</v>
      </c>
      <c r="BP23" s="263">
        <v>42</v>
      </c>
      <c r="BQ23" s="257">
        <v>0</v>
      </c>
      <c r="BR23" s="261">
        <v>1</v>
      </c>
      <c r="BS23" s="258">
        <v>1</v>
      </c>
      <c r="BT23" s="260">
        <v>0</v>
      </c>
      <c r="BU23" s="261">
        <v>1</v>
      </c>
      <c r="BV23" s="261">
        <v>4</v>
      </c>
      <c r="BW23" s="261">
        <v>1</v>
      </c>
      <c r="BX23" s="261">
        <v>0</v>
      </c>
      <c r="BY23" s="261">
        <v>1</v>
      </c>
      <c r="BZ23" s="258">
        <v>7</v>
      </c>
      <c r="CA23" s="263">
        <v>8</v>
      </c>
      <c r="CB23" s="257">
        <v>0</v>
      </c>
      <c r="CC23" s="261">
        <v>1</v>
      </c>
      <c r="CD23" s="258">
        <v>1</v>
      </c>
      <c r="CE23" s="260">
        <v>0</v>
      </c>
      <c r="CF23" s="261">
        <v>1</v>
      </c>
      <c r="CG23" s="261">
        <v>2</v>
      </c>
      <c r="CH23" s="261">
        <v>5</v>
      </c>
      <c r="CI23" s="261">
        <v>2</v>
      </c>
      <c r="CJ23" s="261">
        <v>1</v>
      </c>
      <c r="CK23" s="258">
        <v>11</v>
      </c>
      <c r="CL23" s="263">
        <v>12</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7</v>
      </c>
      <c r="DU23" s="261">
        <v>11</v>
      </c>
      <c r="DV23" s="258">
        <v>18</v>
      </c>
      <c r="DW23" s="260">
        <v>0</v>
      </c>
      <c r="DX23" s="261">
        <v>15</v>
      </c>
      <c r="DY23" s="261">
        <v>28</v>
      </c>
      <c r="DZ23" s="261">
        <v>9</v>
      </c>
      <c r="EA23" s="261">
        <v>6</v>
      </c>
      <c r="EB23" s="261">
        <v>7</v>
      </c>
      <c r="EC23" s="258">
        <v>65</v>
      </c>
      <c r="ED23" s="263">
        <v>83</v>
      </c>
      <c r="EE23" s="257">
        <v>2</v>
      </c>
      <c r="EF23" s="261">
        <v>2</v>
      </c>
      <c r="EG23" s="258">
        <v>4</v>
      </c>
      <c r="EH23" s="260">
        <v>0</v>
      </c>
      <c r="EI23" s="261">
        <v>2</v>
      </c>
      <c r="EJ23" s="261">
        <v>4</v>
      </c>
      <c r="EK23" s="261">
        <v>6</v>
      </c>
      <c r="EL23" s="261">
        <v>8</v>
      </c>
      <c r="EM23" s="261">
        <v>3</v>
      </c>
      <c r="EN23" s="258">
        <v>23</v>
      </c>
      <c r="EO23" s="263">
        <v>27</v>
      </c>
      <c r="EP23" s="257">
        <v>7</v>
      </c>
      <c r="EQ23" s="261">
        <v>15</v>
      </c>
      <c r="ER23" s="258">
        <v>22</v>
      </c>
      <c r="ES23" s="260">
        <v>0</v>
      </c>
      <c r="ET23" s="261">
        <v>45</v>
      </c>
      <c r="EU23" s="261">
        <v>34</v>
      </c>
      <c r="EV23" s="261">
        <v>14</v>
      </c>
      <c r="EW23" s="261">
        <v>7</v>
      </c>
      <c r="EX23" s="261">
        <v>9</v>
      </c>
      <c r="EY23" s="258">
        <v>109</v>
      </c>
      <c r="EZ23" s="263">
        <v>131</v>
      </c>
    </row>
    <row r="24" spans="2:156" ht="21" customHeight="1" x14ac:dyDescent="0.2">
      <c r="B24" s="472" t="s">
        <v>22</v>
      </c>
      <c r="C24" s="257">
        <v>0</v>
      </c>
      <c r="D24" s="261">
        <v>0</v>
      </c>
      <c r="E24" s="358">
        <v>0</v>
      </c>
      <c r="F24" s="260">
        <v>0</v>
      </c>
      <c r="G24" s="261">
        <v>6</v>
      </c>
      <c r="H24" s="261">
        <v>0</v>
      </c>
      <c r="I24" s="261">
        <v>3</v>
      </c>
      <c r="J24" s="261">
        <v>1</v>
      </c>
      <c r="K24" s="261">
        <v>2</v>
      </c>
      <c r="L24" s="262">
        <v>12</v>
      </c>
      <c r="M24" s="263">
        <v>12</v>
      </c>
      <c r="N24" s="257">
        <v>0</v>
      </c>
      <c r="O24" s="261">
        <v>0</v>
      </c>
      <c r="P24" s="258">
        <v>0</v>
      </c>
      <c r="Q24" s="260">
        <v>0</v>
      </c>
      <c r="R24" s="261">
        <v>0</v>
      </c>
      <c r="S24" s="261">
        <v>0</v>
      </c>
      <c r="T24" s="261">
        <v>1</v>
      </c>
      <c r="U24" s="261">
        <v>0</v>
      </c>
      <c r="V24" s="261">
        <v>4</v>
      </c>
      <c r="W24" s="258">
        <v>5</v>
      </c>
      <c r="X24" s="263">
        <v>5</v>
      </c>
      <c r="Y24" s="257">
        <v>0</v>
      </c>
      <c r="Z24" s="261">
        <v>0</v>
      </c>
      <c r="AA24" s="258">
        <v>0</v>
      </c>
      <c r="AB24" s="260">
        <v>0</v>
      </c>
      <c r="AC24" s="261">
        <v>4</v>
      </c>
      <c r="AD24" s="261">
        <v>3</v>
      </c>
      <c r="AE24" s="261">
        <v>6</v>
      </c>
      <c r="AF24" s="261">
        <v>4</v>
      </c>
      <c r="AG24" s="261">
        <v>4</v>
      </c>
      <c r="AH24" s="258">
        <v>21</v>
      </c>
      <c r="AI24" s="263">
        <v>21</v>
      </c>
      <c r="AJ24" s="257">
        <v>0</v>
      </c>
      <c r="AK24" s="261">
        <v>0</v>
      </c>
      <c r="AL24" s="258">
        <v>0</v>
      </c>
      <c r="AM24" s="260">
        <v>0</v>
      </c>
      <c r="AN24" s="261">
        <v>3</v>
      </c>
      <c r="AO24" s="261">
        <v>0</v>
      </c>
      <c r="AP24" s="261">
        <v>0</v>
      </c>
      <c r="AQ24" s="261">
        <v>1</v>
      </c>
      <c r="AR24" s="261">
        <v>0</v>
      </c>
      <c r="AS24" s="258">
        <v>4</v>
      </c>
      <c r="AT24" s="263">
        <v>4</v>
      </c>
      <c r="AU24" s="257">
        <v>0</v>
      </c>
      <c r="AV24" s="261">
        <v>0</v>
      </c>
      <c r="AW24" s="258">
        <v>0</v>
      </c>
      <c r="AX24" s="260">
        <v>0</v>
      </c>
      <c r="AY24" s="261">
        <v>2</v>
      </c>
      <c r="AZ24" s="261">
        <v>1</v>
      </c>
      <c r="BA24" s="261">
        <v>3</v>
      </c>
      <c r="BB24" s="261">
        <v>5</v>
      </c>
      <c r="BC24" s="261">
        <v>1</v>
      </c>
      <c r="BD24" s="262">
        <v>12</v>
      </c>
      <c r="BE24" s="263">
        <v>12</v>
      </c>
      <c r="BF24" s="257">
        <v>0</v>
      </c>
      <c r="BG24" s="261">
        <v>0</v>
      </c>
      <c r="BH24" s="258">
        <v>0</v>
      </c>
      <c r="BI24" s="260">
        <v>0</v>
      </c>
      <c r="BJ24" s="261">
        <v>3</v>
      </c>
      <c r="BK24" s="261">
        <v>2</v>
      </c>
      <c r="BL24" s="261">
        <v>6</v>
      </c>
      <c r="BM24" s="261">
        <v>4</v>
      </c>
      <c r="BN24" s="261">
        <v>2</v>
      </c>
      <c r="BO24" s="258">
        <v>17</v>
      </c>
      <c r="BP24" s="263">
        <v>17</v>
      </c>
      <c r="BQ24" s="257">
        <v>1</v>
      </c>
      <c r="BR24" s="261">
        <v>0</v>
      </c>
      <c r="BS24" s="258">
        <v>1</v>
      </c>
      <c r="BT24" s="260">
        <v>0</v>
      </c>
      <c r="BU24" s="261">
        <v>4</v>
      </c>
      <c r="BV24" s="261">
        <v>1</v>
      </c>
      <c r="BW24" s="261">
        <v>0</v>
      </c>
      <c r="BX24" s="261">
        <v>1</v>
      </c>
      <c r="BY24" s="261">
        <v>0</v>
      </c>
      <c r="BZ24" s="258">
        <v>6</v>
      </c>
      <c r="CA24" s="263">
        <v>7</v>
      </c>
      <c r="CB24" s="257">
        <v>0</v>
      </c>
      <c r="CC24" s="261">
        <v>0</v>
      </c>
      <c r="CD24" s="258">
        <v>0</v>
      </c>
      <c r="CE24" s="260">
        <v>0</v>
      </c>
      <c r="CF24" s="261">
        <v>1</v>
      </c>
      <c r="CG24" s="261">
        <v>2</v>
      </c>
      <c r="CH24" s="261">
        <v>1</v>
      </c>
      <c r="CI24" s="261">
        <v>1</v>
      </c>
      <c r="CJ24" s="261">
        <v>0</v>
      </c>
      <c r="CK24" s="258">
        <v>5</v>
      </c>
      <c r="CL24" s="263">
        <v>5</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1</v>
      </c>
      <c r="DU24" s="261">
        <v>4</v>
      </c>
      <c r="DV24" s="258">
        <v>5</v>
      </c>
      <c r="DW24" s="260">
        <v>0</v>
      </c>
      <c r="DX24" s="261">
        <v>13</v>
      </c>
      <c r="DY24" s="261">
        <v>6</v>
      </c>
      <c r="DZ24" s="261">
        <v>8</v>
      </c>
      <c r="EA24" s="261">
        <v>7</v>
      </c>
      <c r="EB24" s="261">
        <v>5</v>
      </c>
      <c r="EC24" s="258">
        <v>39</v>
      </c>
      <c r="ED24" s="263">
        <v>44</v>
      </c>
      <c r="EE24" s="257">
        <v>0</v>
      </c>
      <c r="EF24" s="261">
        <v>0</v>
      </c>
      <c r="EG24" s="258">
        <v>0</v>
      </c>
      <c r="EH24" s="260">
        <v>0</v>
      </c>
      <c r="EI24" s="261">
        <v>3</v>
      </c>
      <c r="EJ24" s="261">
        <v>2</v>
      </c>
      <c r="EK24" s="261">
        <v>2</v>
      </c>
      <c r="EL24" s="261">
        <v>2</v>
      </c>
      <c r="EM24" s="261">
        <v>1</v>
      </c>
      <c r="EN24" s="258">
        <v>10</v>
      </c>
      <c r="EO24" s="263">
        <v>10</v>
      </c>
      <c r="EP24" s="257">
        <v>3</v>
      </c>
      <c r="EQ24" s="261">
        <v>4</v>
      </c>
      <c r="ER24" s="258">
        <v>7</v>
      </c>
      <c r="ES24" s="260">
        <v>0</v>
      </c>
      <c r="ET24" s="261">
        <v>22</v>
      </c>
      <c r="EU24" s="261">
        <v>10</v>
      </c>
      <c r="EV24" s="261">
        <v>9</v>
      </c>
      <c r="EW24" s="261">
        <v>6</v>
      </c>
      <c r="EX24" s="261">
        <v>6</v>
      </c>
      <c r="EY24" s="258">
        <v>53</v>
      </c>
      <c r="EZ24" s="263">
        <v>60</v>
      </c>
    </row>
    <row r="25" spans="2:156" ht="21" customHeight="1" x14ac:dyDescent="0.2">
      <c r="B25" s="472" t="s">
        <v>23</v>
      </c>
      <c r="C25" s="257">
        <v>0</v>
      </c>
      <c r="D25" s="261">
        <v>0</v>
      </c>
      <c r="E25" s="358">
        <v>0</v>
      </c>
      <c r="F25" s="260">
        <v>0</v>
      </c>
      <c r="G25" s="261">
        <v>3</v>
      </c>
      <c r="H25" s="261">
        <v>6</v>
      </c>
      <c r="I25" s="261">
        <v>5</v>
      </c>
      <c r="J25" s="261">
        <v>3</v>
      </c>
      <c r="K25" s="261">
        <v>0</v>
      </c>
      <c r="L25" s="262">
        <v>17</v>
      </c>
      <c r="M25" s="263">
        <v>17</v>
      </c>
      <c r="N25" s="257">
        <v>0</v>
      </c>
      <c r="O25" s="261">
        <v>0</v>
      </c>
      <c r="P25" s="258">
        <v>0</v>
      </c>
      <c r="Q25" s="260">
        <v>0</v>
      </c>
      <c r="R25" s="261">
        <v>1</v>
      </c>
      <c r="S25" s="261">
        <v>0</v>
      </c>
      <c r="T25" s="261">
        <v>1</v>
      </c>
      <c r="U25" s="261">
        <v>0</v>
      </c>
      <c r="V25" s="261">
        <v>1</v>
      </c>
      <c r="W25" s="258">
        <v>3</v>
      </c>
      <c r="X25" s="263">
        <v>3</v>
      </c>
      <c r="Y25" s="257">
        <v>3</v>
      </c>
      <c r="Z25" s="261">
        <v>3</v>
      </c>
      <c r="AA25" s="258">
        <v>6</v>
      </c>
      <c r="AB25" s="260">
        <v>0</v>
      </c>
      <c r="AC25" s="261">
        <v>5</v>
      </c>
      <c r="AD25" s="261">
        <v>7</v>
      </c>
      <c r="AE25" s="261">
        <v>8</v>
      </c>
      <c r="AF25" s="261">
        <v>4</v>
      </c>
      <c r="AG25" s="261">
        <v>1</v>
      </c>
      <c r="AH25" s="258">
        <v>25</v>
      </c>
      <c r="AI25" s="263">
        <v>31</v>
      </c>
      <c r="AJ25" s="257">
        <v>0</v>
      </c>
      <c r="AK25" s="261">
        <v>1</v>
      </c>
      <c r="AL25" s="258">
        <v>1</v>
      </c>
      <c r="AM25" s="260">
        <v>0</v>
      </c>
      <c r="AN25" s="261">
        <v>0</v>
      </c>
      <c r="AO25" s="261">
        <v>1</v>
      </c>
      <c r="AP25" s="261">
        <v>0</v>
      </c>
      <c r="AQ25" s="261">
        <v>0</v>
      </c>
      <c r="AR25" s="261">
        <v>0</v>
      </c>
      <c r="AS25" s="258">
        <v>1</v>
      </c>
      <c r="AT25" s="263">
        <v>2</v>
      </c>
      <c r="AU25" s="257">
        <v>1</v>
      </c>
      <c r="AV25" s="261">
        <v>0</v>
      </c>
      <c r="AW25" s="258">
        <v>1</v>
      </c>
      <c r="AX25" s="260">
        <v>0</v>
      </c>
      <c r="AY25" s="261">
        <v>5</v>
      </c>
      <c r="AZ25" s="261">
        <v>5</v>
      </c>
      <c r="BA25" s="261">
        <v>12</v>
      </c>
      <c r="BB25" s="261">
        <v>12</v>
      </c>
      <c r="BC25" s="261">
        <v>8</v>
      </c>
      <c r="BD25" s="262">
        <v>42</v>
      </c>
      <c r="BE25" s="263">
        <v>43</v>
      </c>
      <c r="BF25" s="257">
        <v>0</v>
      </c>
      <c r="BG25" s="261">
        <v>0</v>
      </c>
      <c r="BH25" s="258">
        <v>0</v>
      </c>
      <c r="BI25" s="260">
        <v>0</v>
      </c>
      <c r="BJ25" s="261">
        <v>9</v>
      </c>
      <c r="BK25" s="261">
        <v>16</v>
      </c>
      <c r="BL25" s="261">
        <v>7</v>
      </c>
      <c r="BM25" s="261">
        <v>5</v>
      </c>
      <c r="BN25" s="261">
        <v>0</v>
      </c>
      <c r="BO25" s="258">
        <v>37</v>
      </c>
      <c r="BP25" s="263">
        <v>37</v>
      </c>
      <c r="BQ25" s="257">
        <v>0</v>
      </c>
      <c r="BR25" s="261">
        <v>0</v>
      </c>
      <c r="BS25" s="258">
        <v>0</v>
      </c>
      <c r="BT25" s="260">
        <v>0</v>
      </c>
      <c r="BU25" s="261">
        <v>2</v>
      </c>
      <c r="BV25" s="261">
        <v>2</v>
      </c>
      <c r="BW25" s="261">
        <v>2</v>
      </c>
      <c r="BX25" s="261">
        <v>2</v>
      </c>
      <c r="BY25" s="261">
        <v>1</v>
      </c>
      <c r="BZ25" s="258">
        <v>9</v>
      </c>
      <c r="CA25" s="263">
        <v>9</v>
      </c>
      <c r="CB25" s="257">
        <v>0</v>
      </c>
      <c r="CC25" s="261">
        <v>0</v>
      </c>
      <c r="CD25" s="258">
        <v>0</v>
      </c>
      <c r="CE25" s="260">
        <v>0</v>
      </c>
      <c r="CF25" s="261">
        <v>2</v>
      </c>
      <c r="CG25" s="261">
        <v>2</v>
      </c>
      <c r="CH25" s="261">
        <v>2</v>
      </c>
      <c r="CI25" s="261">
        <v>1</v>
      </c>
      <c r="CJ25" s="261">
        <v>0</v>
      </c>
      <c r="CK25" s="258">
        <v>7</v>
      </c>
      <c r="CL25" s="263">
        <v>7</v>
      </c>
      <c r="CM25" s="257">
        <v>0</v>
      </c>
      <c r="CN25" s="261">
        <v>0</v>
      </c>
      <c r="CO25" s="258">
        <v>0</v>
      </c>
      <c r="CP25" s="260">
        <v>0</v>
      </c>
      <c r="CQ25" s="261">
        <v>0</v>
      </c>
      <c r="CR25" s="261">
        <v>0</v>
      </c>
      <c r="CS25" s="261">
        <v>1</v>
      </c>
      <c r="CT25" s="261">
        <v>1</v>
      </c>
      <c r="CU25" s="261">
        <v>0</v>
      </c>
      <c r="CV25" s="258">
        <v>2</v>
      </c>
      <c r="CW25" s="263">
        <v>2</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4</v>
      </c>
      <c r="DU25" s="261">
        <v>6</v>
      </c>
      <c r="DV25" s="258">
        <v>10</v>
      </c>
      <c r="DW25" s="260">
        <v>0</v>
      </c>
      <c r="DX25" s="261">
        <v>8</v>
      </c>
      <c r="DY25" s="261">
        <v>18</v>
      </c>
      <c r="DZ25" s="261">
        <v>12</v>
      </c>
      <c r="EA25" s="261">
        <v>9</v>
      </c>
      <c r="EB25" s="261">
        <v>4</v>
      </c>
      <c r="EC25" s="258">
        <v>51</v>
      </c>
      <c r="ED25" s="263">
        <v>61</v>
      </c>
      <c r="EE25" s="257">
        <v>0</v>
      </c>
      <c r="EF25" s="261">
        <v>0</v>
      </c>
      <c r="EG25" s="258">
        <v>0</v>
      </c>
      <c r="EH25" s="260">
        <v>0</v>
      </c>
      <c r="EI25" s="261">
        <v>1</v>
      </c>
      <c r="EJ25" s="261">
        <v>3</v>
      </c>
      <c r="EK25" s="261">
        <v>1</v>
      </c>
      <c r="EL25" s="261">
        <v>9</v>
      </c>
      <c r="EM25" s="261">
        <v>5</v>
      </c>
      <c r="EN25" s="258">
        <v>19</v>
      </c>
      <c r="EO25" s="263">
        <v>19</v>
      </c>
      <c r="EP25" s="257">
        <v>6</v>
      </c>
      <c r="EQ25" s="261">
        <v>7</v>
      </c>
      <c r="ER25" s="258">
        <v>13</v>
      </c>
      <c r="ES25" s="260">
        <v>0</v>
      </c>
      <c r="ET25" s="261">
        <v>18</v>
      </c>
      <c r="EU25" s="261">
        <v>27</v>
      </c>
      <c r="EV25" s="261">
        <v>18</v>
      </c>
      <c r="EW25" s="261">
        <v>10</v>
      </c>
      <c r="EX25" s="261">
        <v>4</v>
      </c>
      <c r="EY25" s="258">
        <v>77</v>
      </c>
      <c r="EZ25" s="263">
        <v>90</v>
      </c>
    </row>
    <row r="26" spans="2:156" ht="21" customHeight="1" x14ac:dyDescent="0.2">
      <c r="B26" s="472" t="s">
        <v>24</v>
      </c>
      <c r="C26" s="257">
        <v>0</v>
      </c>
      <c r="D26" s="261">
        <v>0</v>
      </c>
      <c r="E26" s="358">
        <v>0</v>
      </c>
      <c r="F26" s="260">
        <v>0</v>
      </c>
      <c r="G26" s="261">
        <v>8</v>
      </c>
      <c r="H26" s="261">
        <v>7</v>
      </c>
      <c r="I26" s="261">
        <v>4</v>
      </c>
      <c r="J26" s="261">
        <v>3</v>
      </c>
      <c r="K26" s="261">
        <v>3</v>
      </c>
      <c r="L26" s="262">
        <v>25</v>
      </c>
      <c r="M26" s="263">
        <v>25</v>
      </c>
      <c r="N26" s="257">
        <v>0</v>
      </c>
      <c r="O26" s="261">
        <v>0</v>
      </c>
      <c r="P26" s="258">
        <v>0</v>
      </c>
      <c r="Q26" s="260">
        <v>0</v>
      </c>
      <c r="R26" s="261">
        <v>1</v>
      </c>
      <c r="S26" s="261">
        <v>0</v>
      </c>
      <c r="T26" s="261">
        <v>0</v>
      </c>
      <c r="U26" s="261">
        <v>0</v>
      </c>
      <c r="V26" s="261">
        <v>2</v>
      </c>
      <c r="W26" s="258">
        <v>3</v>
      </c>
      <c r="X26" s="263">
        <v>3</v>
      </c>
      <c r="Y26" s="257">
        <v>2</v>
      </c>
      <c r="Z26" s="261">
        <v>1</v>
      </c>
      <c r="AA26" s="258">
        <v>3</v>
      </c>
      <c r="AB26" s="260">
        <v>0</v>
      </c>
      <c r="AC26" s="261">
        <v>9</v>
      </c>
      <c r="AD26" s="261">
        <v>3</v>
      </c>
      <c r="AE26" s="261">
        <v>4</v>
      </c>
      <c r="AF26" s="261">
        <v>5</v>
      </c>
      <c r="AG26" s="261">
        <v>3</v>
      </c>
      <c r="AH26" s="258">
        <v>24</v>
      </c>
      <c r="AI26" s="263">
        <v>27</v>
      </c>
      <c r="AJ26" s="257">
        <v>0</v>
      </c>
      <c r="AK26" s="261">
        <v>0</v>
      </c>
      <c r="AL26" s="258">
        <v>0</v>
      </c>
      <c r="AM26" s="260">
        <v>0</v>
      </c>
      <c r="AN26" s="261">
        <v>0</v>
      </c>
      <c r="AO26" s="261">
        <v>1</v>
      </c>
      <c r="AP26" s="261">
        <v>0</v>
      </c>
      <c r="AQ26" s="261">
        <v>0</v>
      </c>
      <c r="AR26" s="261">
        <v>1</v>
      </c>
      <c r="AS26" s="258">
        <v>2</v>
      </c>
      <c r="AT26" s="263">
        <v>2</v>
      </c>
      <c r="AU26" s="257">
        <v>3</v>
      </c>
      <c r="AV26" s="261">
        <v>2</v>
      </c>
      <c r="AW26" s="258">
        <v>5</v>
      </c>
      <c r="AX26" s="260">
        <v>0</v>
      </c>
      <c r="AY26" s="261">
        <v>12</v>
      </c>
      <c r="AZ26" s="261">
        <v>8</v>
      </c>
      <c r="BA26" s="261">
        <v>8</v>
      </c>
      <c r="BB26" s="261">
        <v>11</v>
      </c>
      <c r="BC26" s="261">
        <v>10</v>
      </c>
      <c r="BD26" s="262">
        <v>49</v>
      </c>
      <c r="BE26" s="263">
        <v>54</v>
      </c>
      <c r="BF26" s="257">
        <v>0</v>
      </c>
      <c r="BG26" s="261">
        <v>0</v>
      </c>
      <c r="BH26" s="258">
        <v>0</v>
      </c>
      <c r="BI26" s="260">
        <v>0</v>
      </c>
      <c r="BJ26" s="261">
        <v>10</v>
      </c>
      <c r="BK26" s="261">
        <v>7</v>
      </c>
      <c r="BL26" s="261">
        <v>3</v>
      </c>
      <c r="BM26" s="261">
        <v>1</v>
      </c>
      <c r="BN26" s="261">
        <v>0</v>
      </c>
      <c r="BO26" s="258">
        <v>21</v>
      </c>
      <c r="BP26" s="263">
        <v>21</v>
      </c>
      <c r="BQ26" s="257">
        <v>1</v>
      </c>
      <c r="BR26" s="261">
        <v>1</v>
      </c>
      <c r="BS26" s="258">
        <v>2</v>
      </c>
      <c r="BT26" s="260">
        <v>0</v>
      </c>
      <c r="BU26" s="261">
        <v>5</v>
      </c>
      <c r="BV26" s="261">
        <v>6</v>
      </c>
      <c r="BW26" s="261">
        <v>1</v>
      </c>
      <c r="BX26" s="261">
        <v>1</v>
      </c>
      <c r="BY26" s="261">
        <v>2</v>
      </c>
      <c r="BZ26" s="258">
        <v>15</v>
      </c>
      <c r="CA26" s="263">
        <v>17</v>
      </c>
      <c r="CB26" s="257">
        <v>0</v>
      </c>
      <c r="CC26" s="261">
        <v>0</v>
      </c>
      <c r="CD26" s="258">
        <v>0</v>
      </c>
      <c r="CE26" s="260">
        <v>0</v>
      </c>
      <c r="CF26" s="261">
        <v>1</v>
      </c>
      <c r="CG26" s="261">
        <v>1</v>
      </c>
      <c r="CH26" s="261">
        <v>1</v>
      </c>
      <c r="CI26" s="261">
        <v>0</v>
      </c>
      <c r="CJ26" s="261">
        <v>1</v>
      </c>
      <c r="CK26" s="258">
        <v>4</v>
      </c>
      <c r="CL26" s="263">
        <v>4</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7</v>
      </c>
      <c r="DU26" s="261">
        <v>9</v>
      </c>
      <c r="DV26" s="258">
        <v>16</v>
      </c>
      <c r="DW26" s="260">
        <v>0</v>
      </c>
      <c r="DX26" s="261">
        <v>11</v>
      </c>
      <c r="DY26" s="261">
        <v>15</v>
      </c>
      <c r="DZ26" s="261">
        <v>12</v>
      </c>
      <c r="EA26" s="261">
        <v>8</v>
      </c>
      <c r="EB26" s="261">
        <v>5</v>
      </c>
      <c r="EC26" s="258">
        <v>51</v>
      </c>
      <c r="ED26" s="263">
        <v>67</v>
      </c>
      <c r="EE26" s="257">
        <v>2</v>
      </c>
      <c r="EF26" s="261">
        <v>2</v>
      </c>
      <c r="EG26" s="258">
        <v>4</v>
      </c>
      <c r="EH26" s="260">
        <v>0</v>
      </c>
      <c r="EI26" s="261">
        <v>8</v>
      </c>
      <c r="EJ26" s="261">
        <v>6</v>
      </c>
      <c r="EK26" s="261">
        <v>4</v>
      </c>
      <c r="EL26" s="261">
        <v>5</v>
      </c>
      <c r="EM26" s="261">
        <v>4</v>
      </c>
      <c r="EN26" s="258">
        <v>27</v>
      </c>
      <c r="EO26" s="263">
        <v>31</v>
      </c>
      <c r="EP26" s="257">
        <v>9</v>
      </c>
      <c r="EQ26" s="261">
        <v>11</v>
      </c>
      <c r="ER26" s="258">
        <v>20</v>
      </c>
      <c r="ES26" s="260">
        <v>0</v>
      </c>
      <c r="ET26" s="261">
        <v>23</v>
      </c>
      <c r="EU26" s="261">
        <v>21</v>
      </c>
      <c r="EV26" s="261">
        <v>12</v>
      </c>
      <c r="EW26" s="261">
        <v>8</v>
      </c>
      <c r="EX26" s="261">
        <v>5</v>
      </c>
      <c r="EY26" s="258">
        <v>69</v>
      </c>
      <c r="EZ26" s="263">
        <v>89</v>
      </c>
    </row>
    <row r="27" spans="2:156" ht="21" customHeight="1" x14ac:dyDescent="0.2">
      <c r="B27" s="472" t="s">
        <v>25</v>
      </c>
      <c r="C27" s="257">
        <v>0</v>
      </c>
      <c r="D27" s="261">
        <v>0</v>
      </c>
      <c r="E27" s="358">
        <v>0</v>
      </c>
      <c r="F27" s="260">
        <v>0</v>
      </c>
      <c r="G27" s="261">
        <v>3</v>
      </c>
      <c r="H27" s="261">
        <v>2</v>
      </c>
      <c r="I27" s="261">
        <v>1</v>
      </c>
      <c r="J27" s="261">
        <v>1</v>
      </c>
      <c r="K27" s="261">
        <v>0</v>
      </c>
      <c r="L27" s="262">
        <v>7</v>
      </c>
      <c r="M27" s="263">
        <v>7</v>
      </c>
      <c r="N27" s="257">
        <v>0</v>
      </c>
      <c r="O27" s="261">
        <v>0</v>
      </c>
      <c r="P27" s="258">
        <v>0</v>
      </c>
      <c r="Q27" s="260">
        <v>0</v>
      </c>
      <c r="R27" s="261">
        <v>0</v>
      </c>
      <c r="S27" s="261">
        <v>1</v>
      </c>
      <c r="T27" s="261">
        <v>0</v>
      </c>
      <c r="U27" s="261">
        <v>0</v>
      </c>
      <c r="V27" s="261">
        <v>1</v>
      </c>
      <c r="W27" s="258">
        <v>2</v>
      </c>
      <c r="X27" s="263">
        <v>2</v>
      </c>
      <c r="Y27" s="257">
        <v>1</v>
      </c>
      <c r="Z27" s="261">
        <v>4</v>
      </c>
      <c r="AA27" s="258">
        <v>5</v>
      </c>
      <c r="AB27" s="260">
        <v>0</v>
      </c>
      <c r="AC27" s="261">
        <v>2</v>
      </c>
      <c r="AD27" s="261">
        <v>4</v>
      </c>
      <c r="AE27" s="261">
        <v>0</v>
      </c>
      <c r="AF27" s="261">
        <v>0</v>
      </c>
      <c r="AG27" s="261">
        <v>1</v>
      </c>
      <c r="AH27" s="258">
        <v>7</v>
      </c>
      <c r="AI27" s="263">
        <v>12</v>
      </c>
      <c r="AJ27" s="257">
        <v>0</v>
      </c>
      <c r="AK27" s="261">
        <v>0</v>
      </c>
      <c r="AL27" s="258">
        <v>0</v>
      </c>
      <c r="AM27" s="260">
        <v>0</v>
      </c>
      <c r="AN27" s="261">
        <v>0</v>
      </c>
      <c r="AO27" s="261">
        <v>0</v>
      </c>
      <c r="AP27" s="261">
        <v>0</v>
      </c>
      <c r="AQ27" s="261">
        <v>0</v>
      </c>
      <c r="AR27" s="261">
        <v>0</v>
      </c>
      <c r="AS27" s="258">
        <v>0</v>
      </c>
      <c r="AT27" s="263">
        <v>0</v>
      </c>
      <c r="AU27" s="257">
        <v>3</v>
      </c>
      <c r="AV27" s="261">
        <v>1</v>
      </c>
      <c r="AW27" s="258">
        <v>4</v>
      </c>
      <c r="AX27" s="260">
        <v>0</v>
      </c>
      <c r="AY27" s="261">
        <v>1</v>
      </c>
      <c r="AZ27" s="261">
        <v>2</v>
      </c>
      <c r="BA27" s="261">
        <v>1</v>
      </c>
      <c r="BB27" s="261">
        <v>2</v>
      </c>
      <c r="BC27" s="261">
        <v>4</v>
      </c>
      <c r="BD27" s="262">
        <v>10</v>
      </c>
      <c r="BE27" s="263">
        <v>14</v>
      </c>
      <c r="BF27" s="257">
        <v>0</v>
      </c>
      <c r="BG27" s="261">
        <v>0</v>
      </c>
      <c r="BH27" s="258">
        <v>0</v>
      </c>
      <c r="BI27" s="260">
        <v>0</v>
      </c>
      <c r="BJ27" s="261">
        <v>3</v>
      </c>
      <c r="BK27" s="261">
        <v>4</v>
      </c>
      <c r="BL27" s="261">
        <v>1</v>
      </c>
      <c r="BM27" s="261">
        <v>1</v>
      </c>
      <c r="BN27" s="261">
        <v>0</v>
      </c>
      <c r="BO27" s="258">
        <v>9</v>
      </c>
      <c r="BP27" s="263">
        <v>9</v>
      </c>
      <c r="BQ27" s="257">
        <v>0</v>
      </c>
      <c r="BR27" s="261">
        <v>1</v>
      </c>
      <c r="BS27" s="258">
        <v>1</v>
      </c>
      <c r="BT27" s="260">
        <v>0</v>
      </c>
      <c r="BU27" s="261">
        <v>0</v>
      </c>
      <c r="BV27" s="261">
        <v>2</v>
      </c>
      <c r="BW27" s="261">
        <v>2</v>
      </c>
      <c r="BX27" s="261">
        <v>0</v>
      </c>
      <c r="BY27" s="261">
        <v>1</v>
      </c>
      <c r="BZ27" s="258">
        <v>5</v>
      </c>
      <c r="CA27" s="263">
        <v>6</v>
      </c>
      <c r="CB27" s="257">
        <v>0</v>
      </c>
      <c r="CC27" s="261">
        <v>0</v>
      </c>
      <c r="CD27" s="258">
        <v>0</v>
      </c>
      <c r="CE27" s="260">
        <v>0</v>
      </c>
      <c r="CF27" s="261">
        <v>1</v>
      </c>
      <c r="CG27" s="261">
        <v>1</v>
      </c>
      <c r="CH27" s="261">
        <v>2</v>
      </c>
      <c r="CI27" s="261">
        <v>0</v>
      </c>
      <c r="CJ27" s="261">
        <v>0</v>
      </c>
      <c r="CK27" s="258">
        <v>4</v>
      </c>
      <c r="CL27" s="263">
        <v>4</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5</v>
      </c>
      <c r="DU27" s="261">
        <v>6</v>
      </c>
      <c r="DV27" s="258">
        <v>11</v>
      </c>
      <c r="DW27" s="260">
        <v>0</v>
      </c>
      <c r="DX27" s="261">
        <v>9</v>
      </c>
      <c r="DY27" s="261">
        <v>9</v>
      </c>
      <c r="DZ27" s="261">
        <v>5</v>
      </c>
      <c r="EA27" s="261">
        <v>2</v>
      </c>
      <c r="EB27" s="261">
        <v>2</v>
      </c>
      <c r="EC27" s="258">
        <v>27</v>
      </c>
      <c r="ED27" s="263">
        <v>38</v>
      </c>
      <c r="EE27" s="257">
        <v>0</v>
      </c>
      <c r="EF27" s="261">
        <v>0</v>
      </c>
      <c r="EG27" s="258">
        <v>0</v>
      </c>
      <c r="EH27" s="260">
        <v>0</v>
      </c>
      <c r="EI27" s="261">
        <v>0</v>
      </c>
      <c r="EJ27" s="261">
        <v>1</v>
      </c>
      <c r="EK27" s="261">
        <v>1</v>
      </c>
      <c r="EL27" s="261">
        <v>1</v>
      </c>
      <c r="EM27" s="261">
        <v>3</v>
      </c>
      <c r="EN27" s="258">
        <v>6</v>
      </c>
      <c r="EO27" s="263">
        <v>6</v>
      </c>
      <c r="EP27" s="257">
        <v>7</v>
      </c>
      <c r="EQ27" s="261">
        <v>10</v>
      </c>
      <c r="ER27" s="258">
        <v>17</v>
      </c>
      <c r="ES27" s="260">
        <v>0</v>
      </c>
      <c r="ET27" s="261">
        <v>11</v>
      </c>
      <c r="EU27" s="261">
        <v>13</v>
      </c>
      <c r="EV27" s="261">
        <v>5</v>
      </c>
      <c r="EW27" s="261">
        <v>2</v>
      </c>
      <c r="EX27" s="261">
        <v>2</v>
      </c>
      <c r="EY27" s="258">
        <v>33</v>
      </c>
      <c r="EZ27" s="263">
        <v>50</v>
      </c>
    </row>
    <row r="28" spans="2:156" ht="21" customHeight="1" x14ac:dyDescent="0.2">
      <c r="B28" s="472" t="s">
        <v>26</v>
      </c>
      <c r="C28" s="257">
        <v>0</v>
      </c>
      <c r="D28" s="261">
        <v>0</v>
      </c>
      <c r="E28" s="358">
        <v>0</v>
      </c>
      <c r="F28" s="260">
        <v>0</v>
      </c>
      <c r="G28" s="261">
        <v>8</v>
      </c>
      <c r="H28" s="261">
        <v>6</v>
      </c>
      <c r="I28" s="261">
        <v>0</v>
      </c>
      <c r="J28" s="261">
        <v>1</v>
      </c>
      <c r="K28" s="261">
        <v>5</v>
      </c>
      <c r="L28" s="262">
        <v>20</v>
      </c>
      <c r="M28" s="263">
        <v>20</v>
      </c>
      <c r="N28" s="257">
        <v>0</v>
      </c>
      <c r="O28" s="261">
        <v>0</v>
      </c>
      <c r="P28" s="258">
        <v>0</v>
      </c>
      <c r="Q28" s="260">
        <v>0</v>
      </c>
      <c r="R28" s="261">
        <v>0</v>
      </c>
      <c r="S28" s="261">
        <v>0</v>
      </c>
      <c r="T28" s="261">
        <v>0</v>
      </c>
      <c r="U28" s="261">
        <v>0</v>
      </c>
      <c r="V28" s="261">
        <v>3</v>
      </c>
      <c r="W28" s="258">
        <v>3</v>
      </c>
      <c r="X28" s="263">
        <v>3</v>
      </c>
      <c r="Y28" s="257">
        <v>0</v>
      </c>
      <c r="Z28" s="261">
        <v>0</v>
      </c>
      <c r="AA28" s="258">
        <v>0</v>
      </c>
      <c r="AB28" s="260">
        <v>0</v>
      </c>
      <c r="AC28" s="261">
        <v>6</v>
      </c>
      <c r="AD28" s="261">
        <v>5</v>
      </c>
      <c r="AE28" s="261">
        <v>0</v>
      </c>
      <c r="AF28" s="261">
        <v>3</v>
      </c>
      <c r="AG28" s="261">
        <v>5</v>
      </c>
      <c r="AH28" s="258">
        <v>19</v>
      </c>
      <c r="AI28" s="263">
        <v>19</v>
      </c>
      <c r="AJ28" s="257">
        <v>0</v>
      </c>
      <c r="AK28" s="261">
        <v>1</v>
      </c>
      <c r="AL28" s="258">
        <v>1</v>
      </c>
      <c r="AM28" s="260">
        <v>0</v>
      </c>
      <c r="AN28" s="261">
        <v>0</v>
      </c>
      <c r="AO28" s="261">
        <v>0</v>
      </c>
      <c r="AP28" s="261">
        <v>0</v>
      </c>
      <c r="AQ28" s="261">
        <v>0</v>
      </c>
      <c r="AR28" s="261">
        <v>0</v>
      </c>
      <c r="AS28" s="258">
        <v>0</v>
      </c>
      <c r="AT28" s="263">
        <v>1</v>
      </c>
      <c r="AU28" s="257">
        <v>3</v>
      </c>
      <c r="AV28" s="261">
        <v>1</v>
      </c>
      <c r="AW28" s="258">
        <v>4</v>
      </c>
      <c r="AX28" s="260">
        <v>0</v>
      </c>
      <c r="AY28" s="261">
        <v>5</v>
      </c>
      <c r="AZ28" s="261">
        <v>8</v>
      </c>
      <c r="BA28" s="261">
        <v>4</v>
      </c>
      <c r="BB28" s="261">
        <v>4</v>
      </c>
      <c r="BC28" s="261">
        <v>5</v>
      </c>
      <c r="BD28" s="262">
        <v>26</v>
      </c>
      <c r="BE28" s="263">
        <v>30</v>
      </c>
      <c r="BF28" s="257">
        <v>0</v>
      </c>
      <c r="BG28" s="261">
        <v>0</v>
      </c>
      <c r="BH28" s="258">
        <v>0</v>
      </c>
      <c r="BI28" s="260">
        <v>0</v>
      </c>
      <c r="BJ28" s="261">
        <v>11</v>
      </c>
      <c r="BK28" s="261">
        <v>2</v>
      </c>
      <c r="BL28" s="261">
        <v>2</v>
      </c>
      <c r="BM28" s="261">
        <v>2</v>
      </c>
      <c r="BN28" s="261">
        <v>0</v>
      </c>
      <c r="BO28" s="258">
        <v>17</v>
      </c>
      <c r="BP28" s="263">
        <v>17</v>
      </c>
      <c r="BQ28" s="257">
        <v>0</v>
      </c>
      <c r="BR28" s="261">
        <v>0</v>
      </c>
      <c r="BS28" s="258">
        <v>0</v>
      </c>
      <c r="BT28" s="260">
        <v>0</v>
      </c>
      <c r="BU28" s="261">
        <v>2</v>
      </c>
      <c r="BV28" s="261">
        <v>4</v>
      </c>
      <c r="BW28" s="261">
        <v>1</v>
      </c>
      <c r="BX28" s="261">
        <v>0</v>
      </c>
      <c r="BY28" s="261">
        <v>0</v>
      </c>
      <c r="BZ28" s="258">
        <v>7</v>
      </c>
      <c r="CA28" s="263">
        <v>7</v>
      </c>
      <c r="CB28" s="257">
        <v>0</v>
      </c>
      <c r="CC28" s="261">
        <v>0</v>
      </c>
      <c r="CD28" s="258">
        <v>0</v>
      </c>
      <c r="CE28" s="260">
        <v>0</v>
      </c>
      <c r="CF28" s="261">
        <v>1</v>
      </c>
      <c r="CG28" s="261">
        <v>2</v>
      </c>
      <c r="CH28" s="261">
        <v>1</v>
      </c>
      <c r="CI28" s="261">
        <v>0</v>
      </c>
      <c r="CJ28" s="261">
        <v>1</v>
      </c>
      <c r="CK28" s="258">
        <v>5</v>
      </c>
      <c r="CL28" s="263">
        <v>5</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0</v>
      </c>
      <c r="DU28" s="261">
        <v>6</v>
      </c>
      <c r="DV28" s="258">
        <v>6</v>
      </c>
      <c r="DW28" s="260">
        <v>0</v>
      </c>
      <c r="DX28" s="261">
        <v>10</v>
      </c>
      <c r="DY28" s="261">
        <v>10</v>
      </c>
      <c r="DZ28" s="261">
        <v>3</v>
      </c>
      <c r="EA28" s="261">
        <v>4</v>
      </c>
      <c r="EB28" s="261">
        <v>8</v>
      </c>
      <c r="EC28" s="258">
        <v>35</v>
      </c>
      <c r="ED28" s="263">
        <v>41</v>
      </c>
      <c r="EE28" s="257">
        <v>2</v>
      </c>
      <c r="EF28" s="261">
        <v>1</v>
      </c>
      <c r="EG28" s="258">
        <v>3</v>
      </c>
      <c r="EH28" s="260">
        <v>0</v>
      </c>
      <c r="EI28" s="261">
        <v>2</v>
      </c>
      <c r="EJ28" s="261">
        <v>6</v>
      </c>
      <c r="EK28" s="261">
        <v>2</v>
      </c>
      <c r="EL28" s="261">
        <v>1</v>
      </c>
      <c r="EM28" s="261">
        <v>1</v>
      </c>
      <c r="EN28" s="258">
        <v>12</v>
      </c>
      <c r="EO28" s="263">
        <v>15</v>
      </c>
      <c r="EP28" s="257">
        <v>0</v>
      </c>
      <c r="EQ28" s="261">
        <v>6</v>
      </c>
      <c r="ER28" s="258">
        <v>6</v>
      </c>
      <c r="ES28" s="260">
        <v>0</v>
      </c>
      <c r="ET28" s="261">
        <v>26</v>
      </c>
      <c r="EU28" s="261">
        <v>12</v>
      </c>
      <c r="EV28" s="261">
        <v>4</v>
      </c>
      <c r="EW28" s="261">
        <v>4</v>
      </c>
      <c r="EX28" s="261">
        <v>8</v>
      </c>
      <c r="EY28" s="258">
        <v>54</v>
      </c>
      <c r="EZ28" s="263">
        <v>60</v>
      </c>
    </row>
    <row r="29" spans="2:156" ht="21" customHeight="1" x14ac:dyDescent="0.2">
      <c r="B29" s="472" t="s">
        <v>27</v>
      </c>
      <c r="C29" s="257">
        <v>0</v>
      </c>
      <c r="D29" s="261">
        <v>0</v>
      </c>
      <c r="E29" s="358">
        <v>0</v>
      </c>
      <c r="F29" s="260">
        <v>0</v>
      </c>
      <c r="G29" s="261">
        <v>1</v>
      </c>
      <c r="H29" s="261">
        <v>2</v>
      </c>
      <c r="I29" s="261">
        <v>3</v>
      </c>
      <c r="J29" s="261">
        <v>0</v>
      </c>
      <c r="K29" s="261">
        <v>0</v>
      </c>
      <c r="L29" s="262">
        <v>6</v>
      </c>
      <c r="M29" s="263">
        <v>6</v>
      </c>
      <c r="N29" s="257">
        <v>0</v>
      </c>
      <c r="O29" s="261">
        <v>0</v>
      </c>
      <c r="P29" s="258">
        <v>0</v>
      </c>
      <c r="Q29" s="260">
        <v>0</v>
      </c>
      <c r="R29" s="261">
        <v>0</v>
      </c>
      <c r="S29" s="261">
        <v>0</v>
      </c>
      <c r="T29" s="261">
        <v>0</v>
      </c>
      <c r="U29" s="261">
        <v>1</v>
      </c>
      <c r="V29" s="261">
        <v>0</v>
      </c>
      <c r="W29" s="258">
        <v>1</v>
      </c>
      <c r="X29" s="263">
        <v>1</v>
      </c>
      <c r="Y29" s="257">
        <v>1</v>
      </c>
      <c r="Z29" s="261">
        <v>2</v>
      </c>
      <c r="AA29" s="258">
        <v>3</v>
      </c>
      <c r="AB29" s="260">
        <v>0</v>
      </c>
      <c r="AC29" s="261">
        <v>0</v>
      </c>
      <c r="AD29" s="261">
        <v>5</v>
      </c>
      <c r="AE29" s="261">
        <v>3</v>
      </c>
      <c r="AF29" s="261">
        <v>3</v>
      </c>
      <c r="AG29" s="261">
        <v>0</v>
      </c>
      <c r="AH29" s="258">
        <v>11</v>
      </c>
      <c r="AI29" s="263">
        <v>14</v>
      </c>
      <c r="AJ29" s="257">
        <v>0</v>
      </c>
      <c r="AK29" s="261">
        <v>0</v>
      </c>
      <c r="AL29" s="258">
        <v>0</v>
      </c>
      <c r="AM29" s="260">
        <v>0</v>
      </c>
      <c r="AN29" s="261">
        <v>0</v>
      </c>
      <c r="AO29" s="261">
        <v>0</v>
      </c>
      <c r="AP29" s="261">
        <v>0</v>
      </c>
      <c r="AQ29" s="261">
        <v>0</v>
      </c>
      <c r="AR29" s="261">
        <v>0</v>
      </c>
      <c r="AS29" s="258">
        <v>0</v>
      </c>
      <c r="AT29" s="263">
        <v>0</v>
      </c>
      <c r="AU29" s="257">
        <v>0</v>
      </c>
      <c r="AV29" s="261">
        <v>1</v>
      </c>
      <c r="AW29" s="258">
        <v>1</v>
      </c>
      <c r="AX29" s="260">
        <v>0</v>
      </c>
      <c r="AY29" s="261">
        <v>4</v>
      </c>
      <c r="AZ29" s="261">
        <v>2</v>
      </c>
      <c r="BA29" s="261">
        <v>7</v>
      </c>
      <c r="BB29" s="261">
        <v>4</v>
      </c>
      <c r="BC29" s="261">
        <v>2</v>
      </c>
      <c r="BD29" s="262">
        <v>19</v>
      </c>
      <c r="BE29" s="263">
        <v>20</v>
      </c>
      <c r="BF29" s="257">
        <v>0</v>
      </c>
      <c r="BG29" s="261">
        <v>0</v>
      </c>
      <c r="BH29" s="258">
        <v>0</v>
      </c>
      <c r="BI29" s="260">
        <v>0</v>
      </c>
      <c r="BJ29" s="261">
        <v>5</v>
      </c>
      <c r="BK29" s="261">
        <v>3</v>
      </c>
      <c r="BL29" s="261">
        <v>2</v>
      </c>
      <c r="BM29" s="261">
        <v>2</v>
      </c>
      <c r="BN29" s="261">
        <v>0</v>
      </c>
      <c r="BO29" s="258">
        <v>12</v>
      </c>
      <c r="BP29" s="263">
        <v>12</v>
      </c>
      <c r="BQ29" s="257">
        <v>1</v>
      </c>
      <c r="BR29" s="261">
        <v>0</v>
      </c>
      <c r="BS29" s="258">
        <v>1</v>
      </c>
      <c r="BT29" s="260">
        <v>0</v>
      </c>
      <c r="BU29" s="261">
        <v>1</v>
      </c>
      <c r="BV29" s="261">
        <v>2</v>
      </c>
      <c r="BW29" s="261">
        <v>1</v>
      </c>
      <c r="BX29" s="261">
        <v>0</v>
      </c>
      <c r="BY29" s="261">
        <v>0</v>
      </c>
      <c r="BZ29" s="258">
        <v>4</v>
      </c>
      <c r="CA29" s="263">
        <v>5</v>
      </c>
      <c r="CB29" s="257">
        <v>0</v>
      </c>
      <c r="CC29" s="261">
        <v>0</v>
      </c>
      <c r="CD29" s="258">
        <v>0</v>
      </c>
      <c r="CE29" s="260">
        <v>0</v>
      </c>
      <c r="CF29" s="261">
        <v>2</v>
      </c>
      <c r="CG29" s="261">
        <v>1</v>
      </c>
      <c r="CH29" s="261">
        <v>1</v>
      </c>
      <c r="CI29" s="261">
        <v>1</v>
      </c>
      <c r="CJ29" s="261">
        <v>0</v>
      </c>
      <c r="CK29" s="258">
        <v>5</v>
      </c>
      <c r="CL29" s="263">
        <v>5</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7</v>
      </c>
      <c r="DU29" s="261">
        <v>9</v>
      </c>
      <c r="DV29" s="258">
        <v>16</v>
      </c>
      <c r="DW29" s="260">
        <v>0</v>
      </c>
      <c r="DX29" s="261">
        <v>1</v>
      </c>
      <c r="DY29" s="261">
        <v>7</v>
      </c>
      <c r="DZ29" s="261">
        <v>9</v>
      </c>
      <c r="EA29" s="261">
        <v>4</v>
      </c>
      <c r="EB29" s="261">
        <v>0</v>
      </c>
      <c r="EC29" s="258">
        <v>21</v>
      </c>
      <c r="ED29" s="263">
        <v>37</v>
      </c>
      <c r="EE29" s="257">
        <v>0</v>
      </c>
      <c r="EF29" s="261">
        <v>0</v>
      </c>
      <c r="EG29" s="258">
        <v>0</v>
      </c>
      <c r="EH29" s="260">
        <v>0</v>
      </c>
      <c r="EI29" s="261">
        <v>4</v>
      </c>
      <c r="EJ29" s="261">
        <v>2</v>
      </c>
      <c r="EK29" s="261">
        <v>4</v>
      </c>
      <c r="EL29" s="261">
        <v>3</v>
      </c>
      <c r="EM29" s="261">
        <v>2</v>
      </c>
      <c r="EN29" s="258">
        <v>15</v>
      </c>
      <c r="EO29" s="263">
        <v>15</v>
      </c>
      <c r="EP29" s="257">
        <v>9</v>
      </c>
      <c r="EQ29" s="261">
        <v>11</v>
      </c>
      <c r="ER29" s="258">
        <v>20</v>
      </c>
      <c r="ES29" s="260">
        <v>0</v>
      </c>
      <c r="ET29" s="261">
        <v>9</v>
      </c>
      <c r="EU29" s="261">
        <v>12</v>
      </c>
      <c r="EV29" s="261">
        <v>10</v>
      </c>
      <c r="EW29" s="261">
        <v>4</v>
      </c>
      <c r="EX29" s="261">
        <v>0</v>
      </c>
      <c r="EY29" s="258">
        <v>35</v>
      </c>
      <c r="EZ29" s="263">
        <v>55</v>
      </c>
    </row>
    <row r="30" spans="2:156" ht="21" customHeight="1" x14ac:dyDescent="0.2">
      <c r="B30" s="472" t="s">
        <v>28</v>
      </c>
      <c r="C30" s="257">
        <v>0</v>
      </c>
      <c r="D30" s="261">
        <v>0</v>
      </c>
      <c r="E30" s="358">
        <v>0</v>
      </c>
      <c r="F30" s="260">
        <v>0</v>
      </c>
      <c r="G30" s="261">
        <v>1</v>
      </c>
      <c r="H30" s="261">
        <v>1</v>
      </c>
      <c r="I30" s="261">
        <v>0</v>
      </c>
      <c r="J30" s="261">
        <v>1</v>
      </c>
      <c r="K30" s="261">
        <v>0</v>
      </c>
      <c r="L30" s="262">
        <v>3</v>
      </c>
      <c r="M30" s="263">
        <v>3</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v>
      </c>
      <c r="AE30" s="261">
        <v>2</v>
      </c>
      <c r="AF30" s="261">
        <v>0</v>
      </c>
      <c r="AG30" s="261">
        <v>0</v>
      </c>
      <c r="AH30" s="258">
        <v>3</v>
      </c>
      <c r="AI30" s="263">
        <v>3</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2</v>
      </c>
      <c r="BA30" s="261">
        <v>2</v>
      </c>
      <c r="BB30" s="261">
        <v>2</v>
      </c>
      <c r="BC30" s="261">
        <v>0</v>
      </c>
      <c r="BD30" s="262">
        <v>6</v>
      </c>
      <c r="BE30" s="263">
        <v>6</v>
      </c>
      <c r="BF30" s="257">
        <v>0</v>
      </c>
      <c r="BG30" s="261">
        <v>0</v>
      </c>
      <c r="BH30" s="258">
        <v>0</v>
      </c>
      <c r="BI30" s="260">
        <v>0</v>
      </c>
      <c r="BJ30" s="261">
        <v>1</v>
      </c>
      <c r="BK30" s="261">
        <v>2</v>
      </c>
      <c r="BL30" s="261">
        <v>2</v>
      </c>
      <c r="BM30" s="261">
        <v>1</v>
      </c>
      <c r="BN30" s="261">
        <v>0</v>
      </c>
      <c r="BO30" s="258">
        <v>6</v>
      </c>
      <c r="BP30" s="263">
        <v>6</v>
      </c>
      <c r="BQ30" s="257">
        <v>0</v>
      </c>
      <c r="BR30" s="261">
        <v>0</v>
      </c>
      <c r="BS30" s="258">
        <v>0</v>
      </c>
      <c r="BT30" s="260">
        <v>0</v>
      </c>
      <c r="BU30" s="261">
        <v>0</v>
      </c>
      <c r="BV30" s="261">
        <v>1</v>
      </c>
      <c r="BW30" s="261">
        <v>0</v>
      </c>
      <c r="BX30" s="261">
        <v>0</v>
      </c>
      <c r="BY30" s="261">
        <v>0</v>
      </c>
      <c r="BZ30" s="258">
        <v>1</v>
      </c>
      <c r="CA30" s="263">
        <v>1</v>
      </c>
      <c r="CB30" s="257">
        <v>0</v>
      </c>
      <c r="CC30" s="261">
        <v>0</v>
      </c>
      <c r="CD30" s="258">
        <v>0</v>
      </c>
      <c r="CE30" s="260">
        <v>0</v>
      </c>
      <c r="CF30" s="261">
        <v>0</v>
      </c>
      <c r="CG30" s="261">
        <v>1</v>
      </c>
      <c r="CH30" s="261">
        <v>2</v>
      </c>
      <c r="CI30" s="261">
        <v>0</v>
      </c>
      <c r="CJ30" s="261">
        <v>0</v>
      </c>
      <c r="CK30" s="258">
        <v>3</v>
      </c>
      <c r="CL30" s="263">
        <v>3</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1</v>
      </c>
      <c r="DV30" s="258">
        <v>1</v>
      </c>
      <c r="DW30" s="260">
        <v>0</v>
      </c>
      <c r="DX30" s="261">
        <v>1</v>
      </c>
      <c r="DY30" s="261">
        <v>3</v>
      </c>
      <c r="DZ30" s="261">
        <v>2</v>
      </c>
      <c r="EA30" s="261">
        <v>1</v>
      </c>
      <c r="EB30" s="261">
        <v>0</v>
      </c>
      <c r="EC30" s="258">
        <v>7</v>
      </c>
      <c r="ED30" s="263">
        <v>8</v>
      </c>
      <c r="EE30" s="257">
        <v>0</v>
      </c>
      <c r="EF30" s="261">
        <v>0</v>
      </c>
      <c r="EG30" s="258">
        <v>0</v>
      </c>
      <c r="EH30" s="260">
        <v>0</v>
      </c>
      <c r="EI30" s="261">
        <v>0</v>
      </c>
      <c r="EJ30" s="261">
        <v>0</v>
      </c>
      <c r="EK30" s="261">
        <v>1</v>
      </c>
      <c r="EL30" s="261">
        <v>1</v>
      </c>
      <c r="EM30" s="261">
        <v>0</v>
      </c>
      <c r="EN30" s="258">
        <v>2</v>
      </c>
      <c r="EO30" s="263">
        <v>2</v>
      </c>
      <c r="EP30" s="257">
        <v>0</v>
      </c>
      <c r="EQ30" s="261">
        <v>1</v>
      </c>
      <c r="ER30" s="258">
        <v>1</v>
      </c>
      <c r="ES30" s="260">
        <v>0</v>
      </c>
      <c r="ET30" s="261">
        <v>5</v>
      </c>
      <c r="EU30" s="261">
        <v>4</v>
      </c>
      <c r="EV30" s="261">
        <v>3</v>
      </c>
      <c r="EW30" s="261">
        <v>2</v>
      </c>
      <c r="EX30" s="261">
        <v>0</v>
      </c>
      <c r="EY30" s="258">
        <v>14</v>
      </c>
      <c r="EZ30" s="263">
        <v>15</v>
      </c>
    </row>
    <row r="31" spans="2:156" ht="21" customHeight="1" x14ac:dyDescent="0.2">
      <c r="B31" s="472" t="s">
        <v>29</v>
      </c>
      <c r="C31" s="257">
        <v>0</v>
      </c>
      <c r="D31" s="261">
        <v>0</v>
      </c>
      <c r="E31" s="358">
        <v>0</v>
      </c>
      <c r="F31" s="260">
        <v>0</v>
      </c>
      <c r="G31" s="261">
        <v>2</v>
      </c>
      <c r="H31" s="261">
        <v>2</v>
      </c>
      <c r="I31" s="261">
        <v>0</v>
      </c>
      <c r="J31" s="261">
        <v>2</v>
      </c>
      <c r="K31" s="261">
        <v>0</v>
      </c>
      <c r="L31" s="262">
        <v>6</v>
      </c>
      <c r="M31" s="263">
        <v>6</v>
      </c>
      <c r="N31" s="257">
        <v>0</v>
      </c>
      <c r="O31" s="261">
        <v>0</v>
      </c>
      <c r="P31" s="258">
        <v>0</v>
      </c>
      <c r="Q31" s="260">
        <v>0</v>
      </c>
      <c r="R31" s="261">
        <v>0</v>
      </c>
      <c r="S31" s="261">
        <v>0</v>
      </c>
      <c r="T31" s="261">
        <v>0</v>
      </c>
      <c r="U31" s="261">
        <v>0</v>
      </c>
      <c r="V31" s="261">
        <v>0</v>
      </c>
      <c r="W31" s="258">
        <v>0</v>
      </c>
      <c r="X31" s="263">
        <v>0</v>
      </c>
      <c r="Y31" s="257">
        <v>0</v>
      </c>
      <c r="Z31" s="261">
        <v>2</v>
      </c>
      <c r="AA31" s="258">
        <v>2</v>
      </c>
      <c r="AB31" s="260">
        <v>0</v>
      </c>
      <c r="AC31" s="261">
        <v>2</v>
      </c>
      <c r="AD31" s="261">
        <v>2</v>
      </c>
      <c r="AE31" s="261">
        <v>2</v>
      </c>
      <c r="AF31" s="261">
        <v>1</v>
      </c>
      <c r="AG31" s="261">
        <v>0</v>
      </c>
      <c r="AH31" s="258">
        <v>7</v>
      </c>
      <c r="AI31" s="263">
        <v>9</v>
      </c>
      <c r="AJ31" s="257">
        <v>0</v>
      </c>
      <c r="AK31" s="261">
        <v>0</v>
      </c>
      <c r="AL31" s="258">
        <v>0</v>
      </c>
      <c r="AM31" s="260">
        <v>0</v>
      </c>
      <c r="AN31" s="261">
        <v>1</v>
      </c>
      <c r="AO31" s="261">
        <v>0</v>
      </c>
      <c r="AP31" s="261">
        <v>0</v>
      </c>
      <c r="AQ31" s="261">
        <v>1</v>
      </c>
      <c r="AR31" s="261">
        <v>0</v>
      </c>
      <c r="AS31" s="258">
        <v>2</v>
      </c>
      <c r="AT31" s="263">
        <v>2</v>
      </c>
      <c r="AU31" s="257">
        <v>0</v>
      </c>
      <c r="AV31" s="261">
        <v>0</v>
      </c>
      <c r="AW31" s="258">
        <v>0</v>
      </c>
      <c r="AX31" s="260">
        <v>0</v>
      </c>
      <c r="AY31" s="261">
        <v>2</v>
      </c>
      <c r="AZ31" s="261">
        <v>2</v>
      </c>
      <c r="BA31" s="261">
        <v>1</v>
      </c>
      <c r="BB31" s="261">
        <v>1</v>
      </c>
      <c r="BC31" s="261">
        <v>0</v>
      </c>
      <c r="BD31" s="262">
        <v>6</v>
      </c>
      <c r="BE31" s="263">
        <v>6</v>
      </c>
      <c r="BF31" s="257">
        <v>0</v>
      </c>
      <c r="BG31" s="261">
        <v>0</v>
      </c>
      <c r="BH31" s="258">
        <v>0</v>
      </c>
      <c r="BI31" s="260">
        <v>0</v>
      </c>
      <c r="BJ31" s="261">
        <v>2</v>
      </c>
      <c r="BK31" s="261">
        <v>1</v>
      </c>
      <c r="BL31" s="261">
        <v>1</v>
      </c>
      <c r="BM31" s="261">
        <v>1</v>
      </c>
      <c r="BN31" s="261">
        <v>0</v>
      </c>
      <c r="BO31" s="258">
        <v>5</v>
      </c>
      <c r="BP31" s="263">
        <v>5</v>
      </c>
      <c r="BQ31" s="257">
        <v>0</v>
      </c>
      <c r="BR31" s="261">
        <v>0</v>
      </c>
      <c r="BS31" s="258">
        <v>0</v>
      </c>
      <c r="BT31" s="260">
        <v>0</v>
      </c>
      <c r="BU31" s="261">
        <v>2</v>
      </c>
      <c r="BV31" s="261">
        <v>0</v>
      </c>
      <c r="BW31" s="261">
        <v>1</v>
      </c>
      <c r="BX31" s="261">
        <v>0</v>
      </c>
      <c r="BY31" s="261">
        <v>0</v>
      </c>
      <c r="BZ31" s="258">
        <v>3</v>
      </c>
      <c r="CA31" s="263">
        <v>3</v>
      </c>
      <c r="CB31" s="257">
        <v>0</v>
      </c>
      <c r="CC31" s="261">
        <v>0</v>
      </c>
      <c r="CD31" s="258">
        <v>0</v>
      </c>
      <c r="CE31" s="260">
        <v>0</v>
      </c>
      <c r="CF31" s="261">
        <v>0</v>
      </c>
      <c r="CG31" s="261">
        <v>0</v>
      </c>
      <c r="CH31" s="261">
        <v>0</v>
      </c>
      <c r="CI31" s="261">
        <v>0</v>
      </c>
      <c r="CJ31" s="261">
        <v>0</v>
      </c>
      <c r="CK31" s="258">
        <v>0</v>
      </c>
      <c r="CL31" s="263">
        <v>0</v>
      </c>
      <c r="CM31" s="257">
        <v>0</v>
      </c>
      <c r="CN31" s="261">
        <v>0</v>
      </c>
      <c r="CO31" s="258">
        <v>0</v>
      </c>
      <c r="CP31" s="260">
        <v>0</v>
      </c>
      <c r="CQ31" s="261">
        <v>1</v>
      </c>
      <c r="CR31" s="261">
        <v>0</v>
      </c>
      <c r="CS31" s="261">
        <v>0</v>
      </c>
      <c r="CT31" s="261">
        <v>0</v>
      </c>
      <c r="CU31" s="261">
        <v>0</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0</v>
      </c>
      <c r="DU31" s="261">
        <v>3</v>
      </c>
      <c r="DV31" s="258">
        <v>3</v>
      </c>
      <c r="DW31" s="260">
        <v>0</v>
      </c>
      <c r="DX31" s="261">
        <v>2</v>
      </c>
      <c r="DY31" s="261">
        <v>2</v>
      </c>
      <c r="DZ31" s="261">
        <v>3</v>
      </c>
      <c r="EA31" s="261">
        <v>2</v>
      </c>
      <c r="EB31" s="261">
        <v>0</v>
      </c>
      <c r="EC31" s="258">
        <v>9</v>
      </c>
      <c r="ED31" s="263">
        <v>12</v>
      </c>
      <c r="EE31" s="257">
        <v>0</v>
      </c>
      <c r="EF31" s="261">
        <v>0</v>
      </c>
      <c r="EG31" s="258">
        <v>0</v>
      </c>
      <c r="EH31" s="260">
        <v>0</v>
      </c>
      <c r="EI31" s="261">
        <v>1</v>
      </c>
      <c r="EJ31" s="261">
        <v>0</v>
      </c>
      <c r="EK31" s="261">
        <v>0</v>
      </c>
      <c r="EL31" s="261">
        <v>1</v>
      </c>
      <c r="EM31" s="261">
        <v>0</v>
      </c>
      <c r="EN31" s="258">
        <v>2</v>
      </c>
      <c r="EO31" s="263">
        <v>2</v>
      </c>
      <c r="EP31" s="257">
        <v>0</v>
      </c>
      <c r="EQ31" s="261">
        <v>4</v>
      </c>
      <c r="ER31" s="258">
        <v>4</v>
      </c>
      <c r="ES31" s="260">
        <v>0</v>
      </c>
      <c r="ET31" s="261">
        <v>6</v>
      </c>
      <c r="EU31" s="261">
        <v>2</v>
      </c>
      <c r="EV31" s="261">
        <v>3</v>
      </c>
      <c r="EW31" s="261">
        <v>2</v>
      </c>
      <c r="EX31" s="261">
        <v>0</v>
      </c>
      <c r="EY31" s="258">
        <v>13</v>
      </c>
      <c r="EZ31" s="263">
        <v>17</v>
      </c>
    </row>
    <row r="32" spans="2:156" ht="21" customHeight="1" x14ac:dyDescent="0.2">
      <c r="B32" s="472" t="s">
        <v>30</v>
      </c>
      <c r="C32" s="257">
        <v>0</v>
      </c>
      <c r="D32" s="261">
        <v>0</v>
      </c>
      <c r="E32" s="358">
        <v>0</v>
      </c>
      <c r="F32" s="260">
        <v>0</v>
      </c>
      <c r="G32" s="261">
        <v>3</v>
      </c>
      <c r="H32" s="261">
        <v>0</v>
      </c>
      <c r="I32" s="261">
        <v>1</v>
      </c>
      <c r="J32" s="261">
        <v>1</v>
      </c>
      <c r="K32" s="261">
        <v>0</v>
      </c>
      <c r="L32" s="262">
        <v>5</v>
      </c>
      <c r="M32" s="263">
        <v>5</v>
      </c>
      <c r="N32" s="257">
        <v>0</v>
      </c>
      <c r="O32" s="261">
        <v>0</v>
      </c>
      <c r="P32" s="258">
        <v>0</v>
      </c>
      <c r="Q32" s="260">
        <v>0</v>
      </c>
      <c r="R32" s="261">
        <v>1</v>
      </c>
      <c r="S32" s="261">
        <v>0</v>
      </c>
      <c r="T32" s="261">
        <v>0</v>
      </c>
      <c r="U32" s="261">
        <v>1</v>
      </c>
      <c r="V32" s="261">
        <v>0</v>
      </c>
      <c r="W32" s="258">
        <v>2</v>
      </c>
      <c r="X32" s="263">
        <v>2</v>
      </c>
      <c r="Y32" s="257">
        <v>0</v>
      </c>
      <c r="Z32" s="261">
        <v>0</v>
      </c>
      <c r="AA32" s="258">
        <v>0</v>
      </c>
      <c r="AB32" s="260">
        <v>0</v>
      </c>
      <c r="AC32" s="261">
        <v>2</v>
      </c>
      <c r="AD32" s="261">
        <v>0</v>
      </c>
      <c r="AE32" s="261">
        <v>0</v>
      </c>
      <c r="AF32" s="261">
        <v>1</v>
      </c>
      <c r="AG32" s="261">
        <v>0</v>
      </c>
      <c r="AH32" s="258">
        <v>3</v>
      </c>
      <c r="AI32" s="263">
        <v>3</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2</v>
      </c>
      <c r="AZ32" s="261">
        <v>1</v>
      </c>
      <c r="BA32" s="261">
        <v>2</v>
      </c>
      <c r="BB32" s="261">
        <v>0</v>
      </c>
      <c r="BC32" s="261">
        <v>0</v>
      </c>
      <c r="BD32" s="262">
        <v>5</v>
      </c>
      <c r="BE32" s="263">
        <v>5</v>
      </c>
      <c r="BF32" s="257">
        <v>0</v>
      </c>
      <c r="BG32" s="261">
        <v>0</v>
      </c>
      <c r="BH32" s="258">
        <v>0</v>
      </c>
      <c r="BI32" s="260">
        <v>0</v>
      </c>
      <c r="BJ32" s="261">
        <v>2</v>
      </c>
      <c r="BK32" s="261">
        <v>2</v>
      </c>
      <c r="BL32" s="261">
        <v>0</v>
      </c>
      <c r="BM32" s="261">
        <v>0</v>
      </c>
      <c r="BN32" s="261">
        <v>0</v>
      </c>
      <c r="BO32" s="258">
        <v>4</v>
      </c>
      <c r="BP32" s="263">
        <v>4</v>
      </c>
      <c r="BQ32" s="257">
        <v>0</v>
      </c>
      <c r="BR32" s="261">
        <v>0</v>
      </c>
      <c r="BS32" s="258">
        <v>0</v>
      </c>
      <c r="BT32" s="260">
        <v>0</v>
      </c>
      <c r="BU32" s="261">
        <v>1</v>
      </c>
      <c r="BV32" s="261">
        <v>0</v>
      </c>
      <c r="BW32" s="261">
        <v>0</v>
      </c>
      <c r="BX32" s="261">
        <v>1</v>
      </c>
      <c r="BY32" s="261">
        <v>0</v>
      </c>
      <c r="BZ32" s="258">
        <v>2</v>
      </c>
      <c r="CA32" s="263">
        <v>2</v>
      </c>
      <c r="CB32" s="257">
        <v>0</v>
      </c>
      <c r="CC32" s="261">
        <v>0</v>
      </c>
      <c r="CD32" s="258">
        <v>0</v>
      </c>
      <c r="CE32" s="260">
        <v>0</v>
      </c>
      <c r="CF32" s="261">
        <v>0</v>
      </c>
      <c r="CG32" s="261">
        <v>1</v>
      </c>
      <c r="CH32" s="261">
        <v>0</v>
      </c>
      <c r="CI32" s="261">
        <v>1</v>
      </c>
      <c r="CJ32" s="261">
        <v>0</v>
      </c>
      <c r="CK32" s="258">
        <v>2</v>
      </c>
      <c r="CL32" s="263">
        <v>2</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2</v>
      </c>
      <c r="DU32" s="261">
        <v>0</v>
      </c>
      <c r="DV32" s="258">
        <v>2</v>
      </c>
      <c r="DW32" s="260">
        <v>0</v>
      </c>
      <c r="DX32" s="261">
        <v>2</v>
      </c>
      <c r="DY32" s="261">
        <v>2</v>
      </c>
      <c r="DZ32" s="261">
        <v>0</v>
      </c>
      <c r="EA32" s="261">
        <v>2</v>
      </c>
      <c r="EB32" s="261">
        <v>0</v>
      </c>
      <c r="EC32" s="258">
        <v>6</v>
      </c>
      <c r="ED32" s="263">
        <v>8</v>
      </c>
      <c r="EE32" s="257">
        <v>0</v>
      </c>
      <c r="EF32" s="261">
        <v>0</v>
      </c>
      <c r="EG32" s="258">
        <v>0</v>
      </c>
      <c r="EH32" s="260">
        <v>0</v>
      </c>
      <c r="EI32" s="261">
        <v>1</v>
      </c>
      <c r="EJ32" s="261">
        <v>1</v>
      </c>
      <c r="EK32" s="261">
        <v>2</v>
      </c>
      <c r="EL32" s="261">
        <v>0</v>
      </c>
      <c r="EM32" s="261">
        <v>0</v>
      </c>
      <c r="EN32" s="258">
        <v>4</v>
      </c>
      <c r="EO32" s="263">
        <v>4</v>
      </c>
      <c r="EP32" s="257">
        <v>2</v>
      </c>
      <c r="EQ32" s="261">
        <v>0</v>
      </c>
      <c r="ER32" s="258">
        <v>2</v>
      </c>
      <c r="ES32" s="260">
        <v>0</v>
      </c>
      <c r="ET32" s="261">
        <v>6</v>
      </c>
      <c r="EU32" s="261">
        <v>3</v>
      </c>
      <c r="EV32" s="261">
        <v>1</v>
      </c>
      <c r="EW32" s="261">
        <v>2</v>
      </c>
      <c r="EX32" s="261">
        <v>0</v>
      </c>
      <c r="EY32" s="258">
        <v>12</v>
      </c>
      <c r="EZ32" s="263">
        <v>14</v>
      </c>
    </row>
    <row r="33" spans="2:156" ht="21" customHeight="1" x14ac:dyDescent="0.2">
      <c r="B33" s="472" t="s">
        <v>31</v>
      </c>
      <c r="C33" s="257">
        <v>0</v>
      </c>
      <c r="D33" s="261">
        <v>0</v>
      </c>
      <c r="E33" s="358">
        <v>0</v>
      </c>
      <c r="F33" s="260">
        <v>0</v>
      </c>
      <c r="G33" s="261">
        <v>2</v>
      </c>
      <c r="H33" s="261">
        <v>0</v>
      </c>
      <c r="I33" s="261">
        <v>0</v>
      </c>
      <c r="J33" s="261">
        <v>0</v>
      </c>
      <c r="K33" s="261">
        <v>0</v>
      </c>
      <c r="L33" s="262">
        <v>2</v>
      </c>
      <c r="M33" s="263">
        <v>2</v>
      </c>
      <c r="N33" s="257">
        <v>0</v>
      </c>
      <c r="O33" s="261">
        <v>0</v>
      </c>
      <c r="P33" s="258">
        <v>0</v>
      </c>
      <c r="Q33" s="260">
        <v>0</v>
      </c>
      <c r="R33" s="261">
        <v>0</v>
      </c>
      <c r="S33" s="261">
        <v>0</v>
      </c>
      <c r="T33" s="261">
        <v>0</v>
      </c>
      <c r="U33" s="261">
        <v>0</v>
      </c>
      <c r="V33" s="261">
        <v>1</v>
      </c>
      <c r="W33" s="258">
        <v>1</v>
      </c>
      <c r="X33" s="263">
        <v>1</v>
      </c>
      <c r="Y33" s="257">
        <v>0</v>
      </c>
      <c r="Z33" s="261">
        <v>0</v>
      </c>
      <c r="AA33" s="258">
        <v>0</v>
      </c>
      <c r="AB33" s="260">
        <v>0</v>
      </c>
      <c r="AC33" s="261">
        <v>2</v>
      </c>
      <c r="AD33" s="261">
        <v>3</v>
      </c>
      <c r="AE33" s="261">
        <v>2</v>
      </c>
      <c r="AF33" s="261">
        <v>1</v>
      </c>
      <c r="AG33" s="261">
        <v>1</v>
      </c>
      <c r="AH33" s="258">
        <v>9</v>
      </c>
      <c r="AI33" s="263">
        <v>9</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2</v>
      </c>
      <c r="BC33" s="261">
        <v>0</v>
      </c>
      <c r="BD33" s="262">
        <v>3</v>
      </c>
      <c r="BE33" s="263">
        <v>3</v>
      </c>
      <c r="BF33" s="257">
        <v>0</v>
      </c>
      <c r="BG33" s="261">
        <v>0</v>
      </c>
      <c r="BH33" s="258">
        <v>0</v>
      </c>
      <c r="BI33" s="260">
        <v>0</v>
      </c>
      <c r="BJ33" s="261">
        <v>1</v>
      </c>
      <c r="BK33" s="261">
        <v>3</v>
      </c>
      <c r="BL33" s="261">
        <v>2</v>
      </c>
      <c r="BM33" s="261">
        <v>0</v>
      </c>
      <c r="BN33" s="261">
        <v>0</v>
      </c>
      <c r="BO33" s="258">
        <v>6</v>
      </c>
      <c r="BP33" s="263">
        <v>6</v>
      </c>
      <c r="BQ33" s="257">
        <v>0</v>
      </c>
      <c r="BR33" s="261">
        <v>0</v>
      </c>
      <c r="BS33" s="258">
        <v>0</v>
      </c>
      <c r="BT33" s="260">
        <v>0</v>
      </c>
      <c r="BU33" s="261">
        <v>1</v>
      </c>
      <c r="BV33" s="261">
        <v>1</v>
      </c>
      <c r="BW33" s="261">
        <v>0</v>
      </c>
      <c r="BX33" s="261">
        <v>0</v>
      </c>
      <c r="BY33" s="261">
        <v>0</v>
      </c>
      <c r="BZ33" s="258">
        <v>2</v>
      </c>
      <c r="CA33" s="263">
        <v>2</v>
      </c>
      <c r="CB33" s="257">
        <v>0</v>
      </c>
      <c r="CC33" s="261">
        <v>0</v>
      </c>
      <c r="CD33" s="258">
        <v>0</v>
      </c>
      <c r="CE33" s="260">
        <v>0</v>
      </c>
      <c r="CF33" s="261">
        <v>1</v>
      </c>
      <c r="CG33" s="261">
        <v>0</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v>
      </c>
      <c r="DU33" s="261">
        <v>2</v>
      </c>
      <c r="DV33" s="258">
        <v>4</v>
      </c>
      <c r="DW33" s="260">
        <v>0</v>
      </c>
      <c r="DX33" s="261">
        <v>4</v>
      </c>
      <c r="DY33" s="261">
        <v>3</v>
      </c>
      <c r="DZ33" s="261">
        <v>2</v>
      </c>
      <c r="EA33" s="261">
        <v>1</v>
      </c>
      <c r="EB33" s="261">
        <v>1</v>
      </c>
      <c r="EC33" s="258">
        <v>11</v>
      </c>
      <c r="ED33" s="263">
        <v>15</v>
      </c>
      <c r="EE33" s="257">
        <v>0</v>
      </c>
      <c r="EF33" s="261">
        <v>0</v>
      </c>
      <c r="EG33" s="258">
        <v>0</v>
      </c>
      <c r="EH33" s="260">
        <v>0</v>
      </c>
      <c r="EI33" s="261">
        <v>0</v>
      </c>
      <c r="EJ33" s="261">
        <v>0</v>
      </c>
      <c r="EK33" s="261">
        <v>0</v>
      </c>
      <c r="EL33" s="261">
        <v>0</v>
      </c>
      <c r="EM33" s="261">
        <v>0</v>
      </c>
      <c r="EN33" s="258">
        <v>0</v>
      </c>
      <c r="EO33" s="263">
        <v>0</v>
      </c>
      <c r="EP33" s="257">
        <v>2</v>
      </c>
      <c r="EQ33" s="261">
        <v>2</v>
      </c>
      <c r="ER33" s="258">
        <v>4</v>
      </c>
      <c r="ES33" s="260">
        <v>0</v>
      </c>
      <c r="ET33" s="261">
        <v>7</v>
      </c>
      <c r="EU33" s="261">
        <v>5</v>
      </c>
      <c r="EV33" s="261">
        <v>3</v>
      </c>
      <c r="EW33" s="261">
        <v>2</v>
      </c>
      <c r="EX33" s="261">
        <v>1</v>
      </c>
      <c r="EY33" s="258">
        <v>18</v>
      </c>
      <c r="EZ33" s="263">
        <v>22</v>
      </c>
    </row>
    <row r="34" spans="2:156" ht="21" customHeight="1" x14ac:dyDescent="0.2">
      <c r="B34" s="472" t="s">
        <v>32</v>
      </c>
      <c r="C34" s="257">
        <v>0</v>
      </c>
      <c r="D34" s="261">
        <v>0</v>
      </c>
      <c r="E34" s="358">
        <v>0</v>
      </c>
      <c r="F34" s="260">
        <v>0</v>
      </c>
      <c r="G34" s="261">
        <v>1</v>
      </c>
      <c r="H34" s="261">
        <v>1</v>
      </c>
      <c r="I34" s="261">
        <v>1</v>
      </c>
      <c r="J34" s="261">
        <v>0</v>
      </c>
      <c r="K34" s="261">
        <v>1</v>
      </c>
      <c r="L34" s="262">
        <v>4</v>
      </c>
      <c r="M34" s="263">
        <v>4</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1</v>
      </c>
      <c r="AD34" s="261">
        <v>2</v>
      </c>
      <c r="AE34" s="261">
        <v>0</v>
      </c>
      <c r="AF34" s="261">
        <v>0</v>
      </c>
      <c r="AG34" s="261">
        <v>1</v>
      </c>
      <c r="AH34" s="258">
        <v>4</v>
      </c>
      <c r="AI34" s="263">
        <v>4</v>
      </c>
      <c r="AJ34" s="257">
        <v>0</v>
      </c>
      <c r="AK34" s="261">
        <v>0</v>
      </c>
      <c r="AL34" s="258">
        <v>0</v>
      </c>
      <c r="AM34" s="260">
        <v>0</v>
      </c>
      <c r="AN34" s="261">
        <v>0</v>
      </c>
      <c r="AO34" s="261">
        <v>1</v>
      </c>
      <c r="AP34" s="261">
        <v>0</v>
      </c>
      <c r="AQ34" s="261">
        <v>1</v>
      </c>
      <c r="AR34" s="261">
        <v>0</v>
      </c>
      <c r="AS34" s="258">
        <v>2</v>
      </c>
      <c r="AT34" s="263">
        <v>2</v>
      </c>
      <c r="AU34" s="257">
        <v>0</v>
      </c>
      <c r="AV34" s="261">
        <v>0</v>
      </c>
      <c r="AW34" s="258">
        <v>0</v>
      </c>
      <c r="AX34" s="260">
        <v>0</v>
      </c>
      <c r="AY34" s="261">
        <v>0</v>
      </c>
      <c r="AZ34" s="261">
        <v>2</v>
      </c>
      <c r="BA34" s="261">
        <v>3</v>
      </c>
      <c r="BB34" s="261">
        <v>2</v>
      </c>
      <c r="BC34" s="261">
        <v>3</v>
      </c>
      <c r="BD34" s="262">
        <v>10</v>
      </c>
      <c r="BE34" s="263">
        <v>10</v>
      </c>
      <c r="BF34" s="257">
        <v>0</v>
      </c>
      <c r="BG34" s="261">
        <v>0</v>
      </c>
      <c r="BH34" s="258">
        <v>0</v>
      </c>
      <c r="BI34" s="260">
        <v>0</v>
      </c>
      <c r="BJ34" s="261">
        <v>3</v>
      </c>
      <c r="BK34" s="261">
        <v>3</v>
      </c>
      <c r="BL34" s="261">
        <v>0</v>
      </c>
      <c r="BM34" s="261">
        <v>2</v>
      </c>
      <c r="BN34" s="261">
        <v>1</v>
      </c>
      <c r="BO34" s="258">
        <v>9</v>
      </c>
      <c r="BP34" s="263">
        <v>9</v>
      </c>
      <c r="BQ34" s="257">
        <v>0</v>
      </c>
      <c r="BR34" s="261">
        <v>0</v>
      </c>
      <c r="BS34" s="258">
        <v>0</v>
      </c>
      <c r="BT34" s="260">
        <v>0</v>
      </c>
      <c r="BU34" s="261">
        <v>0</v>
      </c>
      <c r="BV34" s="261">
        <v>0</v>
      </c>
      <c r="BW34" s="261">
        <v>1</v>
      </c>
      <c r="BX34" s="261">
        <v>2</v>
      </c>
      <c r="BY34" s="261">
        <v>1</v>
      </c>
      <c r="BZ34" s="258">
        <v>4</v>
      </c>
      <c r="CA34" s="263">
        <v>4</v>
      </c>
      <c r="CB34" s="257">
        <v>0</v>
      </c>
      <c r="CC34" s="261">
        <v>0</v>
      </c>
      <c r="CD34" s="258">
        <v>0</v>
      </c>
      <c r="CE34" s="260">
        <v>0</v>
      </c>
      <c r="CF34" s="261">
        <v>0</v>
      </c>
      <c r="CG34" s="261">
        <v>1</v>
      </c>
      <c r="CH34" s="261">
        <v>0</v>
      </c>
      <c r="CI34" s="261">
        <v>1</v>
      </c>
      <c r="CJ34" s="261">
        <v>1</v>
      </c>
      <c r="CK34" s="258">
        <v>3</v>
      </c>
      <c r="CL34" s="263">
        <v>3</v>
      </c>
      <c r="CM34" s="257">
        <v>0</v>
      </c>
      <c r="CN34" s="261">
        <v>0</v>
      </c>
      <c r="CO34" s="258">
        <v>0</v>
      </c>
      <c r="CP34" s="260">
        <v>0</v>
      </c>
      <c r="CQ34" s="261">
        <v>0</v>
      </c>
      <c r="CR34" s="261">
        <v>0</v>
      </c>
      <c r="CS34" s="261">
        <v>0</v>
      </c>
      <c r="CT34" s="261">
        <v>0</v>
      </c>
      <c r="CU34" s="261">
        <v>1</v>
      </c>
      <c r="CV34" s="258">
        <v>1</v>
      </c>
      <c r="CW34" s="263">
        <v>1</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2</v>
      </c>
      <c r="DU34" s="261">
        <v>0</v>
      </c>
      <c r="DV34" s="258">
        <v>2</v>
      </c>
      <c r="DW34" s="260">
        <v>0</v>
      </c>
      <c r="DX34" s="261">
        <v>3</v>
      </c>
      <c r="DY34" s="261">
        <v>5</v>
      </c>
      <c r="DZ34" s="261">
        <v>2</v>
      </c>
      <c r="EA34" s="261">
        <v>2</v>
      </c>
      <c r="EB34" s="261">
        <v>2</v>
      </c>
      <c r="EC34" s="258">
        <v>14</v>
      </c>
      <c r="ED34" s="263">
        <v>16</v>
      </c>
      <c r="EE34" s="257">
        <v>0</v>
      </c>
      <c r="EF34" s="261">
        <v>0</v>
      </c>
      <c r="EG34" s="258">
        <v>0</v>
      </c>
      <c r="EH34" s="260">
        <v>0</v>
      </c>
      <c r="EI34" s="261">
        <v>1</v>
      </c>
      <c r="EJ34" s="261">
        <v>1</v>
      </c>
      <c r="EK34" s="261">
        <v>1</v>
      </c>
      <c r="EL34" s="261">
        <v>1</v>
      </c>
      <c r="EM34" s="261">
        <v>0</v>
      </c>
      <c r="EN34" s="258">
        <v>4</v>
      </c>
      <c r="EO34" s="263">
        <v>4</v>
      </c>
      <c r="EP34" s="257">
        <v>2</v>
      </c>
      <c r="EQ34" s="261">
        <v>0</v>
      </c>
      <c r="ER34" s="258">
        <v>2</v>
      </c>
      <c r="ES34" s="260">
        <v>0</v>
      </c>
      <c r="ET34" s="261">
        <v>7</v>
      </c>
      <c r="EU34" s="261">
        <v>5</v>
      </c>
      <c r="EV34" s="261">
        <v>2</v>
      </c>
      <c r="EW34" s="261">
        <v>2</v>
      </c>
      <c r="EX34" s="261">
        <v>2</v>
      </c>
      <c r="EY34" s="258">
        <v>18</v>
      </c>
      <c r="EZ34" s="263">
        <v>20</v>
      </c>
    </row>
    <row r="35" spans="2:156" ht="21" customHeight="1" x14ac:dyDescent="0.2">
      <c r="B35" s="472" t="s">
        <v>33</v>
      </c>
      <c r="C35" s="257">
        <v>0</v>
      </c>
      <c r="D35" s="261">
        <v>0</v>
      </c>
      <c r="E35" s="358">
        <v>0</v>
      </c>
      <c r="F35" s="260">
        <v>0</v>
      </c>
      <c r="G35" s="261">
        <v>2</v>
      </c>
      <c r="H35" s="261">
        <v>0</v>
      </c>
      <c r="I35" s="261">
        <v>0</v>
      </c>
      <c r="J35" s="261">
        <v>0</v>
      </c>
      <c r="K35" s="261">
        <v>1</v>
      </c>
      <c r="L35" s="262">
        <v>3</v>
      </c>
      <c r="M35" s="263">
        <v>3</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0</v>
      </c>
      <c r="AD35" s="261">
        <v>1</v>
      </c>
      <c r="AE35" s="261">
        <v>0</v>
      </c>
      <c r="AF35" s="261">
        <v>0</v>
      </c>
      <c r="AG35" s="261">
        <v>1</v>
      </c>
      <c r="AH35" s="258">
        <v>2</v>
      </c>
      <c r="AI35" s="263">
        <v>2</v>
      </c>
      <c r="AJ35" s="257">
        <v>0</v>
      </c>
      <c r="AK35" s="261">
        <v>0</v>
      </c>
      <c r="AL35" s="258">
        <v>0</v>
      </c>
      <c r="AM35" s="260">
        <v>0</v>
      </c>
      <c r="AN35" s="261">
        <v>3</v>
      </c>
      <c r="AO35" s="261">
        <v>1</v>
      </c>
      <c r="AP35" s="261">
        <v>1</v>
      </c>
      <c r="AQ35" s="261">
        <v>0</v>
      </c>
      <c r="AR35" s="261">
        <v>1</v>
      </c>
      <c r="AS35" s="258">
        <v>6</v>
      </c>
      <c r="AT35" s="263">
        <v>6</v>
      </c>
      <c r="AU35" s="257">
        <v>0</v>
      </c>
      <c r="AV35" s="261">
        <v>2</v>
      </c>
      <c r="AW35" s="258">
        <v>2</v>
      </c>
      <c r="AX35" s="260">
        <v>0</v>
      </c>
      <c r="AY35" s="261">
        <v>1</v>
      </c>
      <c r="AZ35" s="261">
        <v>0</v>
      </c>
      <c r="BA35" s="261">
        <v>4</v>
      </c>
      <c r="BB35" s="261">
        <v>2</v>
      </c>
      <c r="BC35" s="261">
        <v>2</v>
      </c>
      <c r="BD35" s="262">
        <v>9</v>
      </c>
      <c r="BE35" s="263">
        <v>11</v>
      </c>
      <c r="BF35" s="257">
        <v>0</v>
      </c>
      <c r="BG35" s="261">
        <v>0</v>
      </c>
      <c r="BH35" s="258">
        <v>0</v>
      </c>
      <c r="BI35" s="260">
        <v>0</v>
      </c>
      <c r="BJ35" s="261">
        <v>2</v>
      </c>
      <c r="BK35" s="261">
        <v>0</v>
      </c>
      <c r="BL35" s="261">
        <v>0</v>
      </c>
      <c r="BM35" s="261">
        <v>0</v>
      </c>
      <c r="BN35" s="261">
        <v>1</v>
      </c>
      <c r="BO35" s="258">
        <v>3</v>
      </c>
      <c r="BP35" s="263">
        <v>3</v>
      </c>
      <c r="BQ35" s="257">
        <v>1</v>
      </c>
      <c r="BR35" s="261">
        <v>0</v>
      </c>
      <c r="BS35" s="258">
        <v>1</v>
      </c>
      <c r="BT35" s="260">
        <v>0</v>
      </c>
      <c r="BU35" s="261">
        <v>2</v>
      </c>
      <c r="BV35" s="261">
        <v>0</v>
      </c>
      <c r="BW35" s="261">
        <v>1</v>
      </c>
      <c r="BX35" s="261">
        <v>0</v>
      </c>
      <c r="BY35" s="261">
        <v>0</v>
      </c>
      <c r="BZ35" s="258">
        <v>3</v>
      </c>
      <c r="CA35" s="263">
        <v>4</v>
      </c>
      <c r="CB35" s="257">
        <v>0</v>
      </c>
      <c r="CC35" s="261">
        <v>0</v>
      </c>
      <c r="CD35" s="258">
        <v>0</v>
      </c>
      <c r="CE35" s="260">
        <v>0</v>
      </c>
      <c r="CF35" s="261">
        <v>0</v>
      </c>
      <c r="CG35" s="261">
        <v>0</v>
      </c>
      <c r="CH35" s="261">
        <v>1</v>
      </c>
      <c r="CI35" s="261">
        <v>2</v>
      </c>
      <c r="CJ35" s="261">
        <v>0</v>
      </c>
      <c r="CK35" s="258">
        <v>3</v>
      </c>
      <c r="CL35" s="263">
        <v>3</v>
      </c>
      <c r="CM35" s="257">
        <v>0</v>
      </c>
      <c r="CN35" s="261">
        <v>0</v>
      </c>
      <c r="CO35" s="258">
        <v>0</v>
      </c>
      <c r="CP35" s="260">
        <v>0</v>
      </c>
      <c r="CQ35" s="261">
        <v>1</v>
      </c>
      <c r="CR35" s="261">
        <v>0</v>
      </c>
      <c r="CS35" s="261">
        <v>0</v>
      </c>
      <c r="CT35" s="261">
        <v>0</v>
      </c>
      <c r="CU35" s="261">
        <v>0</v>
      </c>
      <c r="CV35" s="258">
        <v>1</v>
      </c>
      <c r="CW35" s="263">
        <v>1</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1</v>
      </c>
      <c r="DU35" s="261">
        <v>1</v>
      </c>
      <c r="DV35" s="258">
        <v>2</v>
      </c>
      <c r="DW35" s="260">
        <v>0</v>
      </c>
      <c r="DX35" s="261">
        <v>3</v>
      </c>
      <c r="DY35" s="261">
        <v>1</v>
      </c>
      <c r="DZ35" s="261">
        <v>2</v>
      </c>
      <c r="EA35" s="261">
        <v>0</v>
      </c>
      <c r="EB35" s="261">
        <v>3</v>
      </c>
      <c r="EC35" s="258">
        <v>9</v>
      </c>
      <c r="ED35" s="263">
        <v>11</v>
      </c>
      <c r="EE35" s="257">
        <v>0</v>
      </c>
      <c r="EF35" s="261">
        <v>2</v>
      </c>
      <c r="EG35" s="258">
        <v>2</v>
      </c>
      <c r="EH35" s="260">
        <v>0</v>
      </c>
      <c r="EI35" s="261">
        <v>1</v>
      </c>
      <c r="EJ35" s="261">
        <v>0</v>
      </c>
      <c r="EK35" s="261">
        <v>4</v>
      </c>
      <c r="EL35" s="261">
        <v>2</v>
      </c>
      <c r="EM35" s="261">
        <v>1</v>
      </c>
      <c r="EN35" s="258">
        <v>8</v>
      </c>
      <c r="EO35" s="263">
        <v>10</v>
      </c>
      <c r="EP35" s="257">
        <v>2</v>
      </c>
      <c r="EQ35" s="261">
        <v>1</v>
      </c>
      <c r="ER35" s="258">
        <v>3</v>
      </c>
      <c r="ES35" s="260">
        <v>0</v>
      </c>
      <c r="ET35" s="261">
        <v>7</v>
      </c>
      <c r="EU35" s="261">
        <v>1</v>
      </c>
      <c r="EV35" s="261">
        <v>2</v>
      </c>
      <c r="EW35" s="261">
        <v>1</v>
      </c>
      <c r="EX35" s="261">
        <v>2</v>
      </c>
      <c r="EY35" s="258">
        <v>13</v>
      </c>
      <c r="EZ35" s="263">
        <v>16</v>
      </c>
    </row>
    <row r="36" spans="2:156" ht="21" customHeight="1" x14ac:dyDescent="0.2">
      <c r="B36" s="472" t="s">
        <v>34</v>
      </c>
      <c r="C36" s="257">
        <v>0</v>
      </c>
      <c r="D36" s="261">
        <v>0</v>
      </c>
      <c r="E36" s="358">
        <v>0</v>
      </c>
      <c r="F36" s="260">
        <v>0</v>
      </c>
      <c r="G36" s="261">
        <v>1</v>
      </c>
      <c r="H36" s="261">
        <v>0</v>
      </c>
      <c r="I36" s="261">
        <v>0</v>
      </c>
      <c r="J36" s="261">
        <v>0</v>
      </c>
      <c r="K36" s="261">
        <v>0</v>
      </c>
      <c r="L36" s="262">
        <v>1</v>
      </c>
      <c r="M36" s="263">
        <v>1</v>
      </c>
      <c r="N36" s="257">
        <v>0</v>
      </c>
      <c r="O36" s="261">
        <v>0</v>
      </c>
      <c r="P36" s="258">
        <v>0</v>
      </c>
      <c r="Q36" s="260">
        <v>0</v>
      </c>
      <c r="R36" s="261">
        <v>0</v>
      </c>
      <c r="S36" s="261">
        <v>0</v>
      </c>
      <c r="T36" s="261">
        <v>0</v>
      </c>
      <c r="U36" s="261">
        <v>0</v>
      </c>
      <c r="V36" s="261">
        <v>0</v>
      </c>
      <c r="W36" s="258">
        <v>0</v>
      </c>
      <c r="X36" s="263">
        <v>0</v>
      </c>
      <c r="Y36" s="257">
        <v>0</v>
      </c>
      <c r="Z36" s="261">
        <v>1</v>
      </c>
      <c r="AA36" s="258">
        <v>1</v>
      </c>
      <c r="AB36" s="260">
        <v>0</v>
      </c>
      <c r="AC36" s="261">
        <v>0</v>
      </c>
      <c r="AD36" s="261">
        <v>0</v>
      </c>
      <c r="AE36" s="261">
        <v>0</v>
      </c>
      <c r="AF36" s="261">
        <v>0</v>
      </c>
      <c r="AG36" s="261">
        <v>0</v>
      </c>
      <c r="AH36" s="258">
        <v>0</v>
      </c>
      <c r="AI36" s="263">
        <v>1</v>
      </c>
      <c r="AJ36" s="257">
        <v>0</v>
      </c>
      <c r="AK36" s="261">
        <v>0</v>
      </c>
      <c r="AL36" s="258">
        <v>0</v>
      </c>
      <c r="AM36" s="260">
        <v>0</v>
      </c>
      <c r="AN36" s="261">
        <v>0</v>
      </c>
      <c r="AO36" s="261">
        <v>1</v>
      </c>
      <c r="AP36" s="261">
        <v>0</v>
      </c>
      <c r="AQ36" s="261">
        <v>0</v>
      </c>
      <c r="AR36" s="261">
        <v>0</v>
      </c>
      <c r="AS36" s="258">
        <v>1</v>
      </c>
      <c r="AT36" s="263">
        <v>1</v>
      </c>
      <c r="AU36" s="257">
        <v>0</v>
      </c>
      <c r="AV36" s="261">
        <v>0</v>
      </c>
      <c r="AW36" s="258">
        <v>0</v>
      </c>
      <c r="AX36" s="260">
        <v>0</v>
      </c>
      <c r="AY36" s="261">
        <v>2</v>
      </c>
      <c r="AZ36" s="261">
        <v>0</v>
      </c>
      <c r="BA36" s="261">
        <v>1</v>
      </c>
      <c r="BB36" s="261">
        <v>0</v>
      </c>
      <c r="BC36" s="261">
        <v>0</v>
      </c>
      <c r="BD36" s="262">
        <v>3</v>
      </c>
      <c r="BE36" s="263">
        <v>3</v>
      </c>
      <c r="BF36" s="257">
        <v>0</v>
      </c>
      <c r="BG36" s="261">
        <v>0</v>
      </c>
      <c r="BH36" s="258">
        <v>0</v>
      </c>
      <c r="BI36" s="260">
        <v>0</v>
      </c>
      <c r="BJ36" s="261">
        <v>0</v>
      </c>
      <c r="BK36" s="261">
        <v>1</v>
      </c>
      <c r="BL36" s="261">
        <v>1</v>
      </c>
      <c r="BM36" s="261">
        <v>0</v>
      </c>
      <c r="BN36" s="261">
        <v>0</v>
      </c>
      <c r="BO36" s="258">
        <v>2</v>
      </c>
      <c r="BP36" s="263">
        <v>2</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0</v>
      </c>
      <c r="DV36" s="258">
        <v>0</v>
      </c>
      <c r="DW36" s="260">
        <v>0</v>
      </c>
      <c r="DX36" s="261">
        <v>1</v>
      </c>
      <c r="DY36" s="261">
        <v>1</v>
      </c>
      <c r="DZ36" s="261">
        <v>0</v>
      </c>
      <c r="EA36" s="261">
        <v>0</v>
      </c>
      <c r="EB36" s="261">
        <v>1</v>
      </c>
      <c r="EC36" s="258">
        <v>3</v>
      </c>
      <c r="ED36" s="263">
        <v>3</v>
      </c>
      <c r="EE36" s="257">
        <v>0</v>
      </c>
      <c r="EF36" s="261">
        <v>0</v>
      </c>
      <c r="EG36" s="258">
        <v>0</v>
      </c>
      <c r="EH36" s="260">
        <v>0</v>
      </c>
      <c r="EI36" s="261">
        <v>0</v>
      </c>
      <c r="EJ36" s="261">
        <v>0</v>
      </c>
      <c r="EK36" s="261">
        <v>1</v>
      </c>
      <c r="EL36" s="261">
        <v>0</v>
      </c>
      <c r="EM36" s="261">
        <v>0</v>
      </c>
      <c r="EN36" s="258">
        <v>1</v>
      </c>
      <c r="EO36" s="263">
        <v>1</v>
      </c>
      <c r="EP36" s="257">
        <v>0</v>
      </c>
      <c r="EQ36" s="261">
        <v>1</v>
      </c>
      <c r="ER36" s="258">
        <v>1</v>
      </c>
      <c r="ES36" s="260">
        <v>0</v>
      </c>
      <c r="ET36" s="261">
        <v>1</v>
      </c>
      <c r="EU36" s="261">
        <v>1</v>
      </c>
      <c r="EV36" s="261">
        <v>1</v>
      </c>
      <c r="EW36" s="261">
        <v>0</v>
      </c>
      <c r="EX36" s="261">
        <v>0</v>
      </c>
      <c r="EY36" s="258">
        <v>3</v>
      </c>
      <c r="EZ36" s="263">
        <v>4</v>
      </c>
    </row>
    <row r="37" spans="2:156" ht="21" customHeight="1" x14ac:dyDescent="0.2">
      <c r="B37" s="472" t="s">
        <v>35</v>
      </c>
      <c r="C37" s="257">
        <v>0</v>
      </c>
      <c r="D37" s="261">
        <v>0</v>
      </c>
      <c r="E37" s="358">
        <v>0</v>
      </c>
      <c r="F37" s="260">
        <v>0</v>
      </c>
      <c r="G37" s="261">
        <v>3</v>
      </c>
      <c r="H37" s="261">
        <v>3</v>
      </c>
      <c r="I37" s="261">
        <v>1</v>
      </c>
      <c r="J37" s="261">
        <v>0</v>
      </c>
      <c r="K37" s="261">
        <v>1</v>
      </c>
      <c r="L37" s="262">
        <v>8</v>
      </c>
      <c r="M37" s="263">
        <v>8</v>
      </c>
      <c r="N37" s="257">
        <v>0</v>
      </c>
      <c r="O37" s="261">
        <v>0</v>
      </c>
      <c r="P37" s="258">
        <v>0</v>
      </c>
      <c r="Q37" s="260">
        <v>0</v>
      </c>
      <c r="R37" s="261">
        <v>0</v>
      </c>
      <c r="S37" s="261">
        <v>0</v>
      </c>
      <c r="T37" s="261">
        <v>0</v>
      </c>
      <c r="U37" s="261">
        <v>1</v>
      </c>
      <c r="V37" s="261">
        <v>1</v>
      </c>
      <c r="W37" s="258">
        <v>2</v>
      </c>
      <c r="X37" s="263">
        <v>2</v>
      </c>
      <c r="Y37" s="257">
        <v>0</v>
      </c>
      <c r="Z37" s="261">
        <v>2</v>
      </c>
      <c r="AA37" s="258">
        <v>2</v>
      </c>
      <c r="AB37" s="260">
        <v>0</v>
      </c>
      <c r="AC37" s="261">
        <v>2</v>
      </c>
      <c r="AD37" s="261">
        <v>2</v>
      </c>
      <c r="AE37" s="261">
        <v>1</v>
      </c>
      <c r="AF37" s="261">
        <v>2</v>
      </c>
      <c r="AG37" s="261">
        <v>2</v>
      </c>
      <c r="AH37" s="258">
        <v>9</v>
      </c>
      <c r="AI37" s="263">
        <v>11</v>
      </c>
      <c r="AJ37" s="257">
        <v>1</v>
      </c>
      <c r="AK37" s="261">
        <v>1</v>
      </c>
      <c r="AL37" s="258">
        <v>2</v>
      </c>
      <c r="AM37" s="260">
        <v>0</v>
      </c>
      <c r="AN37" s="261">
        <v>3</v>
      </c>
      <c r="AO37" s="261">
        <v>0</v>
      </c>
      <c r="AP37" s="261">
        <v>0</v>
      </c>
      <c r="AQ37" s="261">
        <v>1</v>
      </c>
      <c r="AR37" s="261">
        <v>0</v>
      </c>
      <c r="AS37" s="258">
        <v>4</v>
      </c>
      <c r="AT37" s="263">
        <v>6</v>
      </c>
      <c r="AU37" s="257">
        <v>3</v>
      </c>
      <c r="AV37" s="261">
        <v>3</v>
      </c>
      <c r="AW37" s="258">
        <v>6</v>
      </c>
      <c r="AX37" s="260">
        <v>0</v>
      </c>
      <c r="AY37" s="261">
        <v>2</v>
      </c>
      <c r="AZ37" s="261">
        <v>1</v>
      </c>
      <c r="BA37" s="261">
        <v>4</v>
      </c>
      <c r="BB37" s="261">
        <v>6</v>
      </c>
      <c r="BC37" s="261">
        <v>4</v>
      </c>
      <c r="BD37" s="262">
        <v>17</v>
      </c>
      <c r="BE37" s="263">
        <v>23</v>
      </c>
      <c r="BF37" s="257">
        <v>0</v>
      </c>
      <c r="BG37" s="261">
        <v>0</v>
      </c>
      <c r="BH37" s="258">
        <v>0</v>
      </c>
      <c r="BI37" s="260">
        <v>0</v>
      </c>
      <c r="BJ37" s="261">
        <v>1</v>
      </c>
      <c r="BK37" s="261">
        <v>2</v>
      </c>
      <c r="BL37" s="261">
        <v>1</v>
      </c>
      <c r="BM37" s="261">
        <v>1</v>
      </c>
      <c r="BN37" s="261">
        <v>1</v>
      </c>
      <c r="BO37" s="258">
        <v>6</v>
      </c>
      <c r="BP37" s="263">
        <v>6</v>
      </c>
      <c r="BQ37" s="257">
        <v>0</v>
      </c>
      <c r="BR37" s="261">
        <v>2</v>
      </c>
      <c r="BS37" s="258">
        <v>2</v>
      </c>
      <c r="BT37" s="260">
        <v>0</v>
      </c>
      <c r="BU37" s="261">
        <v>3</v>
      </c>
      <c r="BV37" s="261">
        <v>3</v>
      </c>
      <c r="BW37" s="261">
        <v>0</v>
      </c>
      <c r="BX37" s="261">
        <v>1</v>
      </c>
      <c r="BY37" s="261">
        <v>0</v>
      </c>
      <c r="BZ37" s="258">
        <v>7</v>
      </c>
      <c r="CA37" s="263">
        <v>9</v>
      </c>
      <c r="CB37" s="257">
        <v>0</v>
      </c>
      <c r="CC37" s="261">
        <v>0</v>
      </c>
      <c r="CD37" s="258">
        <v>0</v>
      </c>
      <c r="CE37" s="260">
        <v>0</v>
      </c>
      <c r="CF37" s="261">
        <v>0</v>
      </c>
      <c r="CG37" s="261">
        <v>0</v>
      </c>
      <c r="CH37" s="261">
        <v>0</v>
      </c>
      <c r="CI37" s="261">
        <v>1</v>
      </c>
      <c r="CJ37" s="261">
        <v>1</v>
      </c>
      <c r="CK37" s="258">
        <v>2</v>
      </c>
      <c r="CL37" s="263">
        <v>2</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1</v>
      </c>
      <c r="DU37" s="261">
        <v>5</v>
      </c>
      <c r="DV37" s="258">
        <v>6</v>
      </c>
      <c r="DW37" s="260">
        <v>0</v>
      </c>
      <c r="DX37" s="261">
        <v>6</v>
      </c>
      <c r="DY37" s="261">
        <v>6</v>
      </c>
      <c r="DZ37" s="261">
        <v>2</v>
      </c>
      <c r="EA37" s="261">
        <v>4</v>
      </c>
      <c r="EB37" s="261">
        <v>2</v>
      </c>
      <c r="EC37" s="258">
        <v>20</v>
      </c>
      <c r="ED37" s="263">
        <v>26</v>
      </c>
      <c r="EE37" s="257">
        <v>4</v>
      </c>
      <c r="EF37" s="261">
        <v>1</v>
      </c>
      <c r="EG37" s="258">
        <v>5</v>
      </c>
      <c r="EH37" s="260">
        <v>0</v>
      </c>
      <c r="EI37" s="261">
        <v>0</v>
      </c>
      <c r="EJ37" s="261">
        <v>0</v>
      </c>
      <c r="EK37" s="261">
        <v>3</v>
      </c>
      <c r="EL37" s="261">
        <v>2</v>
      </c>
      <c r="EM37" s="261">
        <v>2</v>
      </c>
      <c r="EN37" s="258">
        <v>7</v>
      </c>
      <c r="EO37" s="263">
        <v>12</v>
      </c>
      <c r="EP37" s="257">
        <v>2</v>
      </c>
      <c r="EQ37" s="261">
        <v>6</v>
      </c>
      <c r="ER37" s="258">
        <v>8</v>
      </c>
      <c r="ES37" s="260">
        <v>0</v>
      </c>
      <c r="ET37" s="261">
        <v>11</v>
      </c>
      <c r="EU37" s="261">
        <v>6</v>
      </c>
      <c r="EV37" s="261">
        <v>2</v>
      </c>
      <c r="EW37" s="261">
        <v>4</v>
      </c>
      <c r="EX37" s="261">
        <v>2</v>
      </c>
      <c r="EY37" s="258">
        <v>25</v>
      </c>
      <c r="EZ37" s="263">
        <v>33</v>
      </c>
    </row>
    <row r="38" spans="2:156" ht="21" customHeight="1" x14ac:dyDescent="0.2">
      <c r="B38" s="472" t="s">
        <v>36</v>
      </c>
      <c r="C38" s="257">
        <v>0</v>
      </c>
      <c r="D38" s="261">
        <v>0</v>
      </c>
      <c r="E38" s="358">
        <v>0</v>
      </c>
      <c r="F38" s="260">
        <v>0</v>
      </c>
      <c r="G38" s="261">
        <v>0</v>
      </c>
      <c r="H38" s="261">
        <v>1</v>
      </c>
      <c r="I38" s="261">
        <v>0</v>
      </c>
      <c r="J38" s="261">
        <v>1</v>
      </c>
      <c r="K38" s="261">
        <v>1</v>
      </c>
      <c r="L38" s="262">
        <v>3</v>
      </c>
      <c r="M38" s="263">
        <v>3</v>
      </c>
      <c r="N38" s="257">
        <v>0</v>
      </c>
      <c r="O38" s="261">
        <v>0</v>
      </c>
      <c r="P38" s="258">
        <v>0</v>
      </c>
      <c r="Q38" s="260">
        <v>0</v>
      </c>
      <c r="R38" s="261">
        <v>0</v>
      </c>
      <c r="S38" s="261">
        <v>0</v>
      </c>
      <c r="T38" s="261">
        <v>0</v>
      </c>
      <c r="U38" s="261">
        <v>0</v>
      </c>
      <c r="V38" s="261">
        <v>0</v>
      </c>
      <c r="W38" s="258">
        <v>0</v>
      </c>
      <c r="X38" s="263">
        <v>0</v>
      </c>
      <c r="Y38" s="257">
        <v>1</v>
      </c>
      <c r="Z38" s="261">
        <v>3</v>
      </c>
      <c r="AA38" s="258">
        <v>4</v>
      </c>
      <c r="AB38" s="260">
        <v>0</v>
      </c>
      <c r="AC38" s="261">
        <v>1</v>
      </c>
      <c r="AD38" s="261">
        <v>1</v>
      </c>
      <c r="AE38" s="261">
        <v>0</v>
      </c>
      <c r="AF38" s="261">
        <v>1</v>
      </c>
      <c r="AG38" s="261">
        <v>1</v>
      </c>
      <c r="AH38" s="258">
        <v>4</v>
      </c>
      <c r="AI38" s="263">
        <v>8</v>
      </c>
      <c r="AJ38" s="257">
        <v>0</v>
      </c>
      <c r="AK38" s="261">
        <v>0</v>
      </c>
      <c r="AL38" s="258">
        <v>0</v>
      </c>
      <c r="AM38" s="260">
        <v>0</v>
      </c>
      <c r="AN38" s="261">
        <v>1</v>
      </c>
      <c r="AO38" s="261">
        <v>0</v>
      </c>
      <c r="AP38" s="261">
        <v>0</v>
      </c>
      <c r="AQ38" s="261">
        <v>0</v>
      </c>
      <c r="AR38" s="261">
        <v>0</v>
      </c>
      <c r="AS38" s="258">
        <v>1</v>
      </c>
      <c r="AT38" s="263">
        <v>1</v>
      </c>
      <c r="AU38" s="257">
        <v>0</v>
      </c>
      <c r="AV38" s="261">
        <v>0</v>
      </c>
      <c r="AW38" s="258">
        <v>0</v>
      </c>
      <c r="AX38" s="260">
        <v>0</v>
      </c>
      <c r="AY38" s="261">
        <v>1</v>
      </c>
      <c r="AZ38" s="261">
        <v>4</v>
      </c>
      <c r="BA38" s="261">
        <v>1</v>
      </c>
      <c r="BB38" s="261">
        <v>4</v>
      </c>
      <c r="BC38" s="261">
        <v>2</v>
      </c>
      <c r="BD38" s="262">
        <v>12</v>
      </c>
      <c r="BE38" s="263">
        <v>12</v>
      </c>
      <c r="BF38" s="257">
        <v>0</v>
      </c>
      <c r="BG38" s="261">
        <v>0</v>
      </c>
      <c r="BH38" s="258">
        <v>0</v>
      </c>
      <c r="BI38" s="260">
        <v>0</v>
      </c>
      <c r="BJ38" s="261">
        <v>1</v>
      </c>
      <c r="BK38" s="261">
        <v>5</v>
      </c>
      <c r="BL38" s="261">
        <v>1</v>
      </c>
      <c r="BM38" s="261">
        <v>1</v>
      </c>
      <c r="BN38" s="261">
        <v>1</v>
      </c>
      <c r="BO38" s="258">
        <v>9</v>
      </c>
      <c r="BP38" s="263">
        <v>9</v>
      </c>
      <c r="BQ38" s="257">
        <v>0</v>
      </c>
      <c r="BR38" s="261">
        <v>0</v>
      </c>
      <c r="BS38" s="258">
        <v>0</v>
      </c>
      <c r="BT38" s="260">
        <v>0</v>
      </c>
      <c r="BU38" s="261">
        <v>1</v>
      </c>
      <c r="BV38" s="261">
        <v>0</v>
      </c>
      <c r="BW38" s="261">
        <v>0</v>
      </c>
      <c r="BX38" s="261">
        <v>0</v>
      </c>
      <c r="BY38" s="261">
        <v>0</v>
      </c>
      <c r="BZ38" s="258">
        <v>1</v>
      </c>
      <c r="CA38" s="263">
        <v>1</v>
      </c>
      <c r="CB38" s="257">
        <v>0</v>
      </c>
      <c r="CC38" s="261">
        <v>0</v>
      </c>
      <c r="CD38" s="258">
        <v>0</v>
      </c>
      <c r="CE38" s="260">
        <v>0</v>
      </c>
      <c r="CF38" s="261">
        <v>0</v>
      </c>
      <c r="CG38" s="261">
        <v>2</v>
      </c>
      <c r="CH38" s="261">
        <v>0</v>
      </c>
      <c r="CI38" s="261">
        <v>1</v>
      </c>
      <c r="CJ38" s="261">
        <v>0</v>
      </c>
      <c r="CK38" s="258">
        <v>3</v>
      </c>
      <c r="CL38" s="263">
        <v>3</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1</v>
      </c>
      <c r="DU38" s="261">
        <v>4</v>
      </c>
      <c r="DV38" s="258">
        <v>5</v>
      </c>
      <c r="DW38" s="260">
        <v>0</v>
      </c>
      <c r="DX38" s="261">
        <v>2</v>
      </c>
      <c r="DY38" s="261">
        <v>3</v>
      </c>
      <c r="DZ38" s="261">
        <v>1</v>
      </c>
      <c r="EA38" s="261">
        <v>2</v>
      </c>
      <c r="EB38" s="261">
        <v>2</v>
      </c>
      <c r="EC38" s="258">
        <v>10</v>
      </c>
      <c r="ED38" s="263">
        <v>15</v>
      </c>
      <c r="EE38" s="257">
        <v>0</v>
      </c>
      <c r="EF38" s="261">
        <v>0</v>
      </c>
      <c r="EG38" s="258">
        <v>0</v>
      </c>
      <c r="EH38" s="260">
        <v>0</v>
      </c>
      <c r="EI38" s="261">
        <v>0</v>
      </c>
      <c r="EJ38" s="261">
        <v>3</v>
      </c>
      <c r="EK38" s="261">
        <v>1</v>
      </c>
      <c r="EL38" s="261">
        <v>2</v>
      </c>
      <c r="EM38" s="261">
        <v>0</v>
      </c>
      <c r="EN38" s="258">
        <v>6</v>
      </c>
      <c r="EO38" s="263">
        <v>6</v>
      </c>
      <c r="EP38" s="257">
        <v>2</v>
      </c>
      <c r="EQ38" s="261">
        <v>8</v>
      </c>
      <c r="ER38" s="258">
        <v>10</v>
      </c>
      <c r="ES38" s="260">
        <v>0</v>
      </c>
      <c r="ET38" s="261">
        <v>4</v>
      </c>
      <c r="EU38" s="261">
        <v>6</v>
      </c>
      <c r="EV38" s="261">
        <v>1</v>
      </c>
      <c r="EW38" s="261">
        <v>2</v>
      </c>
      <c r="EX38" s="261">
        <v>2</v>
      </c>
      <c r="EY38" s="258">
        <v>15</v>
      </c>
      <c r="EZ38" s="263">
        <v>25</v>
      </c>
    </row>
    <row r="39" spans="2:156" ht="21" customHeight="1" thickBot="1" x14ac:dyDescent="0.25">
      <c r="B39" s="473" t="s">
        <v>37</v>
      </c>
      <c r="C39" s="264">
        <v>0</v>
      </c>
      <c r="D39" s="268">
        <v>0</v>
      </c>
      <c r="E39" s="359">
        <v>0</v>
      </c>
      <c r="F39" s="267">
        <v>0</v>
      </c>
      <c r="G39" s="268">
        <v>0</v>
      </c>
      <c r="H39" s="268">
        <v>0</v>
      </c>
      <c r="I39" s="268">
        <v>0</v>
      </c>
      <c r="J39" s="268">
        <v>0</v>
      </c>
      <c r="K39" s="268">
        <v>1</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1</v>
      </c>
      <c r="BD39" s="269">
        <v>2</v>
      </c>
      <c r="BE39" s="270">
        <v>2</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1</v>
      </c>
      <c r="CV39" s="265">
        <v>1</v>
      </c>
      <c r="CW39" s="270">
        <v>1</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0</v>
      </c>
      <c r="DV39" s="265">
        <v>0</v>
      </c>
      <c r="DW39" s="267">
        <v>0</v>
      </c>
      <c r="DX39" s="268">
        <v>0</v>
      </c>
      <c r="DY39" s="268">
        <v>0</v>
      </c>
      <c r="DZ39" s="268">
        <v>0</v>
      </c>
      <c r="EA39" s="268">
        <v>0</v>
      </c>
      <c r="EB39" s="268">
        <v>1</v>
      </c>
      <c r="EC39" s="265">
        <v>1</v>
      </c>
      <c r="ED39" s="270">
        <v>1</v>
      </c>
      <c r="EE39" s="264">
        <v>0</v>
      </c>
      <c r="EF39" s="268">
        <v>0</v>
      </c>
      <c r="EG39" s="265">
        <v>0</v>
      </c>
      <c r="EH39" s="267">
        <v>0</v>
      </c>
      <c r="EI39" s="268">
        <v>0</v>
      </c>
      <c r="EJ39" s="268">
        <v>0</v>
      </c>
      <c r="EK39" s="268">
        <v>0</v>
      </c>
      <c r="EL39" s="268">
        <v>1</v>
      </c>
      <c r="EM39" s="268">
        <v>0</v>
      </c>
      <c r="EN39" s="265">
        <v>1</v>
      </c>
      <c r="EO39" s="270">
        <v>1</v>
      </c>
      <c r="EP39" s="264">
        <v>0</v>
      </c>
      <c r="EQ39" s="268">
        <v>0</v>
      </c>
      <c r="ER39" s="265">
        <v>0</v>
      </c>
      <c r="ES39" s="267">
        <v>0</v>
      </c>
      <c r="ET39" s="268">
        <v>0</v>
      </c>
      <c r="EU39" s="268">
        <v>0</v>
      </c>
      <c r="EV39" s="268">
        <v>0</v>
      </c>
      <c r="EW39" s="268">
        <v>0</v>
      </c>
      <c r="EX39" s="268">
        <v>1</v>
      </c>
      <c r="EY39" s="265">
        <v>1</v>
      </c>
      <c r="EZ39" s="270">
        <v>1</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77734375" style="242" customWidth="1"/>
    <col min="18" max="27" width="9" style="242"/>
    <col min="28" max="28" width="6.88671875" style="242" customWidth="1"/>
    <col min="29" max="38" width="9" style="242"/>
    <col min="39" max="39" width="7.21875" style="242" customWidth="1"/>
    <col min="40" max="49" width="9" style="242"/>
    <col min="50" max="50" width="7.44140625" style="242" customWidth="1"/>
    <col min="51" max="60" width="9" style="242"/>
    <col min="61" max="61" width="7.6640625" style="242" customWidth="1"/>
    <col min="62" max="71" width="9" style="242"/>
    <col min="72" max="72" width="7.88671875" style="242" customWidth="1"/>
    <col min="73" max="82" width="9" style="242"/>
    <col min="83" max="83" width="7" style="242" customWidth="1"/>
    <col min="84" max="93" width="9" style="242"/>
    <col min="94" max="94" width="7.6640625" style="242" customWidth="1"/>
    <col min="95" max="16384" width="9" style="242"/>
  </cols>
  <sheetData>
    <row r="1" spans="2:112" ht="24" customHeight="1" x14ac:dyDescent="0.2">
      <c r="B1" s="271" t="s">
        <v>123</v>
      </c>
      <c r="J1" s="500">
        <f>第１表!F2</f>
        <v>5</v>
      </c>
      <c r="K1" s="500"/>
      <c r="L1" s="235">
        <f>第１表!G2</f>
        <v>11</v>
      </c>
      <c r="M1" s="505">
        <f>IF(L1&lt;3,L1+12-2,L1-2)</f>
        <v>9</v>
      </c>
      <c r="N1" s="505"/>
    </row>
    <row r="2" spans="2:112" ht="24" customHeight="1" thickBot="1" x14ac:dyDescent="0.25">
      <c r="B2" s="271" t="s">
        <v>138</v>
      </c>
    </row>
    <row r="3" spans="2:112" ht="21" customHeight="1" thickBot="1" x14ac:dyDescent="0.25">
      <c r="B3" s="525"/>
      <c r="C3" s="528" t="s">
        <v>112</v>
      </c>
      <c r="D3" s="528"/>
      <c r="E3" s="528"/>
      <c r="F3" s="528"/>
      <c r="G3" s="528"/>
      <c r="H3" s="528"/>
      <c r="I3" s="528"/>
      <c r="J3" s="528"/>
      <c r="K3" s="528"/>
      <c r="L3" s="528"/>
      <c r="M3" s="529"/>
      <c r="N3" s="523" t="s">
        <v>111</v>
      </c>
      <c r="O3" s="523"/>
      <c r="P3" s="523"/>
      <c r="Q3" s="523"/>
      <c r="R3" s="523"/>
      <c r="S3" s="523"/>
      <c r="T3" s="523"/>
      <c r="U3" s="523"/>
      <c r="V3" s="523"/>
      <c r="W3" s="523"/>
      <c r="X3" s="524"/>
      <c r="Y3" s="522" t="s">
        <v>110</v>
      </c>
      <c r="Z3" s="523"/>
      <c r="AA3" s="523"/>
      <c r="AB3" s="523"/>
      <c r="AC3" s="523"/>
      <c r="AD3" s="523"/>
      <c r="AE3" s="523"/>
      <c r="AF3" s="523"/>
      <c r="AG3" s="523"/>
      <c r="AH3" s="523"/>
      <c r="AI3" s="524"/>
      <c r="AJ3" s="522" t="s">
        <v>109</v>
      </c>
      <c r="AK3" s="523"/>
      <c r="AL3" s="523"/>
      <c r="AM3" s="523"/>
      <c r="AN3" s="523"/>
      <c r="AO3" s="523"/>
      <c r="AP3" s="523"/>
      <c r="AQ3" s="523"/>
      <c r="AR3" s="523"/>
      <c r="AS3" s="523"/>
      <c r="AT3" s="524"/>
      <c r="AU3" s="522" t="s">
        <v>108</v>
      </c>
      <c r="AV3" s="523"/>
      <c r="AW3" s="523"/>
      <c r="AX3" s="523"/>
      <c r="AY3" s="523"/>
      <c r="AZ3" s="523"/>
      <c r="BA3" s="523"/>
      <c r="BB3" s="523"/>
      <c r="BC3" s="523"/>
      <c r="BD3" s="523"/>
      <c r="BE3" s="524"/>
      <c r="BF3" s="522" t="s">
        <v>107</v>
      </c>
      <c r="BG3" s="523"/>
      <c r="BH3" s="523"/>
      <c r="BI3" s="523"/>
      <c r="BJ3" s="523"/>
      <c r="BK3" s="523"/>
      <c r="BL3" s="523"/>
      <c r="BM3" s="523"/>
      <c r="BN3" s="523"/>
      <c r="BO3" s="523"/>
      <c r="BP3" s="524"/>
      <c r="BQ3" s="522" t="s">
        <v>106</v>
      </c>
      <c r="BR3" s="523"/>
      <c r="BS3" s="523"/>
      <c r="BT3" s="523"/>
      <c r="BU3" s="523"/>
      <c r="BV3" s="523"/>
      <c r="BW3" s="523"/>
      <c r="BX3" s="523"/>
      <c r="BY3" s="523"/>
      <c r="BZ3" s="523"/>
      <c r="CA3" s="524"/>
      <c r="CB3" s="522" t="s">
        <v>127</v>
      </c>
      <c r="CC3" s="523"/>
      <c r="CD3" s="523"/>
      <c r="CE3" s="523"/>
      <c r="CF3" s="523"/>
      <c r="CG3" s="523"/>
      <c r="CH3" s="523"/>
      <c r="CI3" s="523"/>
      <c r="CJ3" s="523"/>
      <c r="CK3" s="523"/>
      <c r="CL3" s="524"/>
      <c r="CM3" s="522" t="s">
        <v>105</v>
      </c>
      <c r="CN3" s="523"/>
      <c r="CO3" s="523"/>
      <c r="CP3" s="523"/>
      <c r="CQ3" s="523"/>
      <c r="CR3" s="523"/>
      <c r="CS3" s="523"/>
      <c r="CT3" s="523"/>
      <c r="CU3" s="523"/>
      <c r="CV3" s="523"/>
      <c r="CW3" s="524"/>
      <c r="CX3" s="522" t="s">
        <v>159</v>
      </c>
      <c r="CY3" s="523"/>
      <c r="CZ3" s="523"/>
      <c r="DA3" s="523"/>
      <c r="DB3" s="523"/>
      <c r="DC3" s="523"/>
      <c r="DD3" s="523"/>
      <c r="DE3" s="523"/>
      <c r="DF3" s="523"/>
      <c r="DG3" s="523"/>
      <c r="DH3" s="524"/>
    </row>
    <row r="4" spans="2:112" ht="21" customHeight="1" x14ac:dyDescent="0.2">
      <c r="B4" s="526"/>
      <c r="C4" s="530" t="s">
        <v>61</v>
      </c>
      <c r="D4" s="509"/>
      <c r="E4" s="510"/>
      <c r="F4" s="511" t="s">
        <v>62</v>
      </c>
      <c r="G4" s="509"/>
      <c r="H4" s="509"/>
      <c r="I4" s="509"/>
      <c r="J4" s="509"/>
      <c r="K4" s="509"/>
      <c r="L4" s="512"/>
      <c r="M4" s="506" t="s">
        <v>52</v>
      </c>
      <c r="N4" s="530" t="s">
        <v>61</v>
      </c>
      <c r="O4" s="509"/>
      <c r="P4" s="510"/>
      <c r="Q4" s="511" t="s">
        <v>62</v>
      </c>
      <c r="R4" s="509"/>
      <c r="S4" s="509"/>
      <c r="T4" s="509"/>
      <c r="U4" s="509"/>
      <c r="V4" s="509"/>
      <c r="W4" s="510"/>
      <c r="X4" s="506" t="s">
        <v>52</v>
      </c>
      <c r="Y4" s="508" t="s">
        <v>61</v>
      </c>
      <c r="Z4" s="509"/>
      <c r="AA4" s="512"/>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2"/>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row>
    <row r="5" spans="2:112" ht="30" customHeight="1" thickBot="1" x14ac:dyDescent="0.25">
      <c r="B5" s="527"/>
      <c r="C5" s="245" t="s">
        <v>43</v>
      </c>
      <c r="D5" s="243" t="s">
        <v>44</v>
      </c>
      <c r="E5" s="356" t="s">
        <v>45</v>
      </c>
      <c r="F5" s="248" t="s">
        <v>83</v>
      </c>
      <c r="G5" s="243" t="s">
        <v>47</v>
      </c>
      <c r="H5" s="243" t="s">
        <v>48</v>
      </c>
      <c r="I5" s="243" t="s">
        <v>49</v>
      </c>
      <c r="J5" s="243" t="s">
        <v>50</v>
      </c>
      <c r="K5" s="243" t="s">
        <v>51</v>
      </c>
      <c r="L5" s="249" t="s">
        <v>45</v>
      </c>
      <c r="M5" s="507"/>
      <c r="N5" s="245" t="s">
        <v>43</v>
      </c>
      <c r="O5" s="243" t="s">
        <v>44</v>
      </c>
      <c r="P5" s="246" t="s">
        <v>45</v>
      </c>
      <c r="Q5" s="248" t="s">
        <v>83</v>
      </c>
      <c r="R5" s="243" t="s">
        <v>47</v>
      </c>
      <c r="S5" s="243" t="s">
        <v>48</v>
      </c>
      <c r="T5" s="243" t="s">
        <v>49</v>
      </c>
      <c r="U5" s="243" t="s">
        <v>50</v>
      </c>
      <c r="V5" s="243" t="s">
        <v>51</v>
      </c>
      <c r="W5" s="246" t="s">
        <v>45</v>
      </c>
      <c r="X5" s="507"/>
      <c r="Y5" s="290" t="s">
        <v>43</v>
      </c>
      <c r="Z5" s="243" t="s">
        <v>44</v>
      </c>
      <c r="AA5" s="249" t="s">
        <v>45</v>
      </c>
      <c r="AB5" s="248" t="s">
        <v>83</v>
      </c>
      <c r="AC5" s="243" t="s">
        <v>47</v>
      </c>
      <c r="AD5" s="243" t="s">
        <v>48</v>
      </c>
      <c r="AE5" s="243" t="s">
        <v>49</v>
      </c>
      <c r="AF5" s="243" t="s">
        <v>50</v>
      </c>
      <c r="AG5" s="243" t="s">
        <v>51</v>
      </c>
      <c r="AH5" s="246" t="s">
        <v>45</v>
      </c>
      <c r="AI5" s="507"/>
      <c r="AJ5" s="244" t="s">
        <v>43</v>
      </c>
      <c r="AK5" s="243" t="s">
        <v>44</v>
      </c>
      <c r="AL5" s="246" t="s">
        <v>45</v>
      </c>
      <c r="AM5" s="248" t="s">
        <v>83</v>
      </c>
      <c r="AN5" s="243" t="s">
        <v>47</v>
      </c>
      <c r="AO5" s="243" t="s">
        <v>48</v>
      </c>
      <c r="AP5" s="243" t="s">
        <v>49</v>
      </c>
      <c r="AQ5" s="243" t="s">
        <v>50</v>
      </c>
      <c r="AR5" s="243" t="s">
        <v>51</v>
      </c>
      <c r="AS5" s="246" t="s">
        <v>45</v>
      </c>
      <c r="AT5" s="507"/>
      <c r="AU5" s="290" t="s">
        <v>43</v>
      </c>
      <c r="AV5" s="243" t="s">
        <v>44</v>
      </c>
      <c r="AW5" s="249" t="s">
        <v>45</v>
      </c>
      <c r="AX5" s="248" t="s">
        <v>83</v>
      </c>
      <c r="AY5" s="243" t="s">
        <v>47</v>
      </c>
      <c r="AZ5" s="243" t="s">
        <v>48</v>
      </c>
      <c r="BA5" s="243" t="s">
        <v>49</v>
      </c>
      <c r="BB5" s="243" t="s">
        <v>50</v>
      </c>
      <c r="BC5" s="243" t="s">
        <v>51</v>
      </c>
      <c r="BD5" s="249" t="s">
        <v>45</v>
      </c>
      <c r="BE5" s="507"/>
      <c r="BF5" s="290" t="s">
        <v>43</v>
      </c>
      <c r="BG5" s="243" t="s">
        <v>44</v>
      </c>
      <c r="BH5" s="246" t="s">
        <v>45</v>
      </c>
      <c r="BI5" s="248" t="s">
        <v>83</v>
      </c>
      <c r="BJ5" s="243" t="s">
        <v>47</v>
      </c>
      <c r="BK5" s="243" t="s">
        <v>48</v>
      </c>
      <c r="BL5" s="243" t="s">
        <v>49</v>
      </c>
      <c r="BM5" s="243" t="s">
        <v>50</v>
      </c>
      <c r="BN5" s="243" t="s">
        <v>51</v>
      </c>
      <c r="BO5" s="246" t="s">
        <v>45</v>
      </c>
      <c r="BP5" s="507"/>
      <c r="BQ5" s="290" t="s">
        <v>43</v>
      </c>
      <c r="BR5" s="243" t="s">
        <v>44</v>
      </c>
      <c r="BS5" s="246" t="s">
        <v>45</v>
      </c>
      <c r="BT5" s="248" t="s">
        <v>83</v>
      </c>
      <c r="BU5" s="243" t="s">
        <v>47</v>
      </c>
      <c r="BV5" s="243" t="s">
        <v>48</v>
      </c>
      <c r="BW5" s="243" t="s">
        <v>49</v>
      </c>
      <c r="BX5" s="243" t="s">
        <v>50</v>
      </c>
      <c r="BY5" s="243" t="s">
        <v>51</v>
      </c>
      <c r="BZ5" s="246" t="s">
        <v>45</v>
      </c>
      <c r="CA5" s="507"/>
      <c r="CB5" s="290" t="s">
        <v>43</v>
      </c>
      <c r="CC5" s="243" t="s">
        <v>44</v>
      </c>
      <c r="CD5" s="246" t="s">
        <v>45</v>
      </c>
      <c r="CE5" s="248" t="s">
        <v>83</v>
      </c>
      <c r="CF5" s="243" t="s">
        <v>47</v>
      </c>
      <c r="CG5" s="243" t="s">
        <v>48</v>
      </c>
      <c r="CH5" s="243" t="s">
        <v>49</v>
      </c>
      <c r="CI5" s="243" t="s">
        <v>50</v>
      </c>
      <c r="CJ5" s="243" t="s">
        <v>51</v>
      </c>
      <c r="CK5" s="246" t="s">
        <v>45</v>
      </c>
      <c r="CL5" s="507"/>
      <c r="CM5" s="290" t="s">
        <v>43</v>
      </c>
      <c r="CN5" s="243" t="s">
        <v>44</v>
      </c>
      <c r="CO5" s="246" t="s">
        <v>45</v>
      </c>
      <c r="CP5" s="248" t="s">
        <v>83</v>
      </c>
      <c r="CQ5" s="243" t="s">
        <v>47</v>
      </c>
      <c r="CR5" s="243" t="s">
        <v>48</v>
      </c>
      <c r="CS5" s="243" t="s">
        <v>49</v>
      </c>
      <c r="CT5" s="243" t="s">
        <v>50</v>
      </c>
      <c r="CU5" s="243" t="s">
        <v>51</v>
      </c>
      <c r="CV5" s="246" t="s">
        <v>45</v>
      </c>
      <c r="CW5" s="507"/>
      <c r="CX5" s="339" t="s">
        <v>43</v>
      </c>
      <c r="CY5" s="243" t="s">
        <v>44</v>
      </c>
      <c r="CZ5" s="246" t="s">
        <v>45</v>
      </c>
      <c r="DA5" s="248" t="s">
        <v>83</v>
      </c>
      <c r="DB5" s="243" t="s">
        <v>47</v>
      </c>
      <c r="DC5" s="243" t="s">
        <v>48</v>
      </c>
      <c r="DD5" s="243" t="s">
        <v>49</v>
      </c>
      <c r="DE5" s="243" t="s">
        <v>50</v>
      </c>
      <c r="DF5" s="243" t="s">
        <v>51</v>
      </c>
      <c r="DG5" s="246" t="s">
        <v>45</v>
      </c>
      <c r="DH5" s="507"/>
    </row>
    <row r="6" spans="2:112" ht="21" customHeight="1" x14ac:dyDescent="0.2">
      <c r="B6" s="470" t="s">
        <v>4</v>
      </c>
      <c r="C6" s="250">
        <v>0</v>
      </c>
      <c r="D6" s="254">
        <v>0</v>
      </c>
      <c r="E6" s="357">
        <v>0</v>
      </c>
      <c r="F6" s="253">
        <v>0</v>
      </c>
      <c r="G6" s="254">
        <v>209231</v>
      </c>
      <c r="H6" s="254">
        <v>346170</v>
      </c>
      <c r="I6" s="254">
        <v>361424</v>
      </c>
      <c r="J6" s="254">
        <v>435118</v>
      </c>
      <c r="K6" s="254">
        <v>409459</v>
      </c>
      <c r="L6" s="255">
        <v>1761402</v>
      </c>
      <c r="M6" s="256">
        <v>1761402</v>
      </c>
      <c r="N6" s="250">
        <v>11</v>
      </c>
      <c r="O6" s="254">
        <v>52</v>
      </c>
      <c r="P6" s="251">
        <v>63</v>
      </c>
      <c r="Q6" s="253">
        <v>0</v>
      </c>
      <c r="R6" s="254">
        <v>420</v>
      </c>
      <c r="S6" s="254">
        <v>1895</v>
      </c>
      <c r="T6" s="254">
        <v>3658</v>
      </c>
      <c r="U6" s="254">
        <v>9546</v>
      </c>
      <c r="V6" s="254">
        <v>18627</v>
      </c>
      <c r="W6" s="251">
        <v>34146</v>
      </c>
      <c r="X6" s="256">
        <v>34209</v>
      </c>
      <c r="Y6" s="250">
        <v>13526</v>
      </c>
      <c r="Z6" s="254">
        <v>42793</v>
      </c>
      <c r="AA6" s="251">
        <v>56319</v>
      </c>
      <c r="AB6" s="253">
        <v>0</v>
      </c>
      <c r="AC6" s="254">
        <v>104584</v>
      </c>
      <c r="AD6" s="254">
        <v>173302</v>
      </c>
      <c r="AE6" s="254">
        <v>109408</v>
      </c>
      <c r="AF6" s="254">
        <v>93178</v>
      </c>
      <c r="AG6" s="254">
        <v>77254</v>
      </c>
      <c r="AH6" s="251">
        <v>557726</v>
      </c>
      <c r="AI6" s="256">
        <v>614045</v>
      </c>
      <c r="AJ6" s="250">
        <v>2337</v>
      </c>
      <c r="AK6" s="254">
        <v>8954</v>
      </c>
      <c r="AL6" s="251">
        <v>11291</v>
      </c>
      <c r="AM6" s="253">
        <v>0</v>
      </c>
      <c r="AN6" s="254">
        <v>12915</v>
      </c>
      <c r="AO6" s="254">
        <v>21466</v>
      </c>
      <c r="AP6" s="254">
        <v>14029</v>
      </c>
      <c r="AQ6" s="254">
        <v>12130</v>
      </c>
      <c r="AR6" s="254">
        <v>7240</v>
      </c>
      <c r="AS6" s="251">
        <v>67780</v>
      </c>
      <c r="AT6" s="256">
        <v>79071</v>
      </c>
      <c r="AU6" s="250">
        <v>0</v>
      </c>
      <c r="AV6" s="254">
        <v>2</v>
      </c>
      <c r="AW6" s="251">
        <v>2</v>
      </c>
      <c r="AX6" s="253">
        <v>0</v>
      </c>
      <c r="AY6" s="254">
        <v>186421</v>
      </c>
      <c r="AZ6" s="254">
        <v>196504</v>
      </c>
      <c r="BA6" s="254">
        <v>117433</v>
      </c>
      <c r="BB6" s="254">
        <v>67917</v>
      </c>
      <c r="BC6" s="254">
        <v>32294</v>
      </c>
      <c r="BD6" s="255">
        <v>600569</v>
      </c>
      <c r="BE6" s="256">
        <v>600571</v>
      </c>
      <c r="BF6" s="250">
        <v>0</v>
      </c>
      <c r="BG6" s="254">
        <v>0</v>
      </c>
      <c r="BH6" s="251">
        <v>0</v>
      </c>
      <c r="BI6" s="253">
        <v>0</v>
      </c>
      <c r="BJ6" s="254">
        <v>30005</v>
      </c>
      <c r="BK6" s="254">
        <v>46648</v>
      </c>
      <c r="BL6" s="254">
        <v>28414</v>
      </c>
      <c r="BM6" s="254">
        <v>17726</v>
      </c>
      <c r="BN6" s="254">
        <v>6242</v>
      </c>
      <c r="BO6" s="251">
        <v>129035</v>
      </c>
      <c r="BP6" s="256">
        <v>129035</v>
      </c>
      <c r="BQ6" s="250">
        <v>302</v>
      </c>
      <c r="BR6" s="254">
        <v>1270</v>
      </c>
      <c r="BS6" s="251">
        <v>1572</v>
      </c>
      <c r="BT6" s="253">
        <v>0</v>
      </c>
      <c r="BU6" s="254">
        <v>16348</v>
      </c>
      <c r="BV6" s="254">
        <v>30497</v>
      </c>
      <c r="BW6" s="254">
        <v>52748</v>
      </c>
      <c r="BX6" s="254">
        <v>41369</v>
      </c>
      <c r="BY6" s="254">
        <v>21209</v>
      </c>
      <c r="BZ6" s="251">
        <v>162171</v>
      </c>
      <c r="CA6" s="256">
        <v>163743</v>
      </c>
      <c r="CB6" s="250">
        <v>9</v>
      </c>
      <c r="CC6" s="254">
        <v>83</v>
      </c>
      <c r="CD6" s="251">
        <v>92</v>
      </c>
      <c r="CE6" s="253">
        <v>0</v>
      </c>
      <c r="CF6" s="254">
        <v>1305</v>
      </c>
      <c r="CG6" s="254">
        <v>3408</v>
      </c>
      <c r="CH6" s="254">
        <v>3881</v>
      </c>
      <c r="CI6" s="254">
        <v>4435</v>
      </c>
      <c r="CJ6" s="254">
        <v>2555</v>
      </c>
      <c r="CK6" s="251">
        <v>15584</v>
      </c>
      <c r="CL6" s="256">
        <v>15676</v>
      </c>
      <c r="CM6" s="250">
        <v>0</v>
      </c>
      <c r="CN6" s="254">
        <v>0</v>
      </c>
      <c r="CO6" s="251">
        <v>0</v>
      </c>
      <c r="CP6" s="253">
        <v>0</v>
      </c>
      <c r="CQ6" s="254">
        <v>0</v>
      </c>
      <c r="CR6" s="254">
        <v>0</v>
      </c>
      <c r="CS6" s="254">
        <v>0</v>
      </c>
      <c r="CT6" s="254">
        <v>8</v>
      </c>
      <c r="CU6" s="254">
        <v>9</v>
      </c>
      <c r="CV6" s="251">
        <v>17</v>
      </c>
      <c r="CW6" s="256">
        <v>17</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67660</v>
      </c>
      <c r="H7" s="261">
        <v>148872</v>
      </c>
      <c r="I7" s="261">
        <v>133809</v>
      </c>
      <c r="J7" s="261">
        <v>153415</v>
      </c>
      <c r="K7" s="261">
        <v>152549</v>
      </c>
      <c r="L7" s="262">
        <v>656305</v>
      </c>
      <c r="M7" s="263">
        <v>656305</v>
      </c>
      <c r="N7" s="257">
        <v>7</v>
      </c>
      <c r="O7" s="261">
        <v>20</v>
      </c>
      <c r="P7" s="258">
        <v>27</v>
      </c>
      <c r="Q7" s="260">
        <v>0</v>
      </c>
      <c r="R7" s="261">
        <v>90</v>
      </c>
      <c r="S7" s="261">
        <v>626</v>
      </c>
      <c r="T7" s="261">
        <v>1352</v>
      </c>
      <c r="U7" s="261">
        <v>3780</v>
      </c>
      <c r="V7" s="261">
        <v>8269</v>
      </c>
      <c r="W7" s="258">
        <v>14117</v>
      </c>
      <c r="X7" s="263">
        <v>14144</v>
      </c>
      <c r="Y7" s="257">
        <v>5967</v>
      </c>
      <c r="Z7" s="261">
        <v>22336</v>
      </c>
      <c r="AA7" s="258">
        <v>28303</v>
      </c>
      <c r="AB7" s="260">
        <v>0</v>
      </c>
      <c r="AC7" s="261">
        <v>36724</v>
      </c>
      <c r="AD7" s="261">
        <v>90353</v>
      </c>
      <c r="AE7" s="261">
        <v>55834</v>
      </c>
      <c r="AF7" s="261">
        <v>43350</v>
      </c>
      <c r="AG7" s="261">
        <v>35792</v>
      </c>
      <c r="AH7" s="258">
        <v>262053</v>
      </c>
      <c r="AI7" s="263">
        <v>290356</v>
      </c>
      <c r="AJ7" s="257">
        <v>879</v>
      </c>
      <c r="AK7" s="261">
        <v>4763</v>
      </c>
      <c r="AL7" s="258">
        <v>5642</v>
      </c>
      <c r="AM7" s="260">
        <v>0</v>
      </c>
      <c r="AN7" s="261">
        <v>3021</v>
      </c>
      <c r="AO7" s="261">
        <v>8491</v>
      </c>
      <c r="AP7" s="261">
        <v>6086</v>
      </c>
      <c r="AQ7" s="261">
        <v>5003</v>
      </c>
      <c r="AR7" s="261">
        <v>2924</v>
      </c>
      <c r="AS7" s="258">
        <v>25525</v>
      </c>
      <c r="AT7" s="263">
        <v>31167</v>
      </c>
      <c r="AU7" s="257">
        <v>0</v>
      </c>
      <c r="AV7" s="261">
        <v>0</v>
      </c>
      <c r="AW7" s="258">
        <v>0</v>
      </c>
      <c r="AX7" s="260">
        <v>0</v>
      </c>
      <c r="AY7" s="261">
        <v>57098</v>
      </c>
      <c r="AZ7" s="261">
        <v>78315</v>
      </c>
      <c r="BA7" s="261">
        <v>41505</v>
      </c>
      <c r="BB7" s="261">
        <v>22510</v>
      </c>
      <c r="BC7" s="261">
        <v>10983</v>
      </c>
      <c r="BD7" s="262">
        <v>210411</v>
      </c>
      <c r="BE7" s="263">
        <v>210411</v>
      </c>
      <c r="BF7" s="257">
        <v>0</v>
      </c>
      <c r="BG7" s="261">
        <v>0</v>
      </c>
      <c r="BH7" s="258">
        <v>0</v>
      </c>
      <c r="BI7" s="260">
        <v>0</v>
      </c>
      <c r="BJ7" s="261">
        <v>8778</v>
      </c>
      <c r="BK7" s="261">
        <v>20321</v>
      </c>
      <c r="BL7" s="261">
        <v>12436</v>
      </c>
      <c r="BM7" s="261">
        <v>7720</v>
      </c>
      <c r="BN7" s="261">
        <v>2630</v>
      </c>
      <c r="BO7" s="258">
        <v>51885</v>
      </c>
      <c r="BP7" s="263">
        <v>51885</v>
      </c>
      <c r="BQ7" s="257">
        <v>108</v>
      </c>
      <c r="BR7" s="261">
        <v>581</v>
      </c>
      <c r="BS7" s="258">
        <v>689</v>
      </c>
      <c r="BT7" s="260">
        <v>0</v>
      </c>
      <c r="BU7" s="261">
        <v>4701</v>
      </c>
      <c r="BV7" s="261">
        <v>11417</v>
      </c>
      <c r="BW7" s="261">
        <v>19961</v>
      </c>
      <c r="BX7" s="261">
        <v>14075</v>
      </c>
      <c r="BY7" s="261">
        <v>7713</v>
      </c>
      <c r="BZ7" s="258">
        <v>57867</v>
      </c>
      <c r="CA7" s="263">
        <v>58556</v>
      </c>
      <c r="CB7" s="257">
        <v>6</v>
      </c>
      <c r="CC7" s="261">
        <v>53</v>
      </c>
      <c r="CD7" s="258">
        <v>59</v>
      </c>
      <c r="CE7" s="260">
        <v>0</v>
      </c>
      <c r="CF7" s="261">
        <v>602</v>
      </c>
      <c r="CG7" s="261">
        <v>2082</v>
      </c>
      <c r="CH7" s="261">
        <v>2173</v>
      </c>
      <c r="CI7" s="261">
        <v>2536</v>
      </c>
      <c r="CJ7" s="261">
        <v>1541</v>
      </c>
      <c r="CK7" s="258">
        <v>8934</v>
      </c>
      <c r="CL7" s="263">
        <v>8993</v>
      </c>
      <c r="CM7" s="257">
        <v>0</v>
      </c>
      <c r="CN7" s="261">
        <v>0</v>
      </c>
      <c r="CO7" s="258">
        <v>0</v>
      </c>
      <c r="CP7" s="260">
        <v>0</v>
      </c>
      <c r="CQ7" s="261">
        <v>0</v>
      </c>
      <c r="CR7" s="261">
        <v>0</v>
      </c>
      <c r="CS7" s="261">
        <v>0</v>
      </c>
      <c r="CT7" s="261">
        <v>0</v>
      </c>
      <c r="CU7" s="261">
        <v>9</v>
      </c>
      <c r="CV7" s="258">
        <v>9</v>
      </c>
      <c r="CW7" s="263">
        <v>9</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37585</v>
      </c>
      <c r="H8" s="261">
        <v>50004</v>
      </c>
      <c r="I8" s="261">
        <v>51676</v>
      </c>
      <c r="J8" s="261">
        <v>64971</v>
      </c>
      <c r="K8" s="261">
        <v>69641</v>
      </c>
      <c r="L8" s="262">
        <v>273877</v>
      </c>
      <c r="M8" s="263">
        <v>273877</v>
      </c>
      <c r="N8" s="257">
        <v>2</v>
      </c>
      <c r="O8" s="261">
        <v>5</v>
      </c>
      <c r="P8" s="258">
        <v>7</v>
      </c>
      <c r="Q8" s="260">
        <v>0</v>
      </c>
      <c r="R8" s="261">
        <v>81</v>
      </c>
      <c r="S8" s="261">
        <v>247</v>
      </c>
      <c r="T8" s="261">
        <v>514</v>
      </c>
      <c r="U8" s="261">
        <v>1188</v>
      </c>
      <c r="V8" s="261">
        <v>2738</v>
      </c>
      <c r="W8" s="258">
        <v>4768</v>
      </c>
      <c r="X8" s="263">
        <v>4775</v>
      </c>
      <c r="Y8" s="257">
        <v>2287</v>
      </c>
      <c r="Z8" s="261">
        <v>6555</v>
      </c>
      <c r="AA8" s="258">
        <v>8842</v>
      </c>
      <c r="AB8" s="260">
        <v>0</v>
      </c>
      <c r="AC8" s="261">
        <v>22955</v>
      </c>
      <c r="AD8" s="261">
        <v>26368</v>
      </c>
      <c r="AE8" s="261">
        <v>16558</v>
      </c>
      <c r="AF8" s="261">
        <v>14209</v>
      </c>
      <c r="AG8" s="261">
        <v>12344</v>
      </c>
      <c r="AH8" s="258">
        <v>92434</v>
      </c>
      <c r="AI8" s="263">
        <v>101276</v>
      </c>
      <c r="AJ8" s="257">
        <v>207</v>
      </c>
      <c r="AK8" s="261">
        <v>638</v>
      </c>
      <c r="AL8" s="258">
        <v>845</v>
      </c>
      <c r="AM8" s="260">
        <v>0</v>
      </c>
      <c r="AN8" s="261">
        <v>2104</v>
      </c>
      <c r="AO8" s="261">
        <v>2682</v>
      </c>
      <c r="AP8" s="261">
        <v>1501</v>
      </c>
      <c r="AQ8" s="261">
        <v>1598</v>
      </c>
      <c r="AR8" s="261">
        <v>870</v>
      </c>
      <c r="AS8" s="258">
        <v>8755</v>
      </c>
      <c r="AT8" s="263">
        <v>9600</v>
      </c>
      <c r="AU8" s="257">
        <v>0</v>
      </c>
      <c r="AV8" s="261">
        <v>0</v>
      </c>
      <c r="AW8" s="258">
        <v>0</v>
      </c>
      <c r="AX8" s="260">
        <v>0</v>
      </c>
      <c r="AY8" s="261">
        <v>30565</v>
      </c>
      <c r="AZ8" s="261">
        <v>26902</v>
      </c>
      <c r="BA8" s="261">
        <v>16413</v>
      </c>
      <c r="BB8" s="261">
        <v>10226</v>
      </c>
      <c r="BC8" s="261">
        <v>5065</v>
      </c>
      <c r="BD8" s="262">
        <v>89171</v>
      </c>
      <c r="BE8" s="263">
        <v>89171</v>
      </c>
      <c r="BF8" s="257">
        <v>0</v>
      </c>
      <c r="BG8" s="261">
        <v>0</v>
      </c>
      <c r="BH8" s="258">
        <v>0</v>
      </c>
      <c r="BI8" s="260">
        <v>0</v>
      </c>
      <c r="BJ8" s="261">
        <v>4330</v>
      </c>
      <c r="BK8" s="261">
        <v>5250</v>
      </c>
      <c r="BL8" s="261">
        <v>3693</v>
      </c>
      <c r="BM8" s="261">
        <v>2434</v>
      </c>
      <c r="BN8" s="261">
        <v>907</v>
      </c>
      <c r="BO8" s="258">
        <v>16614</v>
      </c>
      <c r="BP8" s="263">
        <v>16614</v>
      </c>
      <c r="BQ8" s="257">
        <v>11</v>
      </c>
      <c r="BR8" s="261">
        <v>119</v>
      </c>
      <c r="BS8" s="258">
        <v>130</v>
      </c>
      <c r="BT8" s="260">
        <v>0</v>
      </c>
      <c r="BU8" s="261">
        <v>2119</v>
      </c>
      <c r="BV8" s="261">
        <v>3057</v>
      </c>
      <c r="BW8" s="261">
        <v>5915</v>
      </c>
      <c r="BX8" s="261">
        <v>4932</v>
      </c>
      <c r="BY8" s="261">
        <v>2509</v>
      </c>
      <c r="BZ8" s="258">
        <v>18532</v>
      </c>
      <c r="CA8" s="263">
        <v>18662</v>
      </c>
      <c r="CB8" s="257">
        <v>0</v>
      </c>
      <c r="CC8" s="261">
        <v>9</v>
      </c>
      <c r="CD8" s="258">
        <v>9</v>
      </c>
      <c r="CE8" s="260">
        <v>0</v>
      </c>
      <c r="CF8" s="261">
        <v>168</v>
      </c>
      <c r="CG8" s="261">
        <v>318</v>
      </c>
      <c r="CH8" s="261">
        <v>437</v>
      </c>
      <c r="CI8" s="261">
        <v>684</v>
      </c>
      <c r="CJ8" s="261">
        <v>328</v>
      </c>
      <c r="CK8" s="258">
        <v>1935</v>
      </c>
      <c r="CL8" s="263">
        <v>1944</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13579</v>
      </c>
      <c r="H9" s="261">
        <v>26133</v>
      </c>
      <c r="I9" s="261">
        <v>30710</v>
      </c>
      <c r="J9" s="261">
        <v>32620</v>
      </c>
      <c r="K9" s="261">
        <v>26390</v>
      </c>
      <c r="L9" s="262">
        <v>129432</v>
      </c>
      <c r="M9" s="263">
        <v>129432</v>
      </c>
      <c r="N9" s="257">
        <v>0</v>
      </c>
      <c r="O9" s="261">
        <v>4</v>
      </c>
      <c r="P9" s="258">
        <v>4</v>
      </c>
      <c r="Q9" s="260">
        <v>0</v>
      </c>
      <c r="R9" s="261">
        <v>0</v>
      </c>
      <c r="S9" s="261">
        <v>92</v>
      </c>
      <c r="T9" s="261">
        <v>260</v>
      </c>
      <c r="U9" s="261">
        <v>700</v>
      </c>
      <c r="V9" s="261">
        <v>1105</v>
      </c>
      <c r="W9" s="258">
        <v>2157</v>
      </c>
      <c r="X9" s="263">
        <v>2161</v>
      </c>
      <c r="Y9" s="257">
        <v>675</v>
      </c>
      <c r="Z9" s="261">
        <v>3093</v>
      </c>
      <c r="AA9" s="258">
        <v>3768</v>
      </c>
      <c r="AB9" s="260">
        <v>0</v>
      </c>
      <c r="AC9" s="261">
        <v>5556</v>
      </c>
      <c r="AD9" s="261">
        <v>12335</v>
      </c>
      <c r="AE9" s="261">
        <v>8417</v>
      </c>
      <c r="AF9" s="261">
        <v>7378</v>
      </c>
      <c r="AG9" s="261">
        <v>5678</v>
      </c>
      <c r="AH9" s="258">
        <v>39364</v>
      </c>
      <c r="AI9" s="263">
        <v>43132</v>
      </c>
      <c r="AJ9" s="257">
        <v>56</v>
      </c>
      <c r="AK9" s="261">
        <v>496</v>
      </c>
      <c r="AL9" s="258">
        <v>552</v>
      </c>
      <c r="AM9" s="260">
        <v>0</v>
      </c>
      <c r="AN9" s="261">
        <v>353</v>
      </c>
      <c r="AO9" s="261">
        <v>1043</v>
      </c>
      <c r="AP9" s="261">
        <v>610</v>
      </c>
      <c r="AQ9" s="261">
        <v>460</v>
      </c>
      <c r="AR9" s="261">
        <v>284</v>
      </c>
      <c r="AS9" s="258">
        <v>2750</v>
      </c>
      <c r="AT9" s="263">
        <v>3302</v>
      </c>
      <c r="AU9" s="257">
        <v>0</v>
      </c>
      <c r="AV9" s="261">
        <v>0</v>
      </c>
      <c r="AW9" s="258">
        <v>0</v>
      </c>
      <c r="AX9" s="260">
        <v>0</v>
      </c>
      <c r="AY9" s="261">
        <v>14188</v>
      </c>
      <c r="AZ9" s="261">
        <v>17328</v>
      </c>
      <c r="BA9" s="261">
        <v>12730</v>
      </c>
      <c r="BB9" s="261">
        <v>6461</v>
      </c>
      <c r="BC9" s="261">
        <v>3184</v>
      </c>
      <c r="BD9" s="262">
        <v>53891</v>
      </c>
      <c r="BE9" s="263">
        <v>53891</v>
      </c>
      <c r="BF9" s="257">
        <v>0</v>
      </c>
      <c r="BG9" s="261">
        <v>0</v>
      </c>
      <c r="BH9" s="258">
        <v>0</v>
      </c>
      <c r="BI9" s="260">
        <v>0</v>
      </c>
      <c r="BJ9" s="261">
        <v>995</v>
      </c>
      <c r="BK9" s="261">
        <v>3009</v>
      </c>
      <c r="BL9" s="261">
        <v>1816</v>
      </c>
      <c r="BM9" s="261">
        <v>1161</v>
      </c>
      <c r="BN9" s="261">
        <v>348</v>
      </c>
      <c r="BO9" s="258">
        <v>7329</v>
      </c>
      <c r="BP9" s="263">
        <v>7329</v>
      </c>
      <c r="BQ9" s="257">
        <v>7</v>
      </c>
      <c r="BR9" s="261">
        <v>57</v>
      </c>
      <c r="BS9" s="258">
        <v>64</v>
      </c>
      <c r="BT9" s="260">
        <v>0</v>
      </c>
      <c r="BU9" s="261">
        <v>904</v>
      </c>
      <c r="BV9" s="261">
        <v>2114</v>
      </c>
      <c r="BW9" s="261">
        <v>4990</v>
      </c>
      <c r="BX9" s="261">
        <v>4295</v>
      </c>
      <c r="BY9" s="261">
        <v>1839</v>
      </c>
      <c r="BZ9" s="258">
        <v>14142</v>
      </c>
      <c r="CA9" s="263">
        <v>14206</v>
      </c>
      <c r="CB9" s="257">
        <v>0</v>
      </c>
      <c r="CC9" s="261">
        <v>0</v>
      </c>
      <c r="CD9" s="258">
        <v>0</v>
      </c>
      <c r="CE9" s="260">
        <v>0</v>
      </c>
      <c r="CF9" s="261">
        <v>0</v>
      </c>
      <c r="CG9" s="261">
        <v>57</v>
      </c>
      <c r="CH9" s="261">
        <v>96</v>
      </c>
      <c r="CI9" s="261">
        <v>92</v>
      </c>
      <c r="CJ9" s="261">
        <v>37</v>
      </c>
      <c r="CK9" s="258">
        <v>282</v>
      </c>
      <c r="CL9" s="263">
        <v>282</v>
      </c>
      <c r="CM9" s="257">
        <v>0</v>
      </c>
      <c r="CN9" s="261">
        <v>0</v>
      </c>
      <c r="CO9" s="258">
        <v>0</v>
      </c>
      <c r="CP9" s="260">
        <v>0</v>
      </c>
      <c r="CQ9" s="261">
        <v>0</v>
      </c>
      <c r="CR9" s="261">
        <v>0</v>
      </c>
      <c r="CS9" s="261">
        <v>0</v>
      </c>
      <c r="CT9" s="261">
        <v>8</v>
      </c>
      <c r="CU9" s="261">
        <v>0</v>
      </c>
      <c r="CV9" s="258">
        <v>8</v>
      </c>
      <c r="CW9" s="263">
        <v>8</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7363</v>
      </c>
      <c r="H10" s="261">
        <v>19539</v>
      </c>
      <c r="I10" s="261">
        <v>19881</v>
      </c>
      <c r="J10" s="261">
        <v>28902</v>
      </c>
      <c r="K10" s="261">
        <v>21329</v>
      </c>
      <c r="L10" s="262">
        <v>107014</v>
      </c>
      <c r="M10" s="263">
        <v>107014</v>
      </c>
      <c r="N10" s="257">
        <v>0</v>
      </c>
      <c r="O10" s="261">
        <v>0</v>
      </c>
      <c r="P10" s="258">
        <v>0</v>
      </c>
      <c r="Q10" s="260">
        <v>0</v>
      </c>
      <c r="R10" s="261">
        <v>39</v>
      </c>
      <c r="S10" s="261">
        <v>195</v>
      </c>
      <c r="T10" s="261">
        <v>263</v>
      </c>
      <c r="U10" s="261">
        <v>666</v>
      </c>
      <c r="V10" s="261">
        <v>949</v>
      </c>
      <c r="W10" s="258">
        <v>2112</v>
      </c>
      <c r="X10" s="263">
        <v>2112</v>
      </c>
      <c r="Y10" s="257">
        <v>106</v>
      </c>
      <c r="Z10" s="261">
        <v>199</v>
      </c>
      <c r="AA10" s="258">
        <v>305</v>
      </c>
      <c r="AB10" s="260">
        <v>0</v>
      </c>
      <c r="AC10" s="261">
        <v>3576</v>
      </c>
      <c r="AD10" s="261">
        <v>4000</v>
      </c>
      <c r="AE10" s="261">
        <v>2554</v>
      </c>
      <c r="AF10" s="261">
        <v>3310</v>
      </c>
      <c r="AG10" s="261">
        <v>2465</v>
      </c>
      <c r="AH10" s="258">
        <v>15905</v>
      </c>
      <c r="AI10" s="263">
        <v>16210</v>
      </c>
      <c r="AJ10" s="257">
        <v>44</v>
      </c>
      <c r="AK10" s="261">
        <v>101</v>
      </c>
      <c r="AL10" s="258">
        <v>145</v>
      </c>
      <c r="AM10" s="260">
        <v>0</v>
      </c>
      <c r="AN10" s="261">
        <v>812</v>
      </c>
      <c r="AO10" s="261">
        <v>998</v>
      </c>
      <c r="AP10" s="261">
        <v>641</v>
      </c>
      <c r="AQ10" s="261">
        <v>774</v>
      </c>
      <c r="AR10" s="261">
        <v>277</v>
      </c>
      <c r="AS10" s="258">
        <v>3502</v>
      </c>
      <c r="AT10" s="263">
        <v>3647</v>
      </c>
      <c r="AU10" s="257">
        <v>0</v>
      </c>
      <c r="AV10" s="261">
        <v>0</v>
      </c>
      <c r="AW10" s="258">
        <v>0</v>
      </c>
      <c r="AX10" s="260">
        <v>0</v>
      </c>
      <c r="AY10" s="261">
        <v>14039</v>
      </c>
      <c r="AZ10" s="261">
        <v>9719</v>
      </c>
      <c r="BA10" s="261">
        <v>4785</v>
      </c>
      <c r="BB10" s="261">
        <v>3100</v>
      </c>
      <c r="BC10" s="261">
        <v>1297</v>
      </c>
      <c r="BD10" s="262">
        <v>32940</v>
      </c>
      <c r="BE10" s="263">
        <v>32940</v>
      </c>
      <c r="BF10" s="257">
        <v>0</v>
      </c>
      <c r="BG10" s="261">
        <v>0</v>
      </c>
      <c r="BH10" s="258">
        <v>0</v>
      </c>
      <c r="BI10" s="260">
        <v>0</v>
      </c>
      <c r="BJ10" s="261">
        <v>1898</v>
      </c>
      <c r="BK10" s="261">
        <v>1650</v>
      </c>
      <c r="BL10" s="261">
        <v>1134</v>
      </c>
      <c r="BM10" s="261">
        <v>586</v>
      </c>
      <c r="BN10" s="261">
        <v>172</v>
      </c>
      <c r="BO10" s="258">
        <v>5440</v>
      </c>
      <c r="BP10" s="263">
        <v>5440</v>
      </c>
      <c r="BQ10" s="257">
        <v>5</v>
      </c>
      <c r="BR10" s="261">
        <v>31</v>
      </c>
      <c r="BS10" s="258">
        <v>36</v>
      </c>
      <c r="BT10" s="260">
        <v>0</v>
      </c>
      <c r="BU10" s="261">
        <v>1841</v>
      </c>
      <c r="BV10" s="261">
        <v>2688</v>
      </c>
      <c r="BW10" s="261">
        <v>3004</v>
      </c>
      <c r="BX10" s="261">
        <v>2120</v>
      </c>
      <c r="BY10" s="261">
        <v>1138</v>
      </c>
      <c r="BZ10" s="258">
        <v>10791</v>
      </c>
      <c r="CA10" s="263">
        <v>10827</v>
      </c>
      <c r="CB10" s="257">
        <v>0</v>
      </c>
      <c r="CC10" s="261">
        <v>0</v>
      </c>
      <c r="CD10" s="258">
        <v>0</v>
      </c>
      <c r="CE10" s="260">
        <v>0</v>
      </c>
      <c r="CF10" s="261">
        <v>30</v>
      </c>
      <c r="CG10" s="261">
        <v>104</v>
      </c>
      <c r="CH10" s="261">
        <v>61</v>
      </c>
      <c r="CI10" s="261">
        <v>70</v>
      </c>
      <c r="CJ10" s="261">
        <v>91</v>
      </c>
      <c r="CK10" s="258">
        <v>356</v>
      </c>
      <c r="CL10" s="263">
        <v>356</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6718</v>
      </c>
      <c r="H11" s="261">
        <v>12461</v>
      </c>
      <c r="I11" s="261">
        <v>14007</v>
      </c>
      <c r="J11" s="261">
        <v>17871</v>
      </c>
      <c r="K11" s="261">
        <v>14751</v>
      </c>
      <c r="L11" s="262">
        <v>65808</v>
      </c>
      <c r="M11" s="263">
        <v>65808</v>
      </c>
      <c r="N11" s="257">
        <v>0</v>
      </c>
      <c r="O11" s="261">
        <v>0</v>
      </c>
      <c r="P11" s="258">
        <v>0</v>
      </c>
      <c r="Q11" s="260">
        <v>0</v>
      </c>
      <c r="R11" s="261">
        <v>14</v>
      </c>
      <c r="S11" s="261">
        <v>90</v>
      </c>
      <c r="T11" s="261">
        <v>102</v>
      </c>
      <c r="U11" s="261">
        <v>287</v>
      </c>
      <c r="V11" s="261">
        <v>503</v>
      </c>
      <c r="W11" s="258">
        <v>996</v>
      </c>
      <c r="X11" s="263">
        <v>996</v>
      </c>
      <c r="Y11" s="257">
        <v>252</v>
      </c>
      <c r="Z11" s="261">
        <v>314</v>
      </c>
      <c r="AA11" s="258">
        <v>566</v>
      </c>
      <c r="AB11" s="260">
        <v>0</v>
      </c>
      <c r="AC11" s="261">
        <v>1891</v>
      </c>
      <c r="AD11" s="261">
        <v>2665</v>
      </c>
      <c r="AE11" s="261">
        <v>1790</v>
      </c>
      <c r="AF11" s="261">
        <v>1659</v>
      </c>
      <c r="AG11" s="261">
        <v>1623</v>
      </c>
      <c r="AH11" s="258">
        <v>9628</v>
      </c>
      <c r="AI11" s="263">
        <v>10194</v>
      </c>
      <c r="AJ11" s="257">
        <v>87</v>
      </c>
      <c r="AK11" s="261">
        <v>181</v>
      </c>
      <c r="AL11" s="258">
        <v>268</v>
      </c>
      <c r="AM11" s="260">
        <v>0</v>
      </c>
      <c r="AN11" s="261">
        <v>888</v>
      </c>
      <c r="AO11" s="261">
        <v>1095</v>
      </c>
      <c r="AP11" s="261">
        <v>516</v>
      </c>
      <c r="AQ11" s="261">
        <v>530</v>
      </c>
      <c r="AR11" s="261">
        <v>265</v>
      </c>
      <c r="AS11" s="258">
        <v>3294</v>
      </c>
      <c r="AT11" s="263">
        <v>3562</v>
      </c>
      <c r="AU11" s="257">
        <v>0</v>
      </c>
      <c r="AV11" s="261">
        <v>0</v>
      </c>
      <c r="AW11" s="258">
        <v>0</v>
      </c>
      <c r="AX11" s="260">
        <v>0</v>
      </c>
      <c r="AY11" s="261">
        <v>5179</v>
      </c>
      <c r="AZ11" s="261">
        <v>6212</v>
      </c>
      <c r="BA11" s="261">
        <v>3995</v>
      </c>
      <c r="BB11" s="261">
        <v>2597</v>
      </c>
      <c r="BC11" s="261">
        <v>1397</v>
      </c>
      <c r="BD11" s="262">
        <v>19380</v>
      </c>
      <c r="BE11" s="263">
        <v>19380</v>
      </c>
      <c r="BF11" s="257">
        <v>0</v>
      </c>
      <c r="BG11" s="261">
        <v>0</v>
      </c>
      <c r="BH11" s="258">
        <v>0</v>
      </c>
      <c r="BI11" s="260">
        <v>0</v>
      </c>
      <c r="BJ11" s="261">
        <v>912</v>
      </c>
      <c r="BK11" s="261">
        <v>1145</v>
      </c>
      <c r="BL11" s="261">
        <v>727</v>
      </c>
      <c r="BM11" s="261">
        <v>469</v>
      </c>
      <c r="BN11" s="261">
        <v>159</v>
      </c>
      <c r="BO11" s="258">
        <v>3412</v>
      </c>
      <c r="BP11" s="263">
        <v>3412</v>
      </c>
      <c r="BQ11" s="257">
        <v>20</v>
      </c>
      <c r="BR11" s="261">
        <v>41</v>
      </c>
      <c r="BS11" s="258">
        <v>61</v>
      </c>
      <c r="BT11" s="260">
        <v>0</v>
      </c>
      <c r="BU11" s="261">
        <v>554</v>
      </c>
      <c r="BV11" s="261">
        <v>1504</v>
      </c>
      <c r="BW11" s="261">
        <v>2412</v>
      </c>
      <c r="BX11" s="261">
        <v>1873</v>
      </c>
      <c r="BY11" s="261">
        <v>686</v>
      </c>
      <c r="BZ11" s="258">
        <v>7029</v>
      </c>
      <c r="CA11" s="263">
        <v>7090</v>
      </c>
      <c r="CB11" s="257">
        <v>0</v>
      </c>
      <c r="CC11" s="261">
        <v>0</v>
      </c>
      <c r="CD11" s="258">
        <v>0</v>
      </c>
      <c r="CE11" s="260">
        <v>0</v>
      </c>
      <c r="CF11" s="261">
        <v>45</v>
      </c>
      <c r="CG11" s="261">
        <v>39</v>
      </c>
      <c r="CH11" s="261">
        <v>41</v>
      </c>
      <c r="CI11" s="261">
        <v>16</v>
      </c>
      <c r="CJ11" s="261">
        <v>4</v>
      </c>
      <c r="CK11" s="258">
        <v>145</v>
      </c>
      <c r="CL11" s="263">
        <v>145</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7045</v>
      </c>
      <c r="H12" s="261">
        <v>8150</v>
      </c>
      <c r="I12" s="261">
        <v>10735</v>
      </c>
      <c r="J12" s="261">
        <v>15732</v>
      </c>
      <c r="K12" s="261">
        <v>14349</v>
      </c>
      <c r="L12" s="262">
        <v>56011</v>
      </c>
      <c r="M12" s="263">
        <v>56011</v>
      </c>
      <c r="N12" s="257">
        <v>0</v>
      </c>
      <c r="O12" s="261">
        <v>0</v>
      </c>
      <c r="P12" s="258">
        <v>0</v>
      </c>
      <c r="Q12" s="260">
        <v>0</v>
      </c>
      <c r="R12" s="261">
        <v>6</v>
      </c>
      <c r="S12" s="261">
        <v>27</v>
      </c>
      <c r="T12" s="261">
        <v>68</v>
      </c>
      <c r="U12" s="261">
        <v>291</v>
      </c>
      <c r="V12" s="261">
        <v>456</v>
      </c>
      <c r="W12" s="258">
        <v>848</v>
      </c>
      <c r="X12" s="263">
        <v>848</v>
      </c>
      <c r="Y12" s="257">
        <v>352</v>
      </c>
      <c r="Z12" s="261">
        <v>636</v>
      </c>
      <c r="AA12" s="258">
        <v>988</v>
      </c>
      <c r="AB12" s="260">
        <v>0</v>
      </c>
      <c r="AC12" s="261">
        <v>3194</v>
      </c>
      <c r="AD12" s="261">
        <v>3181</v>
      </c>
      <c r="AE12" s="261">
        <v>2340</v>
      </c>
      <c r="AF12" s="261">
        <v>2322</v>
      </c>
      <c r="AG12" s="261">
        <v>2216</v>
      </c>
      <c r="AH12" s="258">
        <v>13253</v>
      </c>
      <c r="AI12" s="263">
        <v>14241</v>
      </c>
      <c r="AJ12" s="257">
        <v>34</v>
      </c>
      <c r="AK12" s="261">
        <v>122</v>
      </c>
      <c r="AL12" s="258">
        <v>156</v>
      </c>
      <c r="AM12" s="260">
        <v>0</v>
      </c>
      <c r="AN12" s="261">
        <v>461</v>
      </c>
      <c r="AO12" s="261">
        <v>561</v>
      </c>
      <c r="AP12" s="261">
        <v>439</v>
      </c>
      <c r="AQ12" s="261">
        <v>397</v>
      </c>
      <c r="AR12" s="261">
        <v>282</v>
      </c>
      <c r="AS12" s="258">
        <v>2140</v>
      </c>
      <c r="AT12" s="263">
        <v>2296</v>
      </c>
      <c r="AU12" s="257">
        <v>0</v>
      </c>
      <c r="AV12" s="261">
        <v>0</v>
      </c>
      <c r="AW12" s="258">
        <v>0</v>
      </c>
      <c r="AX12" s="260">
        <v>0</v>
      </c>
      <c r="AY12" s="261">
        <v>4858</v>
      </c>
      <c r="AZ12" s="261">
        <v>3363</v>
      </c>
      <c r="BA12" s="261">
        <v>2452</v>
      </c>
      <c r="BB12" s="261">
        <v>1564</v>
      </c>
      <c r="BC12" s="261">
        <v>448</v>
      </c>
      <c r="BD12" s="262">
        <v>12685</v>
      </c>
      <c r="BE12" s="263">
        <v>12685</v>
      </c>
      <c r="BF12" s="257">
        <v>0</v>
      </c>
      <c r="BG12" s="261">
        <v>0</v>
      </c>
      <c r="BH12" s="258">
        <v>0</v>
      </c>
      <c r="BI12" s="260">
        <v>0</v>
      </c>
      <c r="BJ12" s="261">
        <v>823</v>
      </c>
      <c r="BK12" s="261">
        <v>1080</v>
      </c>
      <c r="BL12" s="261">
        <v>544</v>
      </c>
      <c r="BM12" s="261">
        <v>505</v>
      </c>
      <c r="BN12" s="261">
        <v>131</v>
      </c>
      <c r="BO12" s="258">
        <v>3083</v>
      </c>
      <c r="BP12" s="263">
        <v>3083</v>
      </c>
      <c r="BQ12" s="257">
        <v>7</v>
      </c>
      <c r="BR12" s="261">
        <v>15</v>
      </c>
      <c r="BS12" s="258">
        <v>22</v>
      </c>
      <c r="BT12" s="260">
        <v>0</v>
      </c>
      <c r="BU12" s="261">
        <v>475</v>
      </c>
      <c r="BV12" s="261">
        <v>875</v>
      </c>
      <c r="BW12" s="261">
        <v>1534</v>
      </c>
      <c r="BX12" s="261">
        <v>1297</v>
      </c>
      <c r="BY12" s="261">
        <v>641</v>
      </c>
      <c r="BZ12" s="258">
        <v>4822</v>
      </c>
      <c r="CA12" s="263">
        <v>4844</v>
      </c>
      <c r="CB12" s="257">
        <v>0</v>
      </c>
      <c r="CC12" s="261">
        <v>8</v>
      </c>
      <c r="CD12" s="258">
        <v>8</v>
      </c>
      <c r="CE12" s="260">
        <v>0</v>
      </c>
      <c r="CF12" s="261">
        <v>76</v>
      </c>
      <c r="CG12" s="261">
        <v>101</v>
      </c>
      <c r="CH12" s="261">
        <v>164</v>
      </c>
      <c r="CI12" s="261">
        <v>205</v>
      </c>
      <c r="CJ12" s="261">
        <v>122</v>
      </c>
      <c r="CK12" s="258">
        <v>668</v>
      </c>
      <c r="CL12" s="263">
        <v>676</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7378</v>
      </c>
      <c r="H13" s="261">
        <v>16853</v>
      </c>
      <c r="I13" s="261">
        <v>21902</v>
      </c>
      <c r="J13" s="261">
        <v>27602</v>
      </c>
      <c r="K13" s="261">
        <v>23739</v>
      </c>
      <c r="L13" s="262">
        <v>107474</v>
      </c>
      <c r="M13" s="263">
        <v>107474</v>
      </c>
      <c r="N13" s="257">
        <v>0</v>
      </c>
      <c r="O13" s="261">
        <v>0</v>
      </c>
      <c r="P13" s="258">
        <v>0</v>
      </c>
      <c r="Q13" s="260">
        <v>0</v>
      </c>
      <c r="R13" s="261">
        <v>27</v>
      </c>
      <c r="S13" s="261">
        <v>133</v>
      </c>
      <c r="T13" s="261">
        <v>151</v>
      </c>
      <c r="U13" s="261">
        <v>350</v>
      </c>
      <c r="V13" s="261">
        <v>890</v>
      </c>
      <c r="W13" s="258">
        <v>1551</v>
      </c>
      <c r="X13" s="263">
        <v>1551</v>
      </c>
      <c r="Y13" s="257">
        <v>995</v>
      </c>
      <c r="Z13" s="261">
        <v>2064</v>
      </c>
      <c r="AA13" s="258">
        <v>3059</v>
      </c>
      <c r="AB13" s="260">
        <v>0</v>
      </c>
      <c r="AC13" s="261">
        <v>7987</v>
      </c>
      <c r="AD13" s="261">
        <v>5906</v>
      </c>
      <c r="AE13" s="261">
        <v>3029</v>
      </c>
      <c r="AF13" s="261">
        <v>3401</v>
      </c>
      <c r="AG13" s="261">
        <v>3436</v>
      </c>
      <c r="AH13" s="258">
        <v>23759</v>
      </c>
      <c r="AI13" s="263">
        <v>26818</v>
      </c>
      <c r="AJ13" s="257">
        <v>203</v>
      </c>
      <c r="AK13" s="261">
        <v>489</v>
      </c>
      <c r="AL13" s="258">
        <v>692</v>
      </c>
      <c r="AM13" s="260">
        <v>0</v>
      </c>
      <c r="AN13" s="261">
        <v>1153</v>
      </c>
      <c r="AO13" s="261">
        <v>1142</v>
      </c>
      <c r="AP13" s="261">
        <v>638</v>
      </c>
      <c r="AQ13" s="261">
        <v>422</v>
      </c>
      <c r="AR13" s="261">
        <v>549</v>
      </c>
      <c r="AS13" s="258">
        <v>3904</v>
      </c>
      <c r="AT13" s="263">
        <v>4596</v>
      </c>
      <c r="AU13" s="257">
        <v>0</v>
      </c>
      <c r="AV13" s="261">
        <v>0</v>
      </c>
      <c r="AW13" s="258">
        <v>0</v>
      </c>
      <c r="AX13" s="260">
        <v>0</v>
      </c>
      <c r="AY13" s="261">
        <v>13870</v>
      </c>
      <c r="AZ13" s="261">
        <v>8455</v>
      </c>
      <c r="BA13" s="261">
        <v>5125</v>
      </c>
      <c r="BB13" s="261">
        <v>3334</v>
      </c>
      <c r="BC13" s="261">
        <v>1439</v>
      </c>
      <c r="BD13" s="262">
        <v>32223</v>
      </c>
      <c r="BE13" s="263">
        <v>32223</v>
      </c>
      <c r="BF13" s="257">
        <v>0</v>
      </c>
      <c r="BG13" s="261">
        <v>0</v>
      </c>
      <c r="BH13" s="258">
        <v>0</v>
      </c>
      <c r="BI13" s="260">
        <v>0</v>
      </c>
      <c r="BJ13" s="261">
        <v>1793</v>
      </c>
      <c r="BK13" s="261">
        <v>1434</v>
      </c>
      <c r="BL13" s="261">
        <v>685</v>
      </c>
      <c r="BM13" s="261">
        <v>491</v>
      </c>
      <c r="BN13" s="261">
        <v>184</v>
      </c>
      <c r="BO13" s="258">
        <v>4587</v>
      </c>
      <c r="BP13" s="263">
        <v>4587</v>
      </c>
      <c r="BQ13" s="257">
        <v>55</v>
      </c>
      <c r="BR13" s="261">
        <v>92</v>
      </c>
      <c r="BS13" s="258">
        <v>147</v>
      </c>
      <c r="BT13" s="260">
        <v>0</v>
      </c>
      <c r="BU13" s="261">
        <v>1209</v>
      </c>
      <c r="BV13" s="261">
        <v>1248</v>
      </c>
      <c r="BW13" s="261">
        <v>2142</v>
      </c>
      <c r="BX13" s="261">
        <v>2134</v>
      </c>
      <c r="BY13" s="261">
        <v>1086</v>
      </c>
      <c r="BZ13" s="258">
        <v>7819</v>
      </c>
      <c r="CA13" s="263">
        <v>7966</v>
      </c>
      <c r="CB13" s="257">
        <v>0</v>
      </c>
      <c r="CC13" s="261">
        <v>11</v>
      </c>
      <c r="CD13" s="258">
        <v>11</v>
      </c>
      <c r="CE13" s="260">
        <v>0</v>
      </c>
      <c r="CF13" s="261">
        <v>99</v>
      </c>
      <c r="CG13" s="261">
        <v>145</v>
      </c>
      <c r="CH13" s="261">
        <v>128</v>
      </c>
      <c r="CI13" s="261">
        <v>130</v>
      </c>
      <c r="CJ13" s="261">
        <v>63</v>
      </c>
      <c r="CK13" s="258">
        <v>565</v>
      </c>
      <c r="CL13" s="263">
        <v>576</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4893</v>
      </c>
      <c r="H14" s="261">
        <v>6530</v>
      </c>
      <c r="I14" s="261">
        <v>8488</v>
      </c>
      <c r="J14" s="261">
        <v>10206</v>
      </c>
      <c r="K14" s="261">
        <v>9501</v>
      </c>
      <c r="L14" s="262">
        <v>39618</v>
      </c>
      <c r="M14" s="263">
        <v>39618</v>
      </c>
      <c r="N14" s="257">
        <v>0</v>
      </c>
      <c r="O14" s="261">
        <v>0</v>
      </c>
      <c r="P14" s="258">
        <v>0</v>
      </c>
      <c r="Q14" s="260">
        <v>0</v>
      </c>
      <c r="R14" s="261">
        <v>17</v>
      </c>
      <c r="S14" s="261">
        <v>52</v>
      </c>
      <c r="T14" s="261">
        <v>133</v>
      </c>
      <c r="U14" s="261">
        <v>274</v>
      </c>
      <c r="V14" s="261">
        <v>363</v>
      </c>
      <c r="W14" s="258">
        <v>839</v>
      </c>
      <c r="X14" s="263">
        <v>839</v>
      </c>
      <c r="Y14" s="257">
        <v>229</v>
      </c>
      <c r="Z14" s="261">
        <v>336</v>
      </c>
      <c r="AA14" s="258">
        <v>565</v>
      </c>
      <c r="AB14" s="260">
        <v>0</v>
      </c>
      <c r="AC14" s="261">
        <v>2809</v>
      </c>
      <c r="AD14" s="261">
        <v>2008</v>
      </c>
      <c r="AE14" s="261">
        <v>1772</v>
      </c>
      <c r="AF14" s="261">
        <v>1876</v>
      </c>
      <c r="AG14" s="261">
        <v>1476</v>
      </c>
      <c r="AH14" s="258">
        <v>9941</v>
      </c>
      <c r="AI14" s="263">
        <v>10506</v>
      </c>
      <c r="AJ14" s="257">
        <v>52</v>
      </c>
      <c r="AK14" s="261">
        <v>82</v>
      </c>
      <c r="AL14" s="258">
        <v>134</v>
      </c>
      <c r="AM14" s="260">
        <v>0</v>
      </c>
      <c r="AN14" s="261">
        <v>347</v>
      </c>
      <c r="AO14" s="261">
        <v>259</v>
      </c>
      <c r="AP14" s="261">
        <v>337</v>
      </c>
      <c r="AQ14" s="261">
        <v>348</v>
      </c>
      <c r="AR14" s="261">
        <v>73</v>
      </c>
      <c r="AS14" s="258">
        <v>1364</v>
      </c>
      <c r="AT14" s="263">
        <v>1498</v>
      </c>
      <c r="AU14" s="257">
        <v>0</v>
      </c>
      <c r="AV14" s="261">
        <v>0</v>
      </c>
      <c r="AW14" s="258">
        <v>0</v>
      </c>
      <c r="AX14" s="260">
        <v>0</v>
      </c>
      <c r="AY14" s="261">
        <v>6158</v>
      </c>
      <c r="AZ14" s="261">
        <v>3955</v>
      </c>
      <c r="BA14" s="261">
        <v>2925</v>
      </c>
      <c r="BB14" s="261">
        <v>2041</v>
      </c>
      <c r="BC14" s="261">
        <v>896</v>
      </c>
      <c r="BD14" s="262">
        <v>15975</v>
      </c>
      <c r="BE14" s="263">
        <v>15975</v>
      </c>
      <c r="BF14" s="257">
        <v>0</v>
      </c>
      <c r="BG14" s="261">
        <v>0</v>
      </c>
      <c r="BH14" s="258">
        <v>0</v>
      </c>
      <c r="BI14" s="260">
        <v>0</v>
      </c>
      <c r="BJ14" s="261">
        <v>1384</v>
      </c>
      <c r="BK14" s="261">
        <v>1000</v>
      </c>
      <c r="BL14" s="261">
        <v>688</v>
      </c>
      <c r="BM14" s="261">
        <v>491</v>
      </c>
      <c r="BN14" s="261">
        <v>103</v>
      </c>
      <c r="BO14" s="258">
        <v>3666</v>
      </c>
      <c r="BP14" s="263">
        <v>3666</v>
      </c>
      <c r="BQ14" s="257">
        <v>32</v>
      </c>
      <c r="BR14" s="261">
        <v>57</v>
      </c>
      <c r="BS14" s="258">
        <v>89</v>
      </c>
      <c r="BT14" s="260">
        <v>0</v>
      </c>
      <c r="BU14" s="261">
        <v>750</v>
      </c>
      <c r="BV14" s="261">
        <v>812</v>
      </c>
      <c r="BW14" s="261">
        <v>1357</v>
      </c>
      <c r="BX14" s="261">
        <v>1016</v>
      </c>
      <c r="BY14" s="261">
        <v>405</v>
      </c>
      <c r="BZ14" s="258">
        <v>4340</v>
      </c>
      <c r="CA14" s="263">
        <v>4429</v>
      </c>
      <c r="CB14" s="257">
        <v>0</v>
      </c>
      <c r="CC14" s="261">
        <v>0</v>
      </c>
      <c r="CD14" s="258">
        <v>0</v>
      </c>
      <c r="CE14" s="260">
        <v>0</v>
      </c>
      <c r="CF14" s="261">
        <v>48</v>
      </c>
      <c r="CG14" s="261">
        <v>32</v>
      </c>
      <c r="CH14" s="261">
        <v>129</v>
      </c>
      <c r="CI14" s="261">
        <v>30</v>
      </c>
      <c r="CJ14" s="261">
        <v>73</v>
      </c>
      <c r="CK14" s="258">
        <v>312</v>
      </c>
      <c r="CL14" s="263">
        <v>312</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6299</v>
      </c>
      <c r="H15" s="261">
        <v>8867</v>
      </c>
      <c r="I15" s="261">
        <v>9903</v>
      </c>
      <c r="J15" s="261">
        <v>13551</v>
      </c>
      <c r="K15" s="261">
        <v>11615</v>
      </c>
      <c r="L15" s="262">
        <v>50235</v>
      </c>
      <c r="M15" s="263">
        <v>50235</v>
      </c>
      <c r="N15" s="257">
        <v>0</v>
      </c>
      <c r="O15" s="261">
        <v>23</v>
      </c>
      <c r="P15" s="258">
        <v>23</v>
      </c>
      <c r="Q15" s="260">
        <v>0</v>
      </c>
      <c r="R15" s="261">
        <v>11</v>
      </c>
      <c r="S15" s="261">
        <v>80</v>
      </c>
      <c r="T15" s="261">
        <v>106</v>
      </c>
      <c r="U15" s="261">
        <v>356</v>
      </c>
      <c r="V15" s="261">
        <v>411</v>
      </c>
      <c r="W15" s="258">
        <v>964</v>
      </c>
      <c r="X15" s="263">
        <v>987</v>
      </c>
      <c r="Y15" s="257">
        <v>587</v>
      </c>
      <c r="Z15" s="261">
        <v>1615</v>
      </c>
      <c r="AA15" s="258">
        <v>2202</v>
      </c>
      <c r="AB15" s="260">
        <v>0</v>
      </c>
      <c r="AC15" s="261">
        <v>2066</v>
      </c>
      <c r="AD15" s="261">
        <v>3011</v>
      </c>
      <c r="AE15" s="261">
        <v>2157</v>
      </c>
      <c r="AF15" s="261">
        <v>2064</v>
      </c>
      <c r="AG15" s="261">
        <v>1574</v>
      </c>
      <c r="AH15" s="258">
        <v>10872</v>
      </c>
      <c r="AI15" s="263">
        <v>13074</v>
      </c>
      <c r="AJ15" s="257">
        <v>67</v>
      </c>
      <c r="AK15" s="261">
        <v>254</v>
      </c>
      <c r="AL15" s="258">
        <v>321</v>
      </c>
      <c r="AM15" s="260">
        <v>0</v>
      </c>
      <c r="AN15" s="261">
        <v>166</v>
      </c>
      <c r="AO15" s="261">
        <v>524</v>
      </c>
      <c r="AP15" s="261">
        <v>296</v>
      </c>
      <c r="AQ15" s="261">
        <v>284</v>
      </c>
      <c r="AR15" s="261">
        <v>168</v>
      </c>
      <c r="AS15" s="258">
        <v>1438</v>
      </c>
      <c r="AT15" s="263">
        <v>1759</v>
      </c>
      <c r="AU15" s="257">
        <v>0</v>
      </c>
      <c r="AV15" s="261">
        <v>0</v>
      </c>
      <c r="AW15" s="258">
        <v>0</v>
      </c>
      <c r="AX15" s="260">
        <v>0</v>
      </c>
      <c r="AY15" s="261">
        <v>6172</v>
      </c>
      <c r="AZ15" s="261">
        <v>4587</v>
      </c>
      <c r="BA15" s="261">
        <v>2962</v>
      </c>
      <c r="BB15" s="261">
        <v>2230</v>
      </c>
      <c r="BC15" s="261">
        <v>876</v>
      </c>
      <c r="BD15" s="262">
        <v>16827</v>
      </c>
      <c r="BE15" s="263">
        <v>16827</v>
      </c>
      <c r="BF15" s="257">
        <v>0</v>
      </c>
      <c r="BG15" s="261">
        <v>0</v>
      </c>
      <c r="BH15" s="258">
        <v>0</v>
      </c>
      <c r="BI15" s="260">
        <v>0</v>
      </c>
      <c r="BJ15" s="261">
        <v>978</v>
      </c>
      <c r="BK15" s="261">
        <v>1277</v>
      </c>
      <c r="BL15" s="261">
        <v>968</v>
      </c>
      <c r="BM15" s="261">
        <v>568</v>
      </c>
      <c r="BN15" s="261">
        <v>207</v>
      </c>
      <c r="BO15" s="258">
        <v>3998</v>
      </c>
      <c r="BP15" s="263">
        <v>3998</v>
      </c>
      <c r="BQ15" s="257">
        <v>12</v>
      </c>
      <c r="BR15" s="261">
        <v>117</v>
      </c>
      <c r="BS15" s="258">
        <v>129</v>
      </c>
      <c r="BT15" s="260">
        <v>0</v>
      </c>
      <c r="BU15" s="261">
        <v>662</v>
      </c>
      <c r="BV15" s="261">
        <v>852</v>
      </c>
      <c r="BW15" s="261">
        <v>1282</v>
      </c>
      <c r="BX15" s="261">
        <v>1185</v>
      </c>
      <c r="BY15" s="261">
        <v>868</v>
      </c>
      <c r="BZ15" s="258">
        <v>4849</v>
      </c>
      <c r="CA15" s="263">
        <v>4978</v>
      </c>
      <c r="CB15" s="257">
        <v>0</v>
      </c>
      <c r="CC15" s="261">
        <v>0</v>
      </c>
      <c r="CD15" s="258">
        <v>0</v>
      </c>
      <c r="CE15" s="260">
        <v>0</v>
      </c>
      <c r="CF15" s="261">
        <v>27</v>
      </c>
      <c r="CG15" s="261">
        <v>35</v>
      </c>
      <c r="CH15" s="261">
        <v>77</v>
      </c>
      <c r="CI15" s="261">
        <v>21</v>
      </c>
      <c r="CJ15" s="261">
        <v>8</v>
      </c>
      <c r="CK15" s="258">
        <v>168</v>
      </c>
      <c r="CL15" s="263">
        <v>168</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0</v>
      </c>
      <c r="E16" s="358">
        <v>0</v>
      </c>
      <c r="F16" s="260">
        <v>0</v>
      </c>
      <c r="G16" s="261">
        <v>1983</v>
      </c>
      <c r="H16" s="261">
        <v>3671</v>
      </c>
      <c r="I16" s="261">
        <v>3787</v>
      </c>
      <c r="J16" s="261">
        <v>4861</v>
      </c>
      <c r="K16" s="261">
        <v>5986</v>
      </c>
      <c r="L16" s="262">
        <v>20288</v>
      </c>
      <c r="M16" s="263">
        <v>20288</v>
      </c>
      <c r="N16" s="257">
        <v>0</v>
      </c>
      <c r="O16" s="261">
        <v>0</v>
      </c>
      <c r="P16" s="258">
        <v>0</v>
      </c>
      <c r="Q16" s="260">
        <v>0</v>
      </c>
      <c r="R16" s="261">
        <v>1</v>
      </c>
      <c r="S16" s="261">
        <v>2</v>
      </c>
      <c r="T16" s="261">
        <v>29</v>
      </c>
      <c r="U16" s="261">
        <v>67</v>
      </c>
      <c r="V16" s="261">
        <v>175</v>
      </c>
      <c r="W16" s="258">
        <v>274</v>
      </c>
      <c r="X16" s="263">
        <v>274</v>
      </c>
      <c r="Y16" s="257">
        <v>42</v>
      </c>
      <c r="Z16" s="261">
        <v>229</v>
      </c>
      <c r="AA16" s="258">
        <v>271</v>
      </c>
      <c r="AB16" s="260">
        <v>0</v>
      </c>
      <c r="AC16" s="261">
        <v>856</v>
      </c>
      <c r="AD16" s="261">
        <v>1452</v>
      </c>
      <c r="AE16" s="261">
        <v>933</v>
      </c>
      <c r="AF16" s="261">
        <v>803</v>
      </c>
      <c r="AG16" s="261">
        <v>639</v>
      </c>
      <c r="AH16" s="258">
        <v>4683</v>
      </c>
      <c r="AI16" s="263">
        <v>4954</v>
      </c>
      <c r="AJ16" s="257">
        <v>9</v>
      </c>
      <c r="AK16" s="261">
        <v>58</v>
      </c>
      <c r="AL16" s="258">
        <v>67</v>
      </c>
      <c r="AM16" s="260">
        <v>0</v>
      </c>
      <c r="AN16" s="261">
        <v>165</v>
      </c>
      <c r="AO16" s="261">
        <v>236</v>
      </c>
      <c r="AP16" s="261">
        <v>102</v>
      </c>
      <c r="AQ16" s="261">
        <v>159</v>
      </c>
      <c r="AR16" s="261">
        <v>90</v>
      </c>
      <c r="AS16" s="258">
        <v>752</v>
      </c>
      <c r="AT16" s="263">
        <v>819</v>
      </c>
      <c r="AU16" s="257">
        <v>0</v>
      </c>
      <c r="AV16" s="261">
        <v>0</v>
      </c>
      <c r="AW16" s="258">
        <v>0</v>
      </c>
      <c r="AX16" s="260">
        <v>0</v>
      </c>
      <c r="AY16" s="261">
        <v>1398</v>
      </c>
      <c r="AZ16" s="261">
        <v>1645</v>
      </c>
      <c r="BA16" s="261">
        <v>1051</v>
      </c>
      <c r="BB16" s="261">
        <v>709</v>
      </c>
      <c r="BC16" s="261">
        <v>345</v>
      </c>
      <c r="BD16" s="262">
        <v>5148</v>
      </c>
      <c r="BE16" s="263">
        <v>5148</v>
      </c>
      <c r="BF16" s="257">
        <v>0</v>
      </c>
      <c r="BG16" s="261">
        <v>0</v>
      </c>
      <c r="BH16" s="258">
        <v>0</v>
      </c>
      <c r="BI16" s="260">
        <v>0</v>
      </c>
      <c r="BJ16" s="261">
        <v>181</v>
      </c>
      <c r="BK16" s="261">
        <v>208</v>
      </c>
      <c r="BL16" s="261">
        <v>231</v>
      </c>
      <c r="BM16" s="261">
        <v>195</v>
      </c>
      <c r="BN16" s="261">
        <v>108</v>
      </c>
      <c r="BO16" s="258">
        <v>923</v>
      </c>
      <c r="BP16" s="263">
        <v>923</v>
      </c>
      <c r="BQ16" s="257">
        <v>0</v>
      </c>
      <c r="BR16" s="261">
        <v>3</v>
      </c>
      <c r="BS16" s="258">
        <v>3</v>
      </c>
      <c r="BT16" s="260">
        <v>0</v>
      </c>
      <c r="BU16" s="261">
        <v>166</v>
      </c>
      <c r="BV16" s="261">
        <v>179</v>
      </c>
      <c r="BW16" s="261">
        <v>668</v>
      </c>
      <c r="BX16" s="261">
        <v>452</v>
      </c>
      <c r="BY16" s="261">
        <v>207</v>
      </c>
      <c r="BZ16" s="258">
        <v>1672</v>
      </c>
      <c r="CA16" s="263">
        <v>1675</v>
      </c>
      <c r="CB16" s="257">
        <v>0</v>
      </c>
      <c r="CC16" s="261">
        <v>0</v>
      </c>
      <c r="CD16" s="258">
        <v>0</v>
      </c>
      <c r="CE16" s="260">
        <v>0</v>
      </c>
      <c r="CF16" s="261">
        <v>10</v>
      </c>
      <c r="CG16" s="261">
        <v>14</v>
      </c>
      <c r="CH16" s="261">
        <v>29</v>
      </c>
      <c r="CI16" s="261">
        <v>33</v>
      </c>
      <c r="CJ16" s="261">
        <v>0</v>
      </c>
      <c r="CK16" s="258">
        <v>86</v>
      </c>
      <c r="CL16" s="263">
        <v>86</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1041</v>
      </c>
      <c r="H17" s="261">
        <v>2663</v>
      </c>
      <c r="I17" s="261">
        <v>2221</v>
      </c>
      <c r="J17" s="261">
        <v>2016</v>
      </c>
      <c r="K17" s="261">
        <v>2556</v>
      </c>
      <c r="L17" s="262">
        <v>10497</v>
      </c>
      <c r="M17" s="263">
        <v>10497</v>
      </c>
      <c r="N17" s="257">
        <v>0</v>
      </c>
      <c r="O17" s="261">
        <v>0</v>
      </c>
      <c r="P17" s="258">
        <v>0</v>
      </c>
      <c r="Q17" s="260">
        <v>0</v>
      </c>
      <c r="R17" s="261">
        <v>0</v>
      </c>
      <c r="S17" s="261">
        <v>15</v>
      </c>
      <c r="T17" s="261">
        <v>29</v>
      </c>
      <c r="U17" s="261">
        <v>56</v>
      </c>
      <c r="V17" s="261">
        <v>130</v>
      </c>
      <c r="W17" s="258">
        <v>230</v>
      </c>
      <c r="X17" s="263">
        <v>230</v>
      </c>
      <c r="Y17" s="257">
        <v>21</v>
      </c>
      <c r="Z17" s="261">
        <v>100</v>
      </c>
      <c r="AA17" s="258">
        <v>121</v>
      </c>
      <c r="AB17" s="260">
        <v>0</v>
      </c>
      <c r="AC17" s="261">
        <v>345</v>
      </c>
      <c r="AD17" s="261">
        <v>515</v>
      </c>
      <c r="AE17" s="261">
        <v>231</v>
      </c>
      <c r="AF17" s="261">
        <v>305</v>
      </c>
      <c r="AG17" s="261">
        <v>359</v>
      </c>
      <c r="AH17" s="258">
        <v>1755</v>
      </c>
      <c r="AI17" s="263">
        <v>1876</v>
      </c>
      <c r="AJ17" s="257">
        <v>0</v>
      </c>
      <c r="AK17" s="261">
        <v>20</v>
      </c>
      <c r="AL17" s="258">
        <v>20</v>
      </c>
      <c r="AM17" s="260">
        <v>0</v>
      </c>
      <c r="AN17" s="261">
        <v>118</v>
      </c>
      <c r="AO17" s="261">
        <v>146</v>
      </c>
      <c r="AP17" s="261">
        <v>35</v>
      </c>
      <c r="AQ17" s="261">
        <v>46</v>
      </c>
      <c r="AR17" s="261">
        <v>73</v>
      </c>
      <c r="AS17" s="258">
        <v>418</v>
      </c>
      <c r="AT17" s="263">
        <v>438</v>
      </c>
      <c r="AU17" s="257">
        <v>0</v>
      </c>
      <c r="AV17" s="261">
        <v>0</v>
      </c>
      <c r="AW17" s="258">
        <v>0</v>
      </c>
      <c r="AX17" s="260">
        <v>0</v>
      </c>
      <c r="AY17" s="261">
        <v>1005</v>
      </c>
      <c r="AZ17" s="261">
        <v>1242</v>
      </c>
      <c r="BA17" s="261">
        <v>610</v>
      </c>
      <c r="BB17" s="261">
        <v>242</v>
      </c>
      <c r="BC17" s="261">
        <v>105</v>
      </c>
      <c r="BD17" s="262">
        <v>3204</v>
      </c>
      <c r="BE17" s="263">
        <v>3204</v>
      </c>
      <c r="BF17" s="257">
        <v>0</v>
      </c>
      <c r="BG17" s="261">
        <v>0</v>
      </c>
      <c r="BH17" s="258">
        <v>0</v>
      </c>
      <c r="BI17" s="260">
        <v>0</v>
      </c>
      <c r="BJ17" s="261">
        <v>232</v>
      </c>
      <c r="BK17" s="261">
        <v>246</v>
      </c>
      <c r="BL17" s="261">
        <v>215</v>
      </c>
      <c r="BM17" s="261">
        <v>97</v>
      </c>
      <c r="BN17" s="261">
        <v>61</v>
      </c>
      <c r="BO17" s="258">
        <v>851</v>
      </c>
      <c r="BP17" s="263">
        <v>851</v>
      </c>
      <c r="BQ17" s="257">
        <v>0</v>
      </c>
      <c r="BR17" s="261">
        <v>5</v>
      </c>
      <c r="BS17" s="258">
        <v>5</v>
      </c>
      <c r="BT17" s="260">
        <v>0</v>
      </c>
      <c r="BU17" s="261">
        <v>54</v>
      </c>
      <c r="BV17" s="261">
        <v>460</v>
      </c>
      <c r="BW17" s="261">
        <v>919</v>
      </c>
      <c r="BX17" s="261">
        <v>559</v>
      </c>
      <c r="BY17" s="261">
        <v>468</v>
      </c>
      <c r="BZ17" s="258">
        <v>2460</v>
      </c>
      <c r="CA17" s="263">
        <v>2465</v>
      </c>
      <c r="CB17" s="257">
        <v>0</v>
      </c>
      <c r="CC17" s="261">
        <v>0</v>
      </c>
      <c r="CD17" s="258">
        <v>0</v>
      </c>
      <c r="CE17" s="260">
        <v>0</v>
      </c>
      <c r="CF17" s="261">
        <v>16</v>
      </c>
      <c r="CG17" s="261">
        <v>31</v>
      </c>
      <c r="CH17" s="261">
        <v>42</v>
      </c>
      <c r="CI17" s="261">
        <v>65</v>
      </c>
      <c r="CJ17" s="261">
        <v>0</v>
      </c>
      <c r="CK17" s="258">
        <v>154</v>
      </c>
      <c r="CL17" s="263">
        <v>154</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2046</v>
      </c>
      <c r="H18" s="261">
        <v>4210</v>
      </c>
      <c r="I18" s="261">
        <v>4499</v>
      </c>
      <c r="J18" s="261">
        <v>5296</v>
      </c>
      <c r="K18" s="261">
        <v>4464</v>
      </c>
      <c r="L18" s="262">
        <v>20515</v>
      </c>
      <c r="M18" s="263">
        <v>20515</v>
      </c>
      <c r="N18" s="257">
        <v>0</v>
      </c>
      <c r="O18" s="261">
        <v>0</v>
      </c>
      <c r="P18" s="258">
        <v>0</v>
      </c>
      <c r="Q18" s="260">
        <v>0</v>
      </c>
      <c r="R18" s="261">
        <v>4</v>
      </c>
      <c r="S18" s="261">
        <v>64</v>
      </c>
      <c r="T18" s="261">
        <v>72</v>
      </c>
      <c r="U18" s="261">
        <v>88</v>
      </c>
      <c r="V18" s="261">
        <v>217</v>
      </c>
      <c r="W18" s="258">
        <v>445</v>
      </c>
      <c r="X18" s="263">
        <v>445</v>
      </c>
      <c r="Y18" s="257">
        <v>76</v>
      </c>
      <c r="Z18" s="261">
        <v>314</v>
      </c>
      <c r="AA18" s="258">
        <v>390</v>
      </c>
      <c r="AB18" s="260">
        <v>0</v>
      </c>
      <c r="AC18" s="261">
        <v>1203</v>
      </c>
      <c r="AD18" s="261">
        <v>2632</v>
      </c>
      <c r="AE18" s="261">
        <v>1596</v>
      </c>
      <c r="AF18" s="261">
        <v>1382</v>
      </c>
      <c r="AG18" s="261">
        <v>918</v>
      </c>
      <c r="AH18" s="258">
        <v>7731</v>
      </c>
      <c r="AI18" s="263">
        <v>8121</v>
      </c>
      <c r="AJ18" s="257">
        <v>41</v>
      </c>
      <c r="AK18" s="261">
        <v>109</v>
      </c>
      <c r="AL18" s="258">
        <v>150</v>
      </c>
      <c r="AM18" s="260">
        <v>0</v>
      </c>
      <c r="AN18" s="261">
        <v>197</v>
      </c>
      <c r="AO18" s="261">
        <v>512</v>
      </c>
      <c r="AP18" s="261">
        <v>248</v>
      </c>
      <c r="AQ18" s="261">
        <v>167</v>
      </c>
      <c r="AR18" s="261">
        <v>115</v>
      </c>
      <c r="AS18" s="258">
        <v>1239</v>
      </c>
      <c r="AT18" s="263">
        <v>1389</v>
      </c>
      <c r="AU18" s="257">
        <v>0</v>
      </c>
      <c r="AV18" s="261">
        <v>0</v>
      </c>
      <c r="AW18" s="258">
        <v>0</v>
      </c>
      <c r="AX18" s="260">
        <v>0</v>
      </c>
      <c r="AY18" s="261">
        <v>3136</v>
      </c>
      <c r="AZ18" s="261">
        <v>4890</v>
      </c>
      <c r="BA18" s="261">
        <v>2794</v>
      </c>
      <c r="BB18" s="261">
        <v>1759</v>
      </c>
      <c r="BC18" s="261">
        <v>1073</v>
      </c>
      <c r="BD18" s="262">
        <v>13652</v>
      </c>
      <c r="BE18" s="263">
        <v>13652</v>
      </c>
      <c r="BF18" s="257">
        <v>0</v>
      </c>
      <c r="BG18" s="261">
        <v>0</v>
      </c>
      <c r="BH18" s="258">
        <v>0</v>
      </c>
      <c r="BI18" s="260">
        <v>0</v>
      </c>
      <c r="BJ18" s="261">
        <v>1381</v>
      </c>
      <c r="BK18" s="261">
        <v>2228</v>
      </c>
      <c r="BL18" s="261">
        <v>802</v>
      </c>
      <c r="BM18" s="261">
        <v>535</v>
      </c>
      <c r="BN18" s="261">
        <v>182</v>
      </c>
      <c r="BO18" s="258">
        <v>5128</v>
      </c>
      <c r="BP18" s="263">
        <v>5128</v>
      </c>
      <c r="BQ18" s="257">
        <v>8</v>
      </c>
      <c r="BR18" s="261">
        <v>2</v>
      </c>
      <c r="BS18" s="258">
        <v>10</v>
      </c>
      <c r="BT18" s="260">
        <v>0</v>
      </c>
      <c r="BU18" s="261">
        <v>257</v>
      </c>
      <c r="BV18" s="261">
        <v>768</v>
      </c>
      <c r="BW18" s="261">
        <v>737</v>
      </c>
      <c r="BX18" s="261">
        <v>524</v>
      </c>
      <c r="BY18" s="261">
        <v>196</v>
      </c>
      <c r="BZ18" s="258">
        <v>2482</v>
      </c>
      <c r="CA18" s="263">
        <v>2492</v>
      </c>
      <c r="CB18" s="257">
        <v>0</v>
      </c>
      <c r="CC18" s="261">
        <v>0</v>
      </c>
      <c r="CD18" s="258">
        <v>0</v>
      </c>
      <c r="CE18" s="260">
        <v>0</v>
      </c>
      <c r="CF18" s="261">
        <v>1</v>
      </c>
      <c r="CG18" s="261">
        <v>41</v>
      </c>
      <c r="CH18" s="261">
        <v>71</v>
      </c>
      <c r="CI18" s="261">
        <v>54</v>
      </c>
      <c r="CJ18" s="261">
        <v>14</v>
      </c>
      <c r="CK18" s="258">
        <v>181</v>
      </c>
      <c r="CL18" s="263">
        <v>181</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2478</v>
      </c>
      <c r="H19" s="261">
        <v>6787</v>
      </c>
      <c r="I19" s="261">
        <v>8641</v>
      </c>
      <c r="J19" s="261">
        <v>11019</v>
      </c>
      <c r="K19" s="261">
        <v>10325</v>
      </c>
      <c r="L19" s="262">
        <v>39250</v>
      </c>
      <c r="M19" s="263">
        <v>39250</v>
      </c>
      <c r="N19" s="257">
        <v>0</v>
      </c>
      <c r="O19" s="261">
        <v>0</v>
      </c>
      <c r="P19" s="258">
        <v>0</v>
      </c>
      <c r="Q19" s="260">
        <v>0</v>
      </c>
      <c r="R19" s="261">
        <v>4</v>
      </c>
      <c r="S19" s="261">
        <v>37</v>
      </c>
      <c r="T19" s="261">
        <v>95</v>
      </c>
      <c r="U19" s="261">
        <v>189</v>
      </c>
      <c r="V19" s="261">
        <v>403</v>
      </c>
      <c r="W19" s="258">
        <v>728</v>
      </c>
      <c r="X19" s="263">
        <v>728</v>
      </c>
      <c r="Y19" s="257">
        <v>175</v>
      </c>
      <c r="Z19" s="261">
        <v>543</v>
      </c>
      <c r="AA19" s="258">
        <v>718</v>
      </c>
      <c r="AB19" s="260">
        <v>0</v>
      </c>
      <c r="AC19" s="261">
        <v>1395</v>
      </c>
      <c r="AD19" s="261">
        <v>2754</v>
      </c>
      <c r="AE19" s="261">
        <v>2008</v>
      </c>
      <c r="AF19" s="261">
        <v>1820</v>
      </c>
      <c r="AG19" s="261">
        <v>1438</v>
      </c>
      <c r="AH19" s="258">
        <v>9415</v>
      </c>
      <c r="AI19" s="263">
        <v>10133</v>
      </c>
      <c r="AJ19" s="257">
        <v>35</v>
      </c>
      <c r="AK19" s="261">
        <v>97</v>
      </c>
      <c r="AL19" s="258">
        <v>132</v>
      </c>
      <c r="AM19" s="260">
        <v>0</v>
      </c>
      <c r="AN19" s="261">
        <v>78</v>
      </c>
      <c r="AO19" s="261">
        <v>435</v>
      </c>
      <c r="AP19" s="261">
        <v>397</v>
      </c>
      <c r="AQ19" s="261">
        <v>209</v>
      </c>
      <c r="AR19" s="261">
        <v>271</v>
      </c>
      <c r="AS19" s="258">
        <v>1390</v>
      </c>
      <c r="AT19" s="263">
        <v>1522</v>
      </c>
      <c r="AU19" s="257">
        <v>0</v>
      </c>
      <c r="AV19" s="261">
        <v>2</v>
      </c>
      <c r="AW19" s="258">
        <v>2</v>
      </c>
      <c r="AX19" s="260">
        <v>0</v>
      </c>
      <c r="AY19" s="261">
        <v>2977</v>
      </c>
      <c r="AZ19" s="261">
        <v>5129</v>
      </c>
      <c r="BA19" s="261">
        <v>3383</v>
      </c>
      <c r="BB19" s="261">
        <v>1893</v>
      </c>
      <c r="BC19" s="261">
        <v>1043</v>
      </c>
      <c r="BD19" s="262">
        <v>14425</v>
      </c>
      <c r="BE19" s="263">
        <v>14427</v>
      </c>
      <c r="BF19" s="257">
        <v>0</v>
      </c>
      <c r="BG19" s="261">
        <v>0</v>
      </c>
      <c r="BH19" s="258">
        <v>0</v>
      </c>
      <c r="BI19" s="260">
        <v>0</v>
      </c>
      <c r="BJ19" s="261">
        <v>425</v>
      </c>
      <c r="BK19" s="261">
        <v>1452</v>
      </c>
      <c r="BL19" s="261">
        <v>860</v>
      </c>
      <c r="BM19" s="261">
        <v>387</v>
      </c>
      <c r="BN19" s="261">
        <v>146</v>
      </c>
      <c r="BO19" s="258">
        <v>3270</v>
      </c>
      <c r="BP19" s="263">
        <v>3270</v>
      </c>
      <c r="BQ19" s="257">
        <v>3</v>
      </c>
      <c r="BR19" s="261">
        <v>7</v>
      </c>
      <c r="BS19" s="258">
        <v>10</v>
      </c>
      <c r="BT19" s="260">
        <v>0</v>
      </c>
      <c r="BU19" s="261">
        <v>567</v>
      </c>
      <c r="BV19" s="261">
        <v>842</v>
      </c>
      <c r="BW19" s="261">
        <v>1171</v>
      </c>
      <c r="BX19" s="261">
        <v>1198</v>
      </c>
      <c r="BY19" s="261">
        <v>534</v>
      </c>
      <c r="BZ19" s="258">
        <v>4312</v>
      </c>
      <c r="CA19" s="263">
        <v>4322</v>
      </c>
      <c r="CB19" s="257">
        <v>0</v>
      </c>
      <c r="CC19" s="261">
        <v>2</v>
      </c>
      <c r="CD19" s="258">
        <v>2</v>
      </c>
      <c r="CE19" s="260">
        <v>0</v>
      </c>
      <c r="CF19" s="261">
        <v>7</v>
      </c>
      <c r="CG19" s="261">
        <v>164</v>
      </c>
      <c r="CH19" s="261">
        <v>140</v>
      </c>
      <c r="CI19" s="261">
        <v>84</v>
      </c>
      <c r="CJ19" s="261">
        <v>81</v>
      </c>
      <c r="CK19" s="258">
        <v>476</v>
      </c>
      <c r="CL19" s="263">
        <v>478</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5551</v>
      </c>
      <c r="H20" s="261">
        <v>7646</v>
      </c>
      <c r="I20" s="261">
        <v>9601</v>
      </c>
      <c r="J20" s="261">
        <v>13737</v>
      </c>
      <c r="K20" s="261">
        <v>11657</v>
      </c>
      <c r="L20" s="262">
        <v>48192</v>
      </c>
      <c r="M20" s="263">
        <v>48192</v>
      </c>
      <c r="N20" s="257">
        <v>0</v>
      </c>
      <c r="O20" s="261">
        <v>0</v>
      </c>
      <c r="P20" s="258">
        <v>0</v>
      </c>
      <c r="Q20" s="260">
        <v>0</v>
      </c>
      <c r="R20" s="261">
        <v>14</v>
      </c>
      <c r="S20" s="261">
        <v>28</v>
      </c>
      <c r="T20" s="261">
        <v>59</v>
      </c>
      <c r="U20" s="261">
        <v>259</v>
      </c>
      <c r="V20" s="261">
        <v>458</v>
      </c>
      <c r="W20" s="258">
        <v>818</v>
      </c>
      <c r="X20" s="263">
        <v>818</v>
      </c>
      <c r="Y20" s="257">
        <v>302</v>
      </c>
      <c r="Z20" s="261">
        <v>792</v>
      </c>
      <c r="AA20" s="258">
        <v>1094</v>
      </c>
      <c r="AB20" s="260">
        <v>0</v>
      </c>
      <c r="AC20" s="261">
        <v>2978</v>
      </c>
      <c r="AD20" s="261">
        <v>3552</v>
      </c>
      <c r="AE20" s="261">
        <v>2289</v>
      </c>
      <c r="AF20" s="261">
        <v>1927</v>
      </c>
      <c r="AG20" s="261">
        <v>1745</v>
      </c>
      <c r="AH20" s="258">
        <v>12491</v>
      </c>
      <c r="AI20" s="263">
        <v>13585</v>
      </c>
      <c r="AJ20" s="257">
        <v>53</v>
      </c>
      <c r="AK20" s="261">
        <v>141</v>
      </c>
      <c r="AL20" s="258">
        <v>194</v>
      </c>
      <c r="AM20" s="260">
        <v>0</v>
      </c>
      <c r="AN20" s="261">
        <v>486</v>
      </c>
      <c r="AO20" s="261">
        <v>848</v>
      </c>
      <c r="AP20" s="261">
        <v>530</v>
      </c>
      <c r="AQ20" s="261">
        <v>310</v>
      </c>
      <c r="AR20" s="261">
        <v>175</v>
      </c>
      <c r="AS20" s="258">
        <v>2349</v>
      </c>
      <c r="AT20" s="263">
        <v>2543</v>
      </c>
      <c r="AU20" s="257">
        <v>0</v>
      </c>
      <c r="AV20" s="261">
        <v>0</v>
      </c>
      <c r="AW20" s="258">
        <v>0</v>
      </c>
      <c r="AX20" s="260">
        <v>0</v>
      </c>
      <c r="AY20" s="261">
        <v>5914</v>
      </c>
      <c r="AZ20" s="261">
        <v>5848</v>
      </c>
      <c r="BA20" s="261">
        <v>4575</v>
      </c>
      <c r="BB20" s="261">
        <v>2364</v>
      </c>
      <c r="BC20" s="261">
        <v>1055</v>
      </c>
      <c r="BD20" s="262">
        <v>19756</v>
      </c>
      <c r="BE20" s="263">
        <v>19756</v>
      </c>
      <c r="BF20" s="257">
        <v>0</v>
      </c>
      <c r="BG20" s="261">
        <v>0</v>
      </c>
      <c r="BH20" s="258">
        <v>0</v>
      </c>
      <c r="BI20" s="260">
        <v>0</v>
      </c>
      <c r="BJ20" s="261">
        <v>1318</v>
      </c>
      <c r="BK20" s="261">
        <v>1594</v>
      </c>
      <c r="BL20" s="261">
        <v>899</v>
      </c>
      <c r="BM20" s="261">
        <v>478</v>
      </c>
      <c r="BN20" s="261">
        <v>213</v>
      </c>
      <c r="BO20" s="258">
        <v>4502</v>
      </c>
      <c r="BP20" s="263">
        <v>4502</v>
      </c>
      <c r="BQ20" s="257">
        <v>5</v>
      </c>
      <c r="BR20" s="261">
        <v>67</v>
      </c>
      <c r="BS20" s="258">
        <v>72</v>
      </c>
      <c r="BT20" s="260">
        <v>0</v>
      </c>
      <c r="BU20" s="261">
        <v>398</v>
      </c>
      <c r="BV20" s="261">
        <v>1027</v>
      </c>
      <c r="BW20" s="261">
        <v>1668</v>
      </c>
      <c r="BX20" s="261">
        <v>1480</v>
      </c>
      <c r="BY20" s="261">
        <v>839</v>
      </c>
      <c r="BZ20" s="258">
        <v>5412</v>
      </c>
      <c r="CA20" s="263">
        <v>5484</v>
      </c>
      <c r="CB20" s="257">
        <v>0</v>
      </c>
      <c r="CC20" s="261">
        <v>0</v>
      </c>
      <c r="CD20" s="258">
        <v>0</v>
      </c>
      <c r="CE20" s="260">
        <v>0</v>
      </c>
      <c r="CF20" s="261">
        <v>3</v>
      </c>
      <c r="CG20" s="261">
        <v>7</v>
      </c>
      <c r="CH20" s="261">
        <v>42</v>
      </c>
      <c r="CI20" s="261">
        <v>49</v>
      </c>
      <c r="CJ20" s="261">
        <v>15</v>
      </c>
      <c r="CK20" s="258">
        <v>116</v>
      </c>
      <c r="CL20" s="263">
        <v>116</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2024</v>
      </c>
      <c r="H21" s="261">
        <v>2561</v>
      </c>
      <c r="I21" s="261">
        <v>3160</v>
      </c>
      <c r="J21" s="261">
        <v>3241</v>
      </c>
      <c r="K21" s="261">
        <v>3395</v>
      </c>
      <c r="L21" s="262">
        <v>14381</v>
      </c>
      <c r="M21" s="263">
        <v>14381</v>
      </c>
      <c r="N21" s="257">
        <v>2</v>
      </c>
      <c r="O21" s="261">
        <v>0</v>
      </c>
      <c r="P21" s="258">
        <v>2</v>
      </c>
      <c r="Q21" s="260">
        <v>0</v>
      </c>
      <c r="R21" s="261">
        <v>20</v>
      </c>
      <c r="S21" s="261">
        <v>15</v>
      </c>
      <c r="T21" s="261">
        <v>53</v>
      </c>
      <c r="U21" s="261">
        <v>105</v>
      </c>
      <c r="V21" s="261">
        <v>154</v>
      </c>
      <c r="W21" s="258">
        <v>347</v>
      </c>
      <c r="X21" s="263">
        <v>349</v>
      </c>
      <c r="Y21" s="257">
        <v>167</v>
      </c>
      <c r="Z21" s="261">
        <v>279</v>
      </c>
      <c r="AA21" s="258">
        <v>446</v>
      </c>
      <c r="AB21" s="260">
        <v>0</v>
      </c>
      <c r="AC21" s="261">
        <v>1523</v>
      </c>
      <c r="AD21" s="261">
        <v>1257</v>
      </c>
      <c r="AE21" s="261">
        <v>1091</v>
      </c>
      <c r="AF21" s="261">
        <v>935</v>
      </c>
      <c r="AG21" s="261">
        <v>746</v>
      </c>
      <c r="AH21" s="258">
        <v>5552</v>
      </c>
      <c r="AI21" s="263">
        <v>5998</v>
      </c>
      <c r="AJ21" s="257">
        <v>18</v>
      </c>
      <c r="AK21" s="261">
        <v>37</v>
      </c>
      <c r="AL21" s="258">
        <v>55</v>
      </c>
      <c r="AM21" s="260">
        <v>0</v>
      </c>
      <c r="AN21" s="261">
        <v>240</v>
      </c>
      <c r="AO21" s="261">
        <v>95</v>
      </c>
      <c r="AP21" s="261">
        <v>119</v>
      </c>
      <c r="AQ21" s="261">
        <v>165</v>
      </c>
      <c r="AR21" s="261">
        <v>36</v>
      </c>
      <c r="AS21" s="258">
        <v>655</v>
      </c>
      <c r="AT21" s="263">
        <v>710</v>
      </c>
      <c r="AU21" s="257">
        <v>0</v>
      </c>
      <c r="AV21" s="261">
        <v>0</v>
      </c>
      <c r="AW21" s="258">
        <v>0</v>
      </c>
      <c r="AX21" s="260">
        <v>0</v>
      </c>
      <c r="AY21" s="261">
        <v>2289</v>
      </c>
      <c r="AZ21" s="261">
        <v>2332</v>
      </c>
      <c r="BA21" s="261">
        <v>1429</v>
      </c>
      <c r="BB21" s="261">
        <v>665</v>
      </c>
      <c r="BC21" s="261">
        <v>524</v>
      </c>
      <c r="BD21" s="262">
        <v>7239</v>
      </c>
      <c r="BE21" s="263">
        <v>7239</v>
      </c>
      <c r="BF21" s="257">
        <v>0</v>
      </c>
      <c r="BG21" s="261">
        <v>0</v>
      </c>
      <c r="BH21" s="258">
        <v>0</v>
      </c>
      <c r="BI21" s="260">
        <v>0</v>
      </c>
      <c r="BJ21" s="261">
        <v>785</v>
      </c>
      <c r="BK21" s="261">
        <v>786</v>
      </c>
      <c r="BL21" s="261">
        <v>565</v>
      </c>
      <c r="BM21" s="261">
        <v>210</v>
      </c>
      <c r="BN21" s="261">
        <v>97</v>
      </c>
      <c r="BO21" s="258">
        <v>2443</v>
      </c>
      <c r="BP21" s="263">
        <v>2443</v>
      </c>
      <c r="BQ21" s="257">
        <v>0</v>
      </c>
      <c r="BR21" s="261">
        <v>11</v>
      </c>
      <c r="BS21" s="258">
        <v>11</v>
      </c>
      <c r="BT21" s="260">
        <v>0</v>
      </c>
      <c r="BU21" s="261">
        <v>101</v>
      </c>
      <c r="BV21" s="261">
        <v>380</v>
      </c>
      <c r="BW21" s="261">
        <v>398</v>
      </c>
      <c r="BX21" s="261">
        <v>282</v>
      </c>
      <c r="BY21" s="261">
        <v>134</v>
      </c>
      <c r="BZ21" s="258">
        <v>1295</v>
      </c>
      <c r="CA21" s="263">
        <v>1306</v>
      </c>
      <c r="CB21" s="257">
        <v>0</v>
      </c>
      <c r="CC21" s="261">
        <v>0</v>
      </c>
      <c r="CD21" s="258">
        <v>0</v>
      </c>
      <c r="CE21" s="260">
        <v>0</v>
      </c>
      <c r="CF21" s="261">
        <v>44</v>
      </c>
      <c r="CG21" s="261">
        <v>52</v>
      </c>
      <c r="CH21" s="261">
        <v>42</v>
      </c>
      <c r="CI21" s="261">
        <v>80</v>
      </c>
      <c r="CJ21" s="261">
        <v>24</v>
      </c>
      <c r="CK21" s="258">
        <v>242</v>
      </c>
      <c r="CL21" s="263">
        <v>242</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3137</v>
      </c>
      <c r="H22" s="261">
        <v>3195</v>
      </c>
      <c r="I22" s="261">
        <v>5723</v>
      </c>
      <c r="J22" s="261">
        <v>5735</v>
      </c>
      <c r="K22" s="261">
        <v>4613</v>
      </c>
      <c r="L22" s="262">
        <v>22403</v>
      </c>
      <c r="M22" s="263">
        <v>22403</v>
      </c>
      <c r="N22" s="257">
        <v>0</v>
      </c>
      <c r="O22" s="261">
        <v>0</v>
      </c>
      <c r="P22" s="258">
        <v>0</v>
      </c>
      <c r="Q22" s="260">
        <v>0</v>
      </c>
      <c r="R22" s="261">
        <v>13</v>
      </c>
      <c r="S22" s="261">
        <v>21</v>
      </c>
      <c r="T22" s="261">
        <v>74</v>
      </c>
      <c r="U22" s="261">
        <v>119</v>
      </c>
      <c r="V22" s="261">
        <v>212</v>
      </c>
      <c r="W22" s="258">
        <v>439</v>
      </c>
      <c r="X22" s="263">
        <v>439</v>
      </c>
      <c r="Y22" s="257">
        <v>271</v>
      </c>
      <c r="Z22" s="261">
        <v>739</v>
      </c>
      <c r="AA22" s="258">
        <v>1010</v>
      </c>
      <c r="AB22" s="260">
        <v>0</v>
      </c>
      <c r="AC22" s="261">
        <v>2395</v>
      </c>
      <c r="AD22" s="261">
        <v>1981</v>
      </c>
      <c r="AE22" s="261">
        <v>1194</v>
      </c>
      <c r="AF22" s="261">
        <v>1205</v>
      </c>
      <c r="AG22" s="261">
        <v>716</v>
      </c>
      <c r="AH22" s="258">
        <v>7491</v>
      </c>
      <c r="AI22" s="263">
        <v>8501</v>
      </c>
      <c r="AJ22" s="257">
        <v>106</v>
      </c>
      <c r="AK22" s="261">
        <v>361</v>
      </c>
      <c r="AL22" s="258">
        <v>467</v>
      </c>
      <c r="AM22" s="260">
        <v>0</v>
      </c>
      <c r="AN22" s="261">
        <v>607</v>
      </c>
      <c r="AO22" s="261">
        <v>631</v>
      </c>
      <c r="AP22" s="261">
        <v>540</v>
      </c>
      <c r="AQ22" s="261">
        <v>371</v>
      </c>
      <c r="AR22" s="261">
        <v>224</v>
      </c>
      <c r="AS22" s="258">
        <v>2373</v>
      </c>
      <c r="AT22" s="263">
        <v>2840</v>
      </c>
      <c r="AU22" s="257">
        <v>0</v>
      </c>
      <c r="AV22" s="261">
        <v>0</v>
      </c>
      <c r="AW22" s="258">
        <v>0</v>
      </c>
      <c r="AX22" s="260">
        <v>0</v>
      </c>
      <c r="AY22" s="261">
        <v>3062</v>
      </c>
      <c r="AZ22" s="261">
        <v>2578</v>
      </c>
      <c r="BA22" s="261">
        <v>1760</v>
      </c>
      <c r="BB22" s="261">
        <v>1045</v>
      </c>
      <c r="BC22" s="261">
        <v>370</v>
      </c>
      <c r="BD22" s="262">
        <v>8815</v>
      </c>
      <c r="BE22" s="263">
        <v>8815</v>
      </c>
      <c r="BF22" s="257">
        <v>0</v>
      </c>
      <c r="BG22" s="261">
        <v>0</v>
      </c>
      <c r="BH22" s="258">
        <v>0</v>
      </c>
      <c r="BI22" s="260">
        <v>0</v>
      </c>
      <c r="BJ22" s="261">
        <v>845</v>
      </c>
      <c r="BK22" s="261">
        <v>774</v>
      </c>
      <c r="BL22" s="261">
        <v>377</v>
      </c>
      <c r="BM22" s="261">
        <v>266</v>
      </c>
      <c r="BN22" s="261">
        <v>108</v>
      </c>
      <c r="BO22" s="258">
        <v>2370</v>
      </c>
      <c r="BP22" s="263">
        <v>2370</v>
      </c>
      <c r="BQ22" s="257">
        <v>5</v>
      </c>
      <c r="BR22" s="261">
        <v>-10</v>
      </c>
      <c r="BS22" s="258">
        <v>-5</v>
      </c>
      <c r="BT22" s="260">
        <v>0</v>
      </c>
      <c r="BU22" s="261">
        <v>344</v>
      </c>
      <c r="BV22" s="261">
        <v>479</v>
      </c>
      <c r="BW22" s="261">
        <v>803</v>
      </c>
      <c r="BX22" s="261">
        <v>791</v>
      </c>
      <c r="BY22" s="261">
        <v>302</v>
      </c>
      <c r="BZ22" s="258">
        <v>2719</v>
      </c>
      <c r="CA22" s="263">
        <v>2714</v>
      </c>
      <c r="CB22" s="257">
        <v>0</v>
      </c>
      <c r="CC22" s="261">
        <v>0</v>
      </c>
      <c r="CD22" s="258">
        <v>0</v>
      </c>
      <c r="CE22" s="260">
        <v>0</v>
      </c>
      <c r="CF22" s="261">
        <v>28</v>
      </c>
      <c r="CG22" s="261">
        <v>15</v>
      </c>
      <c r="CH22" s="261">
        <v>43</v>
      </c>
      <c r="CI22" s="261">
        <v>34</v>
      </c>
      <c r="CJ22" s="261">
        <v>20</v>
      </c>
      <c r="CK22" s="258">
        <v>140</v>
      </c>
      <c r="CL22" s="263">
        <v>140</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2788</v>
      </c>
      <c r="H23" s="261">
        <v>6294</v>
      </c>
      <c r="I23" s="261">
        <v>5856</v>
      </c>
      <c r="J23" s="261">
        <v>7592</v>
      </c>
      <c r="K23" s="261">
        <v>5520</v>
      </c>
      <c r="L23" s="262">
        <v>28050</v>
      </c>
      <c r="M23" s="263">
        <v>28050</v>
      </c>
      <c r="N23" s="257">
        <v>0</v>
      </c>
      <c r="O23" s="261">
        <v>0</v>
      </c>
      <c r="P23" s="258">
        <v>0</v>
      </c>
      <c r="Q23" s="260">
        <v>0</v>
      </c>
      <c r="R23" s="261">
        <v>1</v>
      </c>
      <c r="S23" s="261">
        <v>24</v>
      </c>
      <c r="T23" s="261">
        <v>59</v>
      </c>
      <c r="U23" s="261">
        <v>145</v>
      </c>
      <c r="V23" s="261">
        <v>221</v>
      </c>
      <c r="W23" s="258">
        <v>450</v>
      </c>
      <c r="X23" s="263">
        <v>450</v>
      </c>
      <c r="Y23" s="257">
        <v>326</v>
      </c>
      <c r="Z23" s="261">
        <v>759</v>
      </c>
      <c r="AA23" s="258">
        <v>1085</v>
      </c>
      <c r="AB23" s="260">
        <v>0</v>
      </c>
      <c r="AC23" s="261">
        <v>1837</v>
      </c>
      <c r="AD23" s="261">
        <v>2894</v>
      </c>
      <c r="AE23" s="261">
        <v>1768</v>
      </c>
      <c r="AF23" s="261">
        <v>1404</v>
      </c>
      <c r="AG23" s="261">
        <v>1042</v>
      </c>
      <c r="AH23" s="258">
        <v>8945</v>
      </c>
      <c r="AI23" s="263">
        <v>10030</v>
      </c>
      <c r="AJ23" s="257">
        <v>151</v>
      </c>
      <c r="AK23" s="261">
        <v>272</v>
      </c>
      <c r="AL23" s="258">
        <v>423</v>
      </c>
      <c r="AM23" s="260">
        <v>0</v>
      </c>
      <c r="AN23" s="261">
        <v>218</v>
      </c>
      <c r="AO23" s="261">
        <v>449</v>
      </c>
      <c r="AP23" s="261">
        <v>275</v>
      </c>
      <c r="AQ23" s="261">
        <v>161</v>
      </c>
      <c r="AR23" s="261">
        <v>85</v>
      </c>
      <c r="AS23" s="258">
        <v>1188</v>
      </c>
      <c r="AT23" s="263">
        <v>1611</v>
      </c>
      <c r="AU23" s="257">
        <v>0</v>
      </c>
      <c r="AV23" s="261">
        <v>0</v>
      </c>
      <c r="AW23" s="258">
        <v>0</v>
      </c>
      <c r="AX23" s="260">
        <v>0</v>
      </c>
      <c r="AY23" s="261">
        <v>2673</v>
      </c>
      <c r="AZ23" s="261">
        <v>3302</v>
      </c>
      <c r="BA23" s="261">
        <v>2286</v>
      </c>
      <c r="BB23" s="261">
        <v>1192</v>
      </c>
      <c r="BC23" s="261">
        <v>365</v>
      </c>
      <c r="BD23" s="262">
        <v>9818</v>
      </c>
      <c r="BE23" s="263">
        <v>9818</v>
      </c>
      <c r="BF23" s="257">
        <v>0</v>
      </c>
      <c r="BG23" s="261">
        <v>0</v>
      </c>
      <c r="BH23" s="258">
        <v>0</v>
      </c>
      <c r="BI23" s="260">
        <v>0</v>
      </c>
      <c r="BJ23" s="261">
        <v>379</v>
      </c>
      <c r="BK23" s="261">
        <v>492</v>
      </c>
      <c r="BL23" s="261">
        <v>258</v>
      </c>
      <c r="BM23" s="261">
        <v>137</v>
      </c>
      <c r="BN23" s="261">
        <v>60</v>
      </c>
      <c r="BO23" s="258">
        <v>1326</v>
      </c>
      <c r="BP23" s="263">
        <v>1326</v>
      </c>
      <c r="BQ23" s="257">
        <v>3</v>
      </c>
      <c r="BR23" s="261">
        <v>12</v>
      </c>
      <c r="BS23" s="258">
        <v>15</v>
      </c>
      <c r="BT23" s="260">
        <v>0</v>
      </c>
      <c r="BU23" s="261">
        <v>169</v>
      </c>
      <c r="BV23" s="261">
        <v>379</v>
      </c>
      <c r="BW23" s="261">
        <v>1045</v>
      </c>
      <c r="BX23" s="261">
        <v>1033</v>
      </c>
      <c r="BY23" s="261">
        <v>511</v>
      </c>
      <c r="BZ23" s="258">
        <v>3137</v>
      </c>
      <c r="CA23" s="263">
        <v>3152</v>
      </c>
      <c r="CB23" s="257">
        <v>0</v>
      </c>
      <c r="CC23" s="261">
        <v>0</v>
      </c>
      <c r="CD23" s="258">
        <v>0</v>
      </c>
      <c r="CE23" s="260">
        <v>0</v>
      </c>
      <c r="CF23" s="261">
        <v>12</v>
      </c>
      <c r="CG23" s="261">
        <v>50</v>
      </c>
      <c r="CH23" s="261">
        <v>20</v>
      </c>
      <c r="CI23" s="261">
        <v>14</v>
      </c>
      <c r="CJ23" s="261">
        <v>3</v>
      </c>
      <c r="CK23" s="258">
        <v>99</v>
      </c>
      <c r="CL23" s="263">
        <v>99</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877</v>
      </c>
      <c r="H24" s="261">
        <v>998</v>
      </c>
      <c r="I24" s="261">
        <v>806</v>
      </c>
      <c r="J24" s="261">
        <v>1621</v>
      </c>
      <c r="K24" s="261">
        <v>1686</v>
      </c>
      <c r="L24" s="262">
        <v>5988</v>
      </c>
      <c r="M24" s="263">
        <v>5988</v>
      </c>
      <c r="N24" s="257">
        <v>0</v>
      </c>
      <c r="O24" s="261">
        <v>0</v>
      </c>
      <c r="P24" s="258">
        <v>0</v>
      </c>
      <c r="Q24" s="260">
        <v>0</v>
      </c>
      <c r="R24" s="261">
        <v>19</v>
      </c>
      <c r="S24" s="261">
        <v>6</v>
      </c>
      <c r="T24" s="261">
        <v>9</v>
      </c>
      <c r="U24" s="261">
        <v>44</v>
      </c>
      <c r="V24" s="261">
        <v>128</v>
      </c>
      <c r="W24" s="258">
        <v>206</v>
      </c>
      <c r="X24" s="263">
        <v>206</v>
      </c>
      <c r="Y24" s="257">
        <v>25</v>
      </c>
      <c r="Z24" s="261">
        <v>29</v>
      </c>
      <c r="AA24" s="258">
        <v>54</v>
      </c>
      <c r="AB24" s="260">
        <v>0</v>
      </c>
      <c r="AC24" s="261">
        <v>347</v>
      </c>
      <c r="AD24" s="261">
        <v>592</v>
      </c>
      <c r="AE24" s="261">
        <v>357</v>
      </c>
      <c r="AF24" s="261">
        <v>437</v>
      </c>
      <c r="AG24" s="261">
        <v>350</v>
      </c>
      <c r="AH24" s="258">
        <v>2083</v>
      </c>
      <c r="AI24" s="263">
        <v>2137</v>
      </c>
      <c r="AJ24" s="257">
        <v>0</v>
      </c>
      <c r="AK24" s="261">
        <v>12</v>
      </c>
      <c r="AL24" s="258">
        <v>12</v>
      </c>
      <c r="AM24" s="260">
        <v>0</v>
      </c>
      <c r="AN24" s="261">
        <v>121</v>
      </c>
      <c r="AO24" s="261">
        <v>117</v>
      </c>
      <c r="AP24" s="261">
        <v>66</v>
      </c>
      <c r="AQ24" s="261">
        <v>53</v>
      </c>
      <c r="AR24" s="261">
        <v>38</v>
      </c>
      <c r="AS24" s="258">
        <v>395</v>
      </c>
      <c r="AT24" s="263">
        <v>407</v>
      </c>
      <c r="AU24" s="257">
        <v>0</v>
      </c>
      <c r="AV24" s="261">
        <v>0</v>
      </c>
      <c r="AW24" s="258">
        <v>0</v>
      </c>
      <c r="AX24" s="260">
        <v>0</v>
      </c>
      <c r="AY24" s="261">
        <v>856</v>
      </c>
      <c r="AZ24" s="261">
        <v>1097</v>
      </c>
      <c r="BA24" s="261">
        <v>719</v>
      </c>
      <c r="BB24" s="261">
        <v>341</v>
      </c>
      <c r="BC24" s="261">
        <v>231</v>
      </c>
      <c r="BD24" s="262">
        <v>3244</v>
      </c>
      <c r="BE24" s="263">
        <v>3244</v>
      </c>
      <c r="BF24" s="257">
        <v>0</v>
      </c>
      <c r="BG24" s="261">
        <v>0</v>
      </c>
      <c r="BH24" s="258">
        <v>0</v>
      </c>
      <c r="BI24" s="260">
        <v>0</v>
      </c>
      <c r="BJ24" s="261">
        <v>169</v>
      </c>
      <c r="BK24" s="261">
        <v>280</v>
      </c>
      <c r="BL24" s="261">
        <v>86</v>
      </c>
      <c r="BM24" s="261">
        <v>68</v>
      </c>
      <c r="BN24" s="261">
        <v>44</v>
      </c>
      <c r="BO24" s="258">
        <v>647</v>
      </c>
      <c r="BP24" s="263">
        <v>647</v>
      </c>
      <c r="BQ24" s="257">
        <v>0</v>
      </c>
      <c r="BR24" s="261">
        <v>10</v>
      </c>
      <c r="BS24" s="258">
        <v>10</v>
      </c>
      <c r="BT24" s="260">
        <v>0</v>
      </c>
      <c r="BU24" s="261">
        <v>114</v>
      </c>
      <c r="BV24" s="261">
        <v>112</v>
      </c>
      <c r="BW24" s="261">
        <v>289</v>
      </c>
      <c r="BX24" s="261">
        <v>330</v>
      </c>
      <c r="BY24" s="261">
        <v>158</v>
      </c>
      <c r="BZ24" s="258">
        <v>1003</v>
      </c>
      <c r="CA24" s="263">
        <v>1013</v>
      </c>
      <c r="CB24" s="257">
        <v>0</v>
      </c>
      <c r="CC24" s="261">
        <v>0</v>
      </c>
      <c r="CD24" s="258">
        <v>0</v>
      </c>
      <c r="CE24" s="260">
        <v>0</v>
      </c>
      <c r="CF24" s="261">
        <v>6</v>
      </c>
      <c r="CG24" s="261">
        <v>4</v>
      </c>
      <c r="CH24" s="261">
        <v>36</v>
      </c>
      <c r="CI24" s="261">
        <v>59</v>
      </c>
      <c r="CJ24" s="261">
        <v>6</v>
      </c>
      <c r="CK24" s="258">
        <v>111</v>
      </c>
      <c r="CL24" s="263">
        <v>111</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2025</v>
      </c>
      <c r="H25" s="261">
        <v>2118</v>
      </c>
      <c r="I25" s="261">
        <v>2701</v>
      </c>
      <c r="J25" s="261">
        <v>3362</v>
      </c>
      <c r="K25" s="261">
        <v>2520</v>
      </c>
      <c r="L25" s="262">
        <v>12726</v>
      </c>
      <c r="M25" s="263">
        <v>12726</v>
      </c>
      <c r="N25" s="257">
        <v>0</v>
      </c>
      <c r="O25" s="261">
        <v>0</v>
      </c>
      <c r="P25" s="258">
        <v>0</v>
      </c>
      <c r="Q25" s="260">
        <v>0</v>
      </c>
      <c r="R25" s="261">
        <v>9</v>
      </c>
      <c r="S25" s="261">
        <v>11</v>
      </c>
      <c r="T25" s="261">
        <v>24</v>
      </c>
      <c r="U25" s="261">
        <v>94</v>
      </c>
      <c r="V25" s="261">
        <v>114</v>
      </c>
      <c r="W25" s="258">
        <v>252</v>
      </c>
      <c r="X25" s="263">
        <v>252</v>
      </c>
      <c r="Y25" s="257">
        <v>193</v>
      </c>
      <c r="Z25" s="261">
        <v>583</v>
      </c>
      <c r="AA25" s="258">
        <v>776</v>
      </c>
      <c r="AB25" s="260">
        <v>0</v>
      </c>
      <c r="AC25" s="261">
        <v>1056</v>
      </c>
      <c r="AD25" s="261">
        <v>1813</v>
      </c>
      <c r="AE25" s="261">
        <v>879</v>
      </c>
      <c r="AF25" s="261">
        <v>911</v>
      </c>
      <c r="AG25" s="261">
        <v>525</v>
      </c>
      <c r="AH25" s="258">
        <v>5184</v>
      </c>
      <c r="AI25" s="263">
        <v>5960</v>
      </c>
      <c r="AJ25" s="257">
        <v>50</v>
      </c>
      <c r="AK25" s="261">
        <v>114</v>
      </c>
      <c r="AL25" s="258">
        <v>164</v>
      </c>
      <c r="AM25" s="260">
        <v>0</v>
      </c>
      <c r="AN25" s="261">
        <v>114</v>
      </c>
      <c r="AO25" s="261">
        <v>239</v>
      </c>
      <c r="AP25" s="261">
        <v>111</v>
      </c>
      <c r="AQ25" s="261">
        <v>115</v>
      </c>
      <c r="AR25" s="261">
        <v>102</v>
      </c>
      <c r="AS25" s="258">
        <v>681</v>
      </c>
      <c r="AT25" s="263">
        <v>845</v>
      </c>
      <c r="AU25" s="257">
        <v>0</v>
      </c>
      <c r="AV25" s="261">
        <v>0</v>
      </c>
      <c r="AW25" s="258">
        <v>0</v>
      </c>
      <c r="AX25" s="260">
        <v>0</v>
      </c>
      <c r="AY25" s="261">
        <v>2607</v>
      </c>
      <c r="AZ25" s="261">
        <v>2395</v>
      </c>
      <c r="BA25" s="261">
        <v>1573</v>
      </c>
      <c r="BB25" s="261">
        <v>935</v>
      </c>
      <c r="BC25" s="261">
        <v>348</v>
      </c>
      <c r="BD25" s="262">
        <v>7858</v>
      </c>
      <c r="BE25" s="263">
        <v>7858</v>
      </c>
      <c r="BF25" s="257">
        <v>0</v>
      </c>
      <c r="BG25" s="261">
        <v>0</v>
      </c>
      <c r="BH25" s="258">
        <v>0</v>
      </c>
      <c r="BI25" s="260">
        <v>0</v>
      </c>
      <c r="BJ25" s="261">
        <v>260</v>
      </c>
      <c r="BK25" s="261">
        <v>369</v>
      </c>
      <c r="BL25" s="261">
        <v>289</v>
      </c>
      <c r="BM25" s="261">
        <v>200</v>
      </c>
      <c r="BN25" s="261">
        <v>50</v>
      </c>
      <c r="BO25" s="258">
        <v>1168</v>
      </c>
      <c r="BP25" s="263">
        <v>1168</v>
      </c>
      <c r="BQ25" s="257">
        <v>6</v>
      </c>
      <c r="BR25" s="261">
        <v>9</v>
      </c>
      <c r="BS25" s="258">
        <v>15</v>
      </c>
      <c r="BT25" s="260">
        <v>0</v>
      </c>
      <c r="BU25" s="261">
        <v>134</v>
      </c>
      <c r="BV25" s="261">
        <v>287</v>
      </c>
      <c r="BW25" s="261">
        <v>561</v>
      </c>
      <c r="BX25" s="261">
        <v>372</v>
      </c>
      <c r="BY25" s="261">
        <v>260</v>
      </c>
      <c r="BZ25" s="258">
        <v>1614</v>
      </c>
      <c r="CA25" s="263">
        <v>1629</v>
      </c>
      <c r="CB25" s="257">
        <v>3</v>
      </c>
      <c r="CC25" s="261">
        <v>0</v>
      </c>
      <c r="CD25" s="258">
        <v>3</v>
      </c>
      <c r="CE25" s="260">
        <v>0</v>
      </c>
      <c r="CF25" s="261">
        <v>3</v>
      </c>
      <c r="CG25" s="261">
        <v>8</v>
      </c>
      <c r="CH25" s="261">
        <v>9</v>
      </c>
      <c r="CI25" s="261">
        <v>27</v>
      </c>
      <c r="CJ25" s="261">
        <v>24</v>
      </c>
      <c r="CK25" s="258">
        <v>71</v>
      </c>
      <c r="CL25" s="263">
        <v>74</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907</v>
      </c>
      <c r="H26" s="261">
        <v>1100</v>
      </c>
      <c r="I26" s="261">
        <v>1871</v>
      </c>
      <c r="J26" s="261">
        <v>1327</v>
      </c>
      <c r="K26" s="261">
        <v>1957</v>
      </c>
      <c r="L26" s="262">
        <v>7162</v>
      </c>
      <c r="M26" s="263">
        <v>7162</v>
      </c>
      <c r="N26" s="257">
        <v>0</v>
      </c>
      <c r="O26" s="261">
        <v>0</v>
      </c>
      <c r="P26" s="258">
        <v>0</v>
      </c>
      <c r="Q26" s="260">
        <v>0</v>
      </c>
      <c r="R26" s="261">
        <v>5</v>
      </c>
      <c r="S26" s="261">
        <v>8</v>
      </c>
      <c r="T26" s="261">
        <v>10</v>
      </c>
      <c r="U26" s="261">
        <v>64</v>
      </c>
      <c r="V26" s="261">
        <v>112</v>
      </c>
      <c r="W26" s="258">
        <v>199</v>
      </c>
      <c r="X26" s="263">
        <v>199</v>
      </c>
      <c r="Y26" s="257">
        <v>108</v>
      </c>
      <c r="Z26" s="261">
        <v>171</v>
      </c>
      <c r="AA26" s="258">
        <v>279</v>
      </c>
      <c r="AB26" s="260">
        <v>0</v>
      </c>
      <c r="AC26" s="261">
        <v>522</v>
      </c>
      <c r="AD26" s="261">
        <v>611</v>
      </c>
      <c r="AE26" s="261">
        <v>284</v>
      </c>
      <c r="AF26" s="261">
        <v>438</v>
      </c>
      <c r="AG26" s="261">
        <v>303</v>
      </c>
      <c r="AH26" s="258">
        <v>2158</v>
      </c>
      <c r="AI26" s="263">
        <v>2437</v>
      </c>
      <c r="AJ26" s="257">
        <v>0</v>
      </c>
      <c r="AK26" s="261">
        <v>10</v>
      </c>
      <c r="AL26" s="258">
        <v>10</v>
      </c>
      <c r="AM26" s="260">
        <v>0</v>
      </c>
      <c r="AN26" s="261">
        <v>46</v>
      </c>
      <c r="AO26" s="261">
        <v>76</v>
      </c>
      <c r="AP26" s="261">
        <v>24</v>
      </c>
      <c r="AQ26" s="261">
        <v>26</v>
      </c>
      <c r="AR26" s="261">
        <v>44</v>
      </c>
      <c r="AS26" s="258">
        <v>216</v>
      </c>
      <c r="AT26" s="263">
        <v>226</v>
      </c>
      <c r="AU26" s="257">
        <v>0</v>
      </c>
      <c r="AV26" s="261">
        <v>0</v>
      </c>
      <c r="AW26" s="258">
        <v>0</v>
      </c>
      <c r="AX26" s="260">
        <v>0</v>
      </c>
      <c r="AY26" s="261">
        <v>946</v>
      </c>
      <c r="AZ26" s="261">
        <v>790</v>
      </c>
      <c r="BA26" s="261">
        <v>410</v>
      </c>
      <c r="BB26" s="261">
        <v>209</v>
      </c>
      <c r="BC26" s="261">
        <v>91</v>
      </c>
      <c r="BD26" s="262">
        <v>2446</v>
      </c>
      <c r="BE26" s="263">
        <v>2446</v>
      </c>
      <c r="BF26" s="257">
        <v>0</v>
      </c>
      <c r="BG26" s="261">
        <v>0</v>
      </c>
      <c r="BH26" s="258">
        <v>0</v>
      </c>
      <c r="BI26" s="260">
        <v>0</v>
      </c>
      <c r="BJ26" s="261">
        <v>382</v>
      </c>
      <c r="BK26" s="261">
        <v>283</v>
      </c>
      <c r="BL26" s="261">
        <v>182</v>
      </c>
      <c r="BM26" s="261">
        <v>94</v>
      </c>
      <c r="BN26" s="261">
        <v>120</v>
      </c>
      <c r="BO26" s="258">
        <v>1061</v>
      </c>
      <c r="BP26" s="263">
        <v>1061</v>
      </c>
      <c r="BQ26" s="257">
        <v>4</v>
      </c>
      <c r="BR26" s="261">
        <v>2</v>
      </c>
      <c r="BS26" s="258">
        <v>6</v>
      </c>
      <c r="BT26" s="260">
        <v>0</v>
      </c>
      <c r="BU26" s="261">
        <v>104</v>
      </c>
      <c r="BV26" s="261">
        <v>136</v>
      </c>
      <c r="BW26" s="261">
        <v>196</v>
      </c>
      <c r="BX26" s="261">
        <v>263</v>
      </c>
      <c r="BY26" s="261">
        <v>75</v>
      </c>
      <c r="BZ26" s="258">
        <v>774</v>
      </c>
      <c r="CA26" s="263">
        <v>780</v>
      </c>
      <c r="CB26" s="257">
        <v>0</v>
      </c>
      <c r="CC26" s="261">
        <v>0</v>
      </c>
      <c r="CD26" s="258">
        <v>0</v>
      </c>
      <c r="CE26" s="260">
        <v>0</v>
      </c>
      <c r="CF26" s="261">
        <v>8</v>
      </c>
      <c r="CG26" s="261">
        <v>0</v>
      </c>
      <c r="CH26" s="261">
        <v>5</v>
      </c>
      <c r="CI26" s="261">
        <v>14</v>
      </c>
      <c r="CJ26" s="261">
        <v>5</v>
      </c>
      <c r="CK26" s="258">
        <v>32</v>
      </c>
      <c r="CL26" s="263">
        <v>32</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1076</v>
      </c>
      <c r="H27" s="261">
        <v>1595</v>
      </c>
      <c r="I27" s="261">
        <v>2107</v>
      </c>
      <c r="J27" s="261">
        <v>2145</v>
      </c>
      <c r="K27" s="261">
        <v>1850</v>
      </c>
      <c r="L27" s="262">
        <v>8773</v>
      </c>
      <c r="M27" s="263">
        <v>8773</v>
      </c>
      <c r="N27" s="257">
        <v>0</v>
      </c>
      <c r="O27" s="261">
        <v>0</v>
      </c>
      <c r="P27" s="258">
        <v>0</v>
      </c>
      <c r="Q27" s="260">
        <v>0</v>
      </c>
      <c r="R27" s="261">
        <v>10</v>
      </c>
      <c r="S27" s="261">
        <v>35</v>
      </c>
      <c r="T27" s="261">
        <v>57</v>
      </c>
      <c r="U27" s="261">
        <v>88</v>
      </c>
      <c r="V27" s="261">
        <v>112</v>
      </c>
      <c r="W27" s="258">
        <v>302</v>
      </c>
      <c r="X27" s="263">
        <v>302</v>
      </c>
      <c r="Y27" s="257">
        <v>93</v>
      </c>
      <c r="Z27" s="261">
        <v>262</v>
      </c>
      <c r="AA27" s="258">
        <v>355</v>
      </c>
      <c r="AB27" s="260">
        <v>0</v>
      </c>
      <c r="AC27" s="261">
        <v>600</v>
      </c>
      <c r="AD27" s="261">
        <v>779</v>
      </c>
      <c r="AE27" s="261">
        <v>381</v>
      </c>
      <c r="AF27" s="261">
        <v>267</v>
      </c>
      <c r="AG27" s="261">
        <v>231</v>
      </c>
      <c r="AH27" s="258">
        <v>2258</v>
      </c>
      <c r="AI27" s="263">
        <v>2613</v>
      </c>
      <c r="AJ27" s="257">
        <v>4</v>
      </c>
      <c r="AK27" s="261">
        <v>56</v>
      </c>
      <c r="AL27" s="258">
        <v>60</v>
      </c>
      <c r="AM27" s="260">
        <v>0</v>
      </c>
      <c r="AN27" s="261">
        <v>34</v>
      </c>
      <c r="AO27" s="261">
        <v>139</v>
      </c>
      <c r="AP27" s="261">
        <v>62</v>
      </c>
      <c r="AQ27" s="261">
        <v>45</v>
      </c>
      <c r="AR27" s="261">
        <v>42</v>
      </c>
      <c r="AS27" s="258">
        <v>322</v>
      </c>
      <c r="AT27" s="263">
        <v>382</v>
      </c>
      <c r="AU27" s="257">
        <v>0</v>
      </c>
      <c r="AV27" s="261">
        <v>0</v>
      </c>
      <c r="AW27" s="258">
        <v>0</v>
      </c>
      <c r="AX27" s="260">
        <v>0</v>
      </c>
      <c r="AY27" s="261">
        <v>1394</v>
      </c>
      <c r="AZ27" s="261">
        <v>979</v>
      </c>
      <c r="BA27" s="261">
        <v>647</v>
      </c>
      <c r="BB27" s="261">
        <v>466</v>
      </c>
      <c r="BC27" s="261">
        <v>85</v>
      </c>
      <c r="BD27" s="262">
        <v>3571</v>
      </c>
      <c r="BE27" s="263">
        <v>3571</v>
      </c>
      <c r="BF27" s="257">
        <v>0</v>
      </c>
      <c r="BG27" s="261">
        <v>0</v>
      </c>
      <c r="BH27" s="258">
        <v>0</v>
      </c>
      <c r="BI27" s="260">
        <v>0</v>
      </c>
      <c r="BJ27" s="261">
        <v>287</v>
      </c>
      <c r="BK27" s="261">
        <v>450</v>
      </c>
      <c r="BL27" s="261">
        <v>207</v>
      </c>
      <c r="BM27" s="261">
        <v>135</v>
      </c>
      <c r="BN27" s="261">
        <v>30</v>
      </c>
      <c r="BO27" s="258">
        <v>1109</v>
      </c>
      <c r="BP27" s="263">
        <v>1109</v>
      </c>
      <c r="BQ27" s="257">
        <v>1</v>
      </c>
      <c r="BR27" s="261">
        <v>0</v>
      </c>
      <c r="BS27" s="258">
        <v>1</v>
      </c>
      <c r="BT27" s="260">
        <v>0</v>
      </c>
      <c r="BU27" s="261">
        <v>105</v>
      </c>
      <c r="BV27" s="261">
        <v>168</v>
      </c>
      <c r="BW27" s="261">
        <v>226</v>
      </c>
      <c r="BX27" s="261">
        <v>133</v>
      </c>
      <c r="BY27" s="261">
        <v>9</v>
      </c>
      <c r="BZ27" s="258">
        <v>641</v>
      </c>
      <c r="CA27" s="263">
        <v>642</v>
      </c>
      <c r="CB27" s="257">
        <v>0</v>
      </c>
      <c r="CC27" s="261">
        <v>0</v>
      </c>
      <c r="CD27" s="258">
        <v>0</v>
      </c>
      <c r="CE27" s="260">
        <v>0</v>
      </c>
      <c r="CF27" s="261">
        <v>14</v>
      </c>
      <c r="CG27" s="261">
        <v>36</v>
      </c>
      <c r="CH27" s="261">
        <v>3</v>
      </c>
      <c r="CI27" s="261">
        <v>29</v>
      </c>
      <c r="CJ27" s="261">
        <v>27</v>
      </c>
      <c r="CK27" s="258">
        <v>109</v>
      </c>
      <c r="CL27" s="263">
        <v>109</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815</v>
      </c>
      <c r="H28" s="261">
        <v>1265</v>
      </c>
      <c r="I28" s="261">
        <v>1444</v>
      </c>
      <c r="J28" s="261">
        <v>1668</v>
      </c>
      <c r="K28" s="261">
        <v>1660</v>
      </c>
      <c r="L28" s="262">
        <v>6852</v>
      </c>
      <c r="M28" s="263">
        <v>6852</v>
      </c>
      <c r="N28" s="257">
        <v>0</v>
      </c>
      <c r="O28" s="261">
        <v>0</v>
      </c>
      <c r="P28" s="258">
        <v>0</v>
      </c>
      <c r="Q28" s="260">
        <v>0</v>
      </c>
      <c r="R28" s="261">
        <v>0</v>
      </c>
      <c r="S28" s="261">
        <v>2</v>
      </c>
      <c r="T28" s="261">
        <v>16</v>
      </c>
      <c r="U28" s="261">
        <v>37</v>
      </c>
      <c r="V28" s="261">
        <v>95</v>
      </c>
      <c r="W28" s="258">
        <v>150</v>
      </c>
      <c r="X28" s="263">
        <v>150</v>
      </c>
      <c r="Y28" s="257">
        <v>36</v>
      </c>
      <c r="Z28" s="261">
        <v>92</v>
      </c>
      <c r="AA28" s="258">
        <v>128</v>
      </c>
      <c r="AB28" s="260">
        <v>0</v>
      </c>
      <c r="AC28" s="261">
        <v>400</v>
      </c>
      <c r="AD28" s="261">
        <v>508</v>
      </c>
      <c r="AE28" s="261">
        <v>344</v>
      </c>
      <c r="AF28" s="261">
        <v>324</v>
      </c>
      <c r="AG28" s="261">
        <v>318</v>
      </c>
      <c r="AH28" s="258">
        <v>1894</v>
      </c>
      <c r="AI28" s="263">
        <v>2022</v>
      </c>
      <c r="AJ28" s="257">
        <v>0</v>
      </c>
      <c r="AK28" s="261">
        <v>24</v>
      </c>
      <c r="AL28" s="258">
        <v>24</v>
      </c>
      <c r="AM28" s="260">
        <v>0</v>
      </c>
      <c r="AN28" s="261">
        <v>0</v>
      </c>
      <c r="AO28" s="261">
        <v>27</v>
      </c>
      <c r="AP28" s="261">
        <v>101</v>
      </c>
      <c r="AQ28" s="261">
        <v>26</v>
      </c>
      <c r="AR28" s="261">
        <v>38</v>
      </c>
      <c r="AS28" s="258">
        <v>192</v>
      </c>
      <c r="AT28" s="263">
        <v>216</v>
      </c>
      <c r="AU28" s="257">
        <v>0</v>
      </c>
      <c r="AV28" s="261">
        <v>0</v>
      </c>
      <c r="AW28" s="258">
        <v>0</v>
      </c>
      <c r="AX28" s="260">
        <v>0</v>
      </c>
      <c r="AY28" s="261">
        <v>996</v>
      </c>
      <c r="AZ28" s="261">
        <v>829</v>
      </c>
      <c r="BA28" s="261">
        <v>523</v>
      </c>
      <c r="BB28" s="261">
        <v>228</v>
      </c>
      <c r="BC28" s="261">
        <v>222</v>
      </c>
      <c r="BD28" s="262">
        <v>2798</v>
      </c>
      <c r="BE28" s="263">
        <v>2798</v>
      </c>
      <c r="BF28" s="257">
        <v>0</v>
      </c>
      <c r="BG28" s="261">
        <v>0</v>
      </c>
      <c r="BH28" s="258">
        <v>0</v>
      </c>
      <c r="BI28" s="260">
        <v>0</v>
      </c>
      <c r="BJ28" s="261">
        <v>124</v>
      </c>
      <c r="BK28" s="261">
        <v>162</v>
      </c>
      <c r="BL28" s="261">
        <v>100</v>
      </c>
      <c r="BM28" s="261">
        <v>65</v>
      </c>
      <c r="BN28" s="261">
        <v>44</v>
      </c>
      <c r="BO28" s="258">
        <v>495</v>
      </c>
      <c r="BP28" s="263">
        <v>495</v>
      </c>
      <c r="BQ28" s="257">
        <v>0</v>
      </c>
      <c r="BR28" s="261">
        <v>0</v>
      </c>
      <c r="BS28" s="258">
        <v>0</v>
      </c>
      <c r="BT28" s="260">
        <v>0</v>
      </c>
      <c r="BU28" s="261">
        <v>125</v>
      </c>
      <c r="BV28" s="261">
        <v>171</v>
      </c>
      <c r="BW28" s="261">
        <v>213</v>
      </c>
      <c r="BX28" s="261">
        <v>220</v>
      </c>
      <c r="BY28" s="261">
        <v>148</v>
      </c>
      <c r="BZ28" s="258">
        <v>877</v>
      </c>
      <c r="CA28" s="263">
        <v>877</v>
      </c>
      <c r="CB28" s="257">
        <v>0</v>
      </c>
      <c r="CC28" s="261">
        <v>0</v>
      </c>
      <c r="CD28" s="258">
        <v>0</v>
      </c>
      <c r="CE28" s="260">
        <v>0</v>
      </c>
      <c r="CF28" s="261">
        <v>20</v>
      </c>
      <c r="CG28" s="261">
        <v>6</v>
      </c>
      <c r="CH28" s="261">
        <v>8</v>
      </c>
      <c r="CI28" s="261">
        <v>15</v>
      </c>
      <c r="CJ28" s="261">
        <v>13</v>
      </c>
      <c r="CK28" s="258">
        <v>62</v>
      </c>
      <c r="CL28" s="263">
        <v>62</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728</v>
      </c>
      <c r="H29" s="261">
        <v>726</v>
      </c>
      <c r="I29" s="261">
        <v>1259</v>
      </c>
      <c r="J29" s="261">
        <v>806</v>
      </c>
      <c r="K29" s="261">
        <v>1593</v>
      </c>
      <c r="L29" s="262">
        <v>5112</v>
      </c>
      <c r="M29" s="263">
        <v>5112</v>
      </c>
      <c r="N29" s="257">
        <v>0</v>
      </c>
      <c r="O29" s="261">
        <v>0</v>
      </c>
      <c r="P29" s="258">
        <v>0</v>
      </c>
      <c r="Q29" s="260">
        <v>0</v>
      </c>
      <c r="R29" s="261">
        <v>4</v>
      </c>
      <c r="S29" s="261">
        <v>25</v>
      </c>
      <c r="T29" s="261">
        <v>19</v>
      </c>
      <c r="U29" s="261">
        <v>41</v>
      </c>
      <c r="V29" s="261">
        <v>107</v>
      </c>
      <c r="W29" s="258">
        <v>196</v>
      </c>
      <c r="X29" s="263">
        <v>196</v>
      </c>
      <c r="Y29" s="257">
        <v>96</v>
      </c>
      <c r="Z29" s="261">
        <v>238</v>
      </c>
      <c r="AA29" s="258">
        <v>334</v>
      </c>
      <c r="AB29" s="260">
        <v>0</v>
      </c>
      <c r="AC29" s="261">
        <v>224</v>
      </c>
      <c r="AD29" s="261">
        <v>443</v>
      </c>
      <c r="AE29" s="261">
        <v>323</v>
      </c>
      <c r="AF29" s="261">
        <v>251</v>
      </c>
      <c r="AG29" s="261">
        <v>351</v>
      </c>
      <c r="AH29" s="258">
        <v>1592</v>
      </c>
      <c r="AI29" s="263">
        <v>1926</v>
      </c>
      <c r="AJ29" s="257">
        <v>15</v>
      </c>
      <c r="AK29" s="261">
        <v>20</v>
      </c>
      <c r="AL29" s="258">
        <v>35</v>
      </c>
      <c r="AM29" s="260">
        <v>0</v>
      </c>
      <c r="AN29" s="261">
        <v>9</v>
      </c>
      <c r="AO29" s="261">
        <v>24</v>
      </c>
      <c r="AP29" s="261">
        <v>12</v>
      </c>
      <c r="AQ29" s="261">
        <v>0</v>
      </c>
      <c r="AR29" s="261">
        <v>15</v>
      </c>
      <c r="AS29" s="258">
        <v>60</v>
      </c>
      <c r="AT29" s="263">
        <v>95</v>
      </c>
      <c r="AU29" s="257">
        <v>0</v>
      </c>
      <c r="AV29" s="261">
        <v>0</v>
      </c>
      <c r="AW29" s="258">
        <v>0</v>
      </c>
      <c r="AX29" s="260">
        <v>0</v>
      </c>
      <c r="AY29" s="261">
        <v>1067</v>
      </c>
      <c r="AZ29" s="261">
        <v>574</v>
      </c>
      <c r="BA29" s="261">
        <v>260</v>
      </c>
      <c r="BB29" s="261">
        <v>245</v>
      </c>
      <c r="BC29" s="261">
        <v>150</v>
      </c>
      <c r="BD29" s="262">
        <v>2296</v>
      </c>
      <c r="BE29" s="263">
        <v>2296</v>
      </c>
      <c r="BF29" s="257">
        <v>0</v>
      </c>
      <c r="BG29" s="261">
        <v>0</v>
      </c>
      <c r="BH29" s="258">
        <v>0</v>
      </c>
      <c r="BI29" s="260">
        <v>0</v>
      </c>
      <c r="BJ29" s="261">
        <v>137</v>
      </c>
      <c r="BK29" s="261">
        <v>220</v>
      </c>
      <c r="BL29" s="261">
        <v>106</v>
      </c>
      <c r="BM29" s="261">
        <v>51</v>
      </c>
      <c r="BN29" s="261">
        <v>35</v>
      </c>
      <c r="BO29" s="258">
        <v>549</v>
      </c>
      <c r="BP29" s="263">
        <v>549</v>
      </c>
      <c r="BQ29" s="257">
        <v>0</v>
      </c>
      <c r="BR29" s="261">
        <v>3</v>
      </c>
      <c r="BS29" s="258">
        <v>3</v>
      </c>
      <c r="BT29" s="260">
        <v>0</v>
      </c>
      <c r="BU29" s="261">
        <v>119</v>
      </c>
      <c r="BV29" s="261">
        <v>78</v>
      </c>
      <c r="BW29" s="261">
        <v>118</v>
      </c>
      <c r="BX29" s="261">
        <v>100</v>
      </c>
      <c r="BY29" s="261">
        <v>82</v>
      </c>
      <c r="BZ29" s="258">
        <v>497</v>
      </c>
      <c r="CA29" s="263">
        <v>500</v>
      </c>
      <c r="CB29" s="257">
        <v>0</v>
      </c>
      <c r="CC29" s="261">
        <v>0</v>
      </c>
      <c r="CD29" s="258">
        <v>0</v>
      </c>
      <c r="CE29" s="260">
        <v>0</v>
      </c>
      <c r="CF29" s="261">
        <v>0</v>
      </c>
      <c r="CG29" s="261">
        <v>6</v>
      </c>
      <c r="CH29" s="261">
        <v>16</v>
      </c>
      <c r="CI29" s="261">
        <v>7</v>
      </c>
      <c r="CJ29" s="261">
        <v>4</v>
      </c>
      <c r="CK29" s="258">
        <v>33</v>
      </c>
      <c r="CL29" s="263">
        <v>33</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81</v>
      </c>
      <c r="H30" s="261">
        <v>306</v>
      </c>
      <c r="I30" s="261">
        <v>209</v>
      </c>
      <c r="J30" s="261">
        <v>224</v>
      </c>
      <c r="K30" s="261">
        <v>218</v>
      </c>
      <c r="L30" s="262">
        <v>1038</v>
      </c>
      <c r="M30" s="263">
        <v>1038</v>
      </c>
      <c r="N30" s="257">
        <v>0</v>
      </c>
      <c r="O30" s="261">
        <v>0</v>
      </c>
      <c r="P30" s="258">
        <v>0</v>
      </c>
      <c r="Q30" s="260">
        <v>0</v>
      </c>
      <c r="R30" s="261">
        <v>0</v>
      </c>
      <c r="S30" s="261">
        <v>5</v>
      </c>
      <c r="T30" s="261">
        <v>6</v>
      </c>
      <c r="U30" s="261">
        <v>15</v>
      </c>
      <c r="V30" s="261">
        <v>20</v>
      </c>
      <c r="W30" s="258">
        <v>46</v>
      </c>
      <c r="X30" s="263">
        <v>46</v>
      </c>
      <c r="Y30" s="257">
        <v>5</v>
      </c>
      <c r="Z30" s="261">
        <v>31</v>
      </c>
      <c r="AA30" s="258">
        <v>36</v>
      </c>
      <c r="AB30" s="260">
        <v>0</v>
      </c>
      <c r="AC30" s="261">
        <v>56</v>
      </c>
      <c r="AD30" s="261">
        <v>123</v>
      </c>
      <c r="AE30" s="261">
        <v>42</v>
      </c>
      <c r="AF30" s="261">
        <v>72</v>
      </c>
      <c r="AG30" s="261">
        <v>38</v>
      </c>
      <c r="AH30" s="258">
        <v>331</v>
      </c>
      <c r="AI30" s="263">
        <v>367</v>
      </c>
      <c r="AJ30" s="257">
        <v>0</v>
      </c>
      <c r="AK30" s="261">
        <v>0</v>
      </c>
      <c r="AL30" s="258">
        <v>0</v>
      </c>
      <c r="AM30" s="260">
        <v>0</v>
      </c>
      <c r="AN30" s="261">
        <v>20</v>
      </c>
      <c r="AO30" s="261">
        <v>27</v>
      </c>
      <c r="AP30" s="261">
        <v>0</v>
      </c>
      <c r="AQ30" s="261">
        <v>9</v>
      </c>
      <c r="AR30" s="261">
        <v>11</v>
      </c>
      <c r="AS30" s="258">
        <v>67</v>
      </c>
      <c r="AT30" s="263">
        <v>67</v>
      </c>
      <c r="AU30" s="257">
        <v>0</v>
      </c>
      <c r="AV30" s="261">
        <v>0</v>
      </c>
      <c r="AW30" s="258">
        <v>0</v>
      </c>
      <c r="AX30" s="260">
        <v>0</v>
      </c>
      <c r="AY30" s="261">
        <v>271</v>
      </c>
      <c r="AZ30" s="261">
        <v>288</v>
      </c>
      <c r="BA30" s="261">
        <v>203</v>
      </c>
      <c r="BB30" s="261">
        <v>143</v>
      </c>
      <c r="BC30" s="261">
        <v>44</v>
      </c>
      <c r="BD30" s="262">
        <v>949</v>
      </c>
      <c r="BE30" s="263">
        <v>949</v>
      </c>
      <c r="BF30" s="257">
        <v>0</v>
      </c>
      <c r="BG30" s="261">
        <v>0</v>
      </c>
      <c r="BH30" s="258">
        <v>0</v>
      </c>
      <c r="BI30" s="260">
        <v>0</v>
      </c>
      <c r="BJ30" s="261">
        <v>39</v>
      </c>
      <c r="BK30" s="261">
        <v>120</v>
      </c>
      <c r="BL30" s="261">
        <v>60</v>
      </c>
      <c r="BM30" s="261">
        <v>44</v>
      </c>
      <c r="BN30" s="261">
        <v>30</v>
      </c>
      <c r="BO30" s="258">
        <v>293</v>
      </c>
      <c r="BP30" s="263">
        <v>293</v>
      </c>
      <c r="BQ30" s="257">
        <v>0</v>
      </c>
      <c r="BR30" s="261">
        <v>4</v>
      </c>
      <c r="BS30" s="258">
        <v>4</v>
      </c>
      <c r="BT30" s="260">
        <v>0</v>
      </c>
      <c r="BU30" s="261">
        <v>15</v>
      </c>
      <c r="BV30" s="261">
        <v>33</v>
      </c>
      <c r="BW30" s="261">
        <v>55</v>
      </c>
      <c r="BX30" s="261">
        <v>61</v>
      </c>
      <c r="BY30" s="261">
        <v>6</v>
      </c>
      <c r="BZ30" s="258">
        <v>170</v>
      </c>
      <c r="CA30" s="263">
        <v>174</v>
      </c>
      <c r="CB30" s="257">
        <v>0</v>
      </c>
      <c r="CC30" s="261">
        <v>0</v>
      </c>
      <c r="CD30" s="258">
        <v>0</v>
      </c>
      <c r="CE30" s="260">
        <v>0</v>
      </c>
      <c r="CF30" s="261">
        <v>9</v>
      </c>
      <c r="CG30" s="261">
        <v>3</v>
      </c>
      <c r="CH30" s="261">
        <v>23</v>
      </c>
      <c r="CI30" s="261">
        <v>13</v>
      </c>
      <c r="CJ30" s="261">
        <v>0</v>
      </c>
      <c r="CK30" s="258">
        <v>48</v>
      </c>
      <c r="CL30" s="263">
        <v>48</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276</v>
      </c>
      <c r="H31" s="261">
        <v>361</v>
      </c>
      <c r="I31" s="261">
        <v>354</v>
      </c>
      <c r="J31" s="261">
        <v>746</v>
      </c>
      <c r="K31" s="261">
        <v>606</v>
      </c>
      <c r="L31" s="262">
        <v>2343</v>
      </c>
      <c r="M31" s="263">
        <v>2343</v>
      </c>
      <c r="N31" s="257">
        <v>0</v>
      </c>
      <c r="O31" s="261">
        <v>0</v>
      </c>
      <c r="P31" s="258">
        <v>0</v>
      </c>
      <c r="Q31" s="260">
        <v>0</v>
      </c>
      <c r="R31" s="261">
        <v>0</v>
      </c>
      <c r="S31" s="261">
        <v>3</v>
      </c>
      <c r="T31" s="261">
        <v>5</v>
      </c>
      <c r="U31" s="261">
        <v>13</v>
      </c>
      <c r="V31" s="261">
        <v>41</v>
      </c>
      <c r="W31" s="258">
        <v>62</v>
      </c>
      <c r="X31" s="263">
        <v>62</v>
      </c>
      <c r="Y31" s="257">
        <v>4</v>
      </c>
      <c r="Z31" s="261">
        <v>33</v>
      </c>
      <c r="AA31" s="258">
        <v>37</v>
      </c>
      <c r="AB31" s="260">
        <v>0</v>
      </c>
      <c r="AC31" s="261">
        <v>181</v>
      </c>
      <c r="AD31" s="261">
        <v>143</v>
      </c>
      <c r="AE31" s="261">
        <v>144</v>
      </c>
      <c r="AF31" s="261">
        <v>94</v>
      </c>
      <c r="AG31" s="261">
        <v>125</v>
      </c>
      <c r="AH31" s="258">
        <v>687</v>
      </c>
      <c r="AI31" s="263">
        <v>724</v>
      </c>
      <c r="AJ31" s="257">
        <v>0</v>
      </c>
      <c r="AK31" s="261">
        <v>9</v>
      </c>
      <c r="AL31" s="258">
        <v>9</v>
      </c>
      <c r="AM31" s="260">
        <v>0</v>
      </c>
      <c r="AN31" s="261">
        <v>21</v>
      </c>
      <c r="AO31" s="261">
        <v>12</v>
      </c>
      <c r="AP31" s="261">
        <v>33</v>
      </c>
      <c r="AQ31" s="261">
        <v>18</v>
      </c>
      <c r="AR31" s="261">
        <v>0</v>
      </c>
      <c r="AS31" s="258">
        <v>84</v>
      </c>
      <c r="AT31" s="263">
        <v>93</v>
      </c>
      <c r="AU31" s="257">
        <v>0</v>
      </c>
      <c r="AV31" s="261">
        <v>0</v>
      </c>
      <c r="AW31" s="258">
        <v>0</v>
      </c>
      <c r="AX31" s="260">
        <v>0</v>
      </c>
      <c r="AY31" s="261">
        <v>291</v>
      </c>
      <c r="AZ31" s="261">
        <v>413</v>
      </c>
      <c r="BA31" s="261">
        <v>331</v>
      </c>
      <c r="BB31" s="261">
        <v>144</v>
      </c>
      <c r="BC31" s="261">
        <v>68</v>
      </c>
      <c r="BD31" s="262">
        <v>1247</v>
      </c>
      <c r="BE31" s="263">
        <v>1247</v>
      </c>
      <c r="BF31" s="257">
        <v>0</v>
      </c>
      <c r="BG31" s="261">
        <v>0</v>
      </c>
      <c r="BH31" s="258">
        <v>0</v>
      </c>
      <c r="BI31" s="260">
        <v>0</v>
      </c>
      <c r="BJ31" s="261">
        <v>142</v>
      </c>
      <c r="BK31" s="261">
        <v>67</v>
      </c>
      <c r="BL31" s="261">
        <v>82</v>
      </c>
      <c r="BM31" s="261">
        <v>0</v>
      </c>
      <c r="BN31" s="261">
        <v>0</v>
      </c>
      <c r="BO31" s="258">
        <v>291</v>
      </c>
      <c r="BP31" s="263">
        <v>291</v>
      </c>
      <c r="BQ31" s="257">
        <v>0</v>
      </c>
      <c r="BR31" s="261">
        <v>0</v>
      </c>
      <c r="BS31" s="258">
        <v>0</v>
      </c>
      <c r="BT31" s="260">
        <v>0</v>
      </c>
      <c r="BU31" s="261">
        <v>28</v>
      </c>
      <c r="BV31" s="261">
        <v>40</v>
      </c>
      <c r="BW31" s="261">
        <v>115</v>
      </c>
      <c r="BX31" s="261">
        <v>27</v>
      </c>
      <c r="BY31" s="261">
        <v>62</v>
      </c>
      <c r="BZ31" s="258">
        <v>272</v>
      </c>
      <c r="CA31" s="263">
        <v>272</v>
      </c>
      <c r="CB31" s="257">
        <v>0</v>
      </c>
      <c r="CC31" s="261">
        <v>0</v>
      </c>
      <c r="CD31" s="258">
        <v>0</v>
      </c>
      <c r="CE31" s="260">
        <v>0</v>
      </c>
      <c r="CF31" s="261">
        <v>4</v>
      </c>
      <c r="CG31" s="261">
        <v>9</v>
      </c>
      <c r="CH31" s="261">
        <v>3</v>
      </c>
      <c r="CI31" s="261">
        <v>0</v>
      </c>
      <c r="CJ31" s="261">
        <v>23</v>
      </c>
      <c r="CK31" s="258">
        <v>39</v>
      </c>
      <c r="CL31" s="263">
        <v>39</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234</v>
      </c>
      <c r="H32" s="261">
        <v>222</v>
      </c>
      <c r="I32" s="261">
        <v>624</v>
      </c>
      <c r="J32" s="261">
        <v>1044</v>
      </c>
      <c r="K32" s="261">
        <v>368</v>
      </c>
      <c r="L32" s="262">
        <v>2492</v>
      </c>
      <c r="M32" s="263">
        <v>2492</v>
      </c>
      <c r="N32" s="257">
        <v>0</v>
      </c>
      <c r="O32" s="261">
        <v>0</v>
      </c>
      <c r="P32" s="258">
        <v>0</v>
      </c>
      <c r="Q32" s="260">
        <v>0</v>
      </c>
      <c r="R32" s="261">
        <v>7</v>
      </c>
      <c r="S32" s="261">
        <v>0</v>
      </c>
      <c r="T32" s="261">
        <v>14</v>
      </c>
      <c r="U32" s="261">
        <v>40</v>
      </c>
      <c r="V32" s="261">
        <v>21</v>
      </c>
      <c r="W32" s="258">
        <v>82</v>
      </c>
      <c r="X32" s="263">
        <v>82</v>
      </c>
      <c r="Y32" s="257">
        <v>11</v>
      </c>
      <c r="Z32" s="261">
        <v>37</v>
      </c>
      <c r="AA32" s="258">
        <v>48</v>
      </c>
      <c r="AB32" s="260">
        <v>0</v>
      </c>
      <c r="AC32" s="261">
        <v>235</v>
      </c>
      <c r="AD32" s="261">
        <v>124</v>
      </c>
      <c r="AE32" s="261">
        <v>178</v>
      </c>
      <c r="AF32" s="261">
        <v>128</v>
      </c>
      <c r="AG32" s="261">
        <v>18</v>
      </c>
      <c r="AH32" s="258">
        <v>683</v>
      </c>
      <c r="AI32" s="263">
        <v>731</v>
      </c>
      <c r="AJ32" s="257">
        <v>12</v>
      </c>
      <c r="AK32" s="261">
        <v>0</v>
      </c>
      <c r="AL32" s="258">
        <v>12</v>
      </c>
      <c r="AM32" s="260">
        <v>0</v>
      </c>
      <c r="AN32" s="261">
        <v>33</v>
      </c>
      <c r="AO32" s="261">
        <v>9</v>
      </c>
      <c r="AP32" s="261">
        <v>36</v>
      </c>
      <c r="AQ32" s="261">
        <v>24</v>
      </c>
      <c r="AR32" s="261">
        <v>0</v>
      </c>
      <c r="AS32" s="258">
        <v>102</v>
      </c>
      <c r="AT32" s="263">
        <v>114</v>
      </c>
      <c r="AU32" s="257">
        <v>0</v>
      </c>
      <c r="AV32" s="261">
        <v>0</v>
      </c>
      <c r="AW32" s="258">
        <v>0</v>
      </c>
      <c r="AX32" s="260">
        <v>0</v>
      </c>
      <c r="AY32" s="261">
        <v>301</v>
      </c>
      <c r="AZ32" s="261">
        <v>217</v>
      </c>
      <c r="BA32" s="261">
        <v>182</v>
      </c>
      <c r="BB32" s="261">
        <v>125</v>
      </c>
      <c r="BC32" s="261">
        <v>11</v>
      </c>
      <c r="BD32" s="262">
        <v>836</v>
      </c>
      <c r="BE32" s="263">
        <v>836</v>
      </c>
      <c r="BF32" s="257">
        <v>0</v>
      </c>
      <c r="BG32" s="261">
        <v>0</v>
      </c>
      <c r="BH32" s="258">
        <v>0</v>
      </c>
      <c r="BI32" s="260">
        <v>0</v>
      </c>
      <c r="BJ32" s="261">
        <v>67</v>
      </c>
      <c r="BK32" s="261">
        <v>46</v>
      </c>
      <c r="BL32" s="261">
        <v>28</v>
      </c>
      <c r="BM32" s="261">
        <v>31</v>
      </c>
      <c r="BN32" s="261">
        <v>0</v>
      </c>
      <c r="BO32" s="258">
        <v>172</v>
      </c>
      <c r="BP32" s="263">
        <v>172</v>
      </c>
      <c r="BQ32" s="257">
        <v>0</v>
      </c>
      <c r="BR32" s="261">
        <v>2</v>
      </c>
      <c r="BS32" s="258">
        <v>2</v>
      </c>
      <c r="BT32" s="260">
        <v>0</v>
      </c>
      <c r="BU32" s="261">
        <v>13</v>
      </c>
      <c r="BV32" s="261">
        <v>74</v>
      </c>
      <c r="BW32" s="261">
        <v>84</v>
      </c>
      <c r="BX32" s="261">
        <v>34</v>
      </c>
      <c r="BY32" s="261">
        <v>5</v>
      </c>
      <c r="BZ32" s="258">
        <v>210</v>
      </c>
      <c r="CA32" s="263">
        <v>212</v>
      </c>
      <c r="CB32" s="257">
        <v>0</v>
      </c>
      <c r="CC32" s="261">
        <v>0</v>
      </c>
      <c r="CD32" s="258">
        <v>0</v>
      </c>
      <c r="CE32" s="260">
        <v>0</v>
      </c>
      <c r="CF32" s="261">
        <v>11</v>
      </c>
      <c r="CG32" s="261">
        <v>6</v>
      </c>
      <c r="CH32" s="261">
        <v>6</v>
      </c>
      <c r="CI32" s="261">
        <v>14</v>
      </c>
      <c r="CJ32" s="261">
        <v>4</v>
      </c>
      <c r="CK32" s="258">
        <v>41</v>
      </c>
      <c r="CL32" s="263">
        <v>41</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118</v>
      </c>
      <c r="H33" s="261">
        <v>124</v>
      </c>
      <c r="I33" s="261">
        <v>408</v>
      </c>
      <c r="J33" s="261">
        <v>152</v>
      </c>
      <c r="K33" s="261">
        <v>280</v>
      </c>
      <c r="L33" s="262">
        <v>1082</v>
      </c>
      <c r="M33" s="263">
        <v>1082</v>
      </c>
      <c r="N33" s="257">
        <v>0</v>
      </c>
      <c r="O33" s="261">
        <v>0</v>
      </c>
      <c r="P33" s="258">
        <v>0</v>
      </c>
      <c r="Q33" s="260">
        <v>0</v>
      </c>
      <c r="R33" s="261">
        <v>5</v>
      </c>
      <c r="S33" s="261">
        <v>4</v>
      </c>
      <c r="T33" s="261">
        <v>21</v>
      </c>
      <c r="U33" s="261">
        <v>40</v>
      </c>
      <c r="V33" s="261">
        <v>16</v>
      </c>
      <c r="W33" s="258">
        <v>86</v>
      </c>
      <c r="X33" s="263">
        <v>86</v>
      </c>
      <c r="Y33" s="257">
        <v>9</v>
      </c>
      <c r="Z33" s="261">
        <v>33</v>
      </c>
      <c r="AA33" s="258">
        <v>42</v>
      </c>
      <c r="AB33" s="260">
        <v>0</v>
      </c>
      <c r="AC33" s="261">
        <v>115</v>
      </c>
      <c r="AD33" s="261">
        <v>95</v>
      </c>
      <c r="AE33" s="261">
        <v>128</v>
      </c>
      <c r="AF33" s="261">
        <v>135</v>
      </c>
      <c r="AG33" s="261">
        <v>64</v>
      </c>
      <c r="AH33" s="258">
        <v>537</v>
      </c>
      <c r="AI33" s="263">
        <v>579</v>
      </c>
      <c r="AJ33" s="257">
        <v>9</v>
      </c>
      <c r="AK33" s="261">
        <v>21</v>
      </c>
      <c r="AL33" s="258">
        <v>30</v>
      </c>
      <c r="AM33" s="260">
        <v>0</v>
      </c>
      <c r="AN33" s="261">
        <v>24</v>
      </c>
      <c r="AO33" s="261">
        <v>24</v>
      </c>
      <c r="AP33" s="261">
        <v>20</v>
      </c>
      <c r="AQ33" s="261">
        <v>15</v>
      </c>
      <c r="AR33" s="261">
        <v>0</v>
      </c>
      <c r="AS33" s="258">
        <v>83</v>
      </c>
      <c r="AT33" s="263">
        <v>113</v>
      </c>
      <c r="AU33" s="257">
        <v>0</v>
      </c>
      <c r="AV33" s="261">
        <v>0</v>
      </c>
      <c r="AW33" s="258">
        <v>0</v>
      </c>
      <c r="AX33" s="260">
        <v>0</v>
      </c>
      <c r="AY33" s="261">
        <v>298</v>
      </c>
      <c r="AZ33" s="261">
        <v>417</v>
      </c>
      <c r="BA33" s="261">
        <v>200</v>
      </c>
      <c r="BB33" s="261">
        <v>109</v>
      </c>
      <c r="BC33" s="261">
        <v>44</v>
      </c>
      <c r="BD33" s="262">
        <v>1068</v>
      </c>
      <c r="BE33" s="263">
        <v>1068</v>
      </c>
      <c r="BF33" s="257">
        <v>0</v>
      </c>
      <c r="BG33" s="261">
        <v>0</v>
      </c>
      <c r="BH33" s="258">
        <v>0</v>
      </c>
      <c r="BI33" s="260">
        <v>0</v>
      </c>
      <c r="BJ33" s="261">
        <v>34</v>
      </c>
      <c r="BK33" s="261">
        <v>42</v>
      </c>
      <c r="BL33" s="261">
        <v>56</v>
      </c>
      <c r="BM33" s="261">
        <v>18</v>
      </c>
      <c r="BN33" s="261">
        <v>8</v>
      </c>
      <c r="BO33" s="258">
        <v>158</v>
      </c>
      <c r="BP33" s="263">
        <v>158</v>
      </c>
      <c r="BQ33" s="257">
        <v>0</v>
      </c>
      <c r="BR33" s="261">
        <v>7</v>
      </c>
      <c r="BS33" s="258">
        <v>7</v>
      </c>
      <c r="BT33" s="260">
        <v>0</v>
      </c>
      <c r="BU33" s="261">
        <v>23</v>
      </c>
      <c r="BV33" s="261">
        <v>45</v>
      </c>
      <c r="BW33" s="261">
        <v>141</v>
      </c>
      <c r="BX33" s="261">
        <v>84</v>
      </c>
      <c r="BY33" s="261">
        <v>10</v>
      </c>
      <c r="BZ33" s="258">
        <v>303</v>
      </c>
      <c r="CA33" s="263">
        <v>310</v>
      </c>
      <c r="CB33" s="257">
        <v>0</v>
      </c>
      <c r="CC33" s="261">
        <v>0</v>
      </c>
      <c r="CD33" s="258">
        <v>0</v>
      </c>
      <c r="CE33" s="260">
        <v>0</v>
      </c>
      <c r="CF33" s="261">
        <v>0</v>
      </c>
      <c r="CG33" s="261">
        <v>0</v>
      </c>
      <c r="CH33" s="261">
        <v>0</v>
      </c>
      <c r="CI33" s="261">
        <v>0</v>
      </c>
      <c r="CJ33" s="261">
        <v>5</v>
      </c>
      <c r="CK33" s="258">
        <v>5</v>
      </c>
      <c r="CL33" s="263">
        <v>5</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335</v>
      </c>
      <c r="H34" s="261">
        <v>280</v>
      </c>
      <c r="I34" s="261">
        <v>756</v>
      </c>
      <c r="J34" s="261">
        <v>260</v>
      </c>
      <c r="K34" s="261">
        <v>658</v>
      </c>
      <c r="L34" s="262">
        <v>2289</v>
      </c>
      <c r="M34" s="263">
        <v>2289</v>
      </c>
      <c r="N34" s="257">
        <v>0</v>
      </c>
      <c r="O34" s="261">
        <v>0</v>
      </c>
      <c r="P34" s="258">
        <v>0</v>
      </c>
      <c r="Q34" s="260">
        <v>0</v>
      </c>
      <c r="R34" s="261">
        <v>0</v>
      </c>
      <c r="S34" s="261">
        <v>0</v>
      </c>
      <c r="T34" s="261">
        <v>3</v>
      </c>
      <c r="U34" s="261">
        <v>16</v>
      </c>
      <c r="V34" s="261">
        <v>40</v>
      </c>
      <c r="W34" s="258">
        <v>59</v>
      </c>
      <c r="X34" s="263">
        <v>59</v>
      </c>
      <c r="Y34" s="257">
        <v>13</v>
      </c>
      <c r="Z34" s="261">
        <v>26</v>
      </c>
      <c r="AA34" s="258">
        <v>39</v>
      </c>
      <c r="AB34" s="260">
        <v>0</v>
      </c>
      <c r="AC34" s="261">
        <v>259</v>
      </c>
      <c r="AD34" s="261">
        <v>221</v>
      </c>
      <c r="AE34" s="261">
        <v>112</v>
      </c>
      <c r="AF34" s="261">
        <v>92</v>
      </c>
      <c r="AG34" s="261">
        <v>47</v>
      </c>
      <c r="AH34" s="258">
        <v>731</v>
      </c>
      <c r="AI34" s="263">
        <v>770</v>
      </c>
      <c r="AJ34" s="257">
        <v>0</v>
      </c>
      <c r="AK34" s="261">
        <v>12</v>
      </c>
      <c r="AL34" s="258">
        <v>12</v>
      </c>
      <c r="AM34" s="260">
        <v>0</v>
      </c>
      <c r="AN34" s="261">
        <v>48</v>
      </c>
      <c r="AO34" s="261">
        <v>21</v>
      </c>
      <c r="AP34" s="261">
        <v>0</v>
      </c>
      <c r="AQ34" s="261">
        <v>21</v>
      </c>
      <c r="AR34" s="261">
        <v>21</v>
      </c>
      <c r="AS34" s="258">
        <v>111</v>
      </c>
      <c r="AT34" s="263">
        <v>123</v>
      </c>
      <c r="AU34" s="257">
        <v>0</v>
      </c>
      <c r="AV34" s="261">
        <v>0</v>
      </c>
      <c r="AW34" s="258">
        <v>0</v>
      </c>
      <c r="AX34" s="260">
        <v>0</v>
      </c>
      <c r="AY34" s="261">
        <v>479</v>
      </c>
      <c r="AZ34" s="261">
        <v>510</v>
      </c>
      <c r="BA34" s="261">
        <v>278</v>
      </c>
      <c r="BB34" s="261">
        <v>189</v>
      </c>
      <c r="BC34" s="261">
        <v>39</v>
      </c>
      <c r="BD34" s="262">
        <v>1495</v>
      </c>
      <c r="BE34" s="263">
        <v>1495</v>
      </c>
      <c r="BF34" s="257">
        <v>0</v>
      </c>
      <c r="BG34" s="261">
        <v>0</v>
      </c>
      <c r="BH34" s="258">
        <v>0</v>
      </c>
      <c r="BI34" s="260">
        <v>0</v>
      </c>
      <c r="BJ34" s="261">
        <v>95</v>
      </c>
      <c r="BK34" s="261">
        <v>104</v>
      </c>
      <c r="BL34" s="261">
        <v>39</v>
      </c>
      <c r="BM34" s="261">
        <v>29</v>
      </c>
      <c r="BN34" s="261">
        <v>25</v>
      </c>
      <c r="BO34" s="258">
        <v>292</v>
      </c>
      <c r="BP34" s="263">
        <v>292</v>
      </c>
      <c r="BQ34" s="257">
        <v>4</v>
      </c>
      <c r="BR34" s="261">
        <v>0</v>
      </c>
      <c r="BS34" s="258">
        <v>4</v>
      </c>
      <c r="BT34" s="260">
        <v>0</v>
      </c>
      <c r="BU34" s="261">
        <v>7</v>
      </c>
      <c r="BV34" s="261">
        <v>45</v>
      </c>
      <c r="BW34" s="261">
        <v>83</v>
      </c>
      <c r="BX34" s="261">
        <v>58</v>
      </c>
      <c r="BY34" s="261">
        <v>37</v>
      </c>
      <c r="BZ34" s="258">
        <v>230</v>
      </c>
      <c r="CA34" s="263">
        <v>234</v>
      </c>
      <c r="CB34" s="257">
        <v>0</v>
      </c>
      <c r="CC34" s="261">
        <v>0</v>
      </c>
      <c r="CD34" s="258">
        <v>0</v>
      </c>
      <c r="CE34" s="260">
        <v>0</v>
      </c>
      <c r="CF34" s="261">
        <v>0</v>
      </c>
      <c r="CG34" s="261">
        <v>12</v>
      </c>
      <c r="CH34" s="261">
        <v>33</v>
      </c>
      <c r="CI34" s="261">
        <v>11</v>
      </c>
      <c r="CJ34" s="261">
        <v>8</v>
      </c>
      <c r="CK34" s="258">
        <v>64</v>
      </c>
      <c r="CL34" s="263">
        <v>64</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158</v>
      </c>
      <c r="H35" s="261">
        <v>262</v>
      </c>
      <c r="I35" s="261">
        <v>515</v>
      </c>
      <c r="J35" s="261">
        <v>-516</v>
      </c>
      <c r="K35" s="261">
        <v>328</v>
      </c>
      <c r="L35" s="262">
        <v>747</v>
      </c>
      <c r="M35" s="263">
        <v>747</v>
      </c>
      <c r="N35" s="257">
        <v>0</v>
      </c>
      <c r="O35" s="261">
        <v>0</v>
      </c>
      <c r="P35" s="258">
        <v>0</v>
      </c>
      <c r="Q35" s="260">
        <v>0</v>
      </c>
      <c r="R35" s="261">
        <v>8</v>
      </c>
      <c r="S35" s="261">
        <v>0</v>
      </c>
      <c r="T35" s="261">
        <v>4</v>
      </c>
      <c r="U35" s="261">
        <v>9</v>
      </c>
      <c r="V35" s="261">
        <v>20</v>
      </c>
      <c r="W35" s="258">
        <v>41</v>
      </c>
      <c r="X35" s="263">
        <v>41</v>
      </c>
      <c r="Y35" s="257">
        <v>0</v>
      </c>
      <c r="Z35" s="261">
        <v>10</v>
      </c>
      <c r="AA35" s="258">
        <v>10</v>
      </c>
      <c r="AB35" s="260">
        <v>0</v>
      </c>
      <c r="AC35" s="261">
        <v>152</v>
      </c>
      <c r="AD35" s="261">
        <v>65</v>
      </c>
      <c r="AE35" s="261">
        <v>16</v>
      </c>
      <c r="AF35" s="261">
        <v>33</v>
      </c>
      <c r="AG35" s="261">
        <v>21</v>
      </c>
      <c r="AH35" s="258">
        <v>287</v>
      </c>
      <c r="AI35" s="263">
        <v>297</v>
      </c>
      <c r="AJ35" s="257">
        <v>134</v>
      </c>
      <c r="AK35" s="261">
        <v>194</v>
      </c>
      <c r="AL35" s="258">
        <v>328</v>
      </c>
      <c r="AM35" s="260">
        <v>0</v>
      </c>
      <c r="AN35" s="261">
        <v>503</v>
      </c>
      <c r="AO35" s="261">
        <v>259</v>
      </c>
      <c r="AP35" s="261">
        <v>138</v>
      </c>
      <c r="AQ35" s="261">
        <v>69</v>
      </c>
      <c r="AR35" s="261">
        <v>56</v>
      </c>
      <c r="AS35" s="258">
        <v>1025</v>
      </c>
      <c r="AT35" s="263">
        <v>1353</v>
      </c>
      <c r="AU35" s="257">
        <v>0</v>
      </c>
      <c r="AV35" s="261">
        <v>0</v>
      </c>
      <c r="AW35" s="258">
        <v>0</v>
      </c>
      <c r="AX35" s="260">
        <v>0</v>
      </c>
      <c r="AY35" s="261">
        <v>56</v>
      </c>
      <c r="AZ35" s="261">
        <v>73</v>
      </c>
      <c r="BA35" s="261">
        <v>50</v>
      </c>
      <c r="BB35" s="261">
        <v>19</v>
      </c>
      <c r="BC35" s="261">
        <v>52</v>
      </c>
      <c r="BD35" s="262">
        <v>250</v>
      </c>
      <c r="BE35" s="263">
        <v>250</v>
      </c>
      <c r="BF35" s="257">
        <v>0</v>
      </c>
      <c r="BG35" s="261">
        <v>0</v>
      </c>
      <c r="BH35" s="258">
        <v>0</v>
      </c>
      <c r="BI35" s="260">
        <v>0</v>
      </c>
      <c r="BJ35" s="261">
        <v>171</v>
      </c>
      <c r="BK35" s="261">
        <v>99</v>
      </c>
      <c r="BL35" s="261">
        <v>66</v>
      </c>
      <c r="BM35" s="261">
        <v>16</v>
      </c>
      <c r="BN35" s="261">
        <v>7</v>
      </c>
      <c r="BO35" s="258">
        <v>359</v>
      </c>
      <c r="BP35" s="263">
        <v>359</v>
      </c>
      <c r="BQ35" s="257">
        <v>0</v>
      </c>
      <c r="BR35" s="261">
        <v>5</v>
      </c>
      <c r="BS35" s="258">
        <v>5</v>
      </c>
      <c r="BT35" s="260">
        <v>0</v>
      </c>
      <c r="BU35" s="261">
        <v>10</v>
      </c>
      <c r="BV35" s="261">
        <v>46</v>
      </c>
      <c r="BW35" s="261">
        <v>109</v>
      </c>
      <c r="BX35" s="261">
        <v>78</v>
      </c>
      <c r="BY35" s="261">
        <v>48</v>
      </c>
      <c r="BZ35" s="258">
        <v>291</v>
      </c>
      <c r="CA35" s="263">
        <v>296</v>
      </c>
      <c r="CB35" s="257">
        <v>0</v>
      </c>
      <c r="CC35" s="261">
        <v>0</v>
      </c>
      <c r="CD35" s="258">
        <v>0</v>
      </c>
      <c r="CE35" s="260">
        <v>0</v>
      </c>
      <c r="CF35" s="261">
        <v>7</v>
      </c>
      <c r="CG35" s="261">
        <v>8</v>
      </c>
      <c r="CH35" s="261">
        <v>0</v>
      </c>
      <c r="CI35" s="261">
        <v>0</v>
      </c>
      <c r="CJ35" s="261">
        <v>0</v>
      </c>
      <c r="CK35" s="258">
        <v>15</v>
      </c>
      <c r="CL35" s="263">
        <v>15</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164</v>
      </c>
      <c r="H36" s="261">
        <v>132</v>
      </c>
      <c r="I36" s="261">
        <v>132</v>
      </c>
      <c r="J36" s="261">
        <v>378</v>
      </c>
      <c r="K36" s="261">
        <v>182</v>
      </c>
      <c r="L36" s="262">
        <v>988</v>
      </c>
      <c r="M36" s="263">
        <v>988</v>
      </c>
      <c r="N36" s="257">
        <v>0</v>
      </c>
      <c r="O36" s="261">
        <v>0</v>
      </c>
      <c r="P36" s="258">
        <v>0</v>
      </c>
      <c r="Q36" s="260">
        <v>0</v>
      </c>
      <c r="R36" s="261">
        <v>0</v>
      </c>
      <c r="S36" s="261">
        <v>4</v>
      </c>
      <c r="T36" s="261">
        <v>0</v>
      </c>
      <c r="U36" s="261">
        <v>4</v>
      </c>
      <c r="V36" s="261">
        <v>35</v>
      </c>
      <c r="W36" s="258">
        <v>43</v>
      </c>
      <c r="X36" s="263">
        <v>43</v>
      </c>
      <c r="Y36" s="257">
        <v>0</v>
      </c>
      <c r="Z36" s="261">
        <v>101</v>
      </c>
      <c r="AA36" s="258">
        <v>101</v>
      </c>
      <c r="AB36" s="260">
        <v>0</v>
      </c>
      <c r="AC36" s="261">
        <v>150</v>
      </c>
      <c r="AD36" s="261">
        <v>89</v>
      </c>
      <c r="AE36" s="261">
        <v>47</v>
      </c>
      <c r="AF36" s="261">
        <v>58</v>
      </c>
      <c r="AG36" s="261">
        <v>98</v>
      </c>
      <c r="AH36" s="258">
        <v>442</v>
      </c>
      <c r="AI36" s="263">
        <v>543</v>
      </c>
      <c r="AJ36" s="257">
        <v>0</v>
      </c>
      <c r="AK36" s="261">
        <v>12</v>
      </c>
      <c r="AL36" s="258">
        <v>12</v>
      </c>
      <c r="AM36" s="260">
        <v>0</v>
      </c>
      <c r="AN36" s="261">
        <v>87</v>
      </c>
      <c r="AO36" s="261">
        <v>41</v>
      </c>
      <c r="AP36" s="261">
        <v>15</v>
      </c>
      <c r="AQ36" s="261">
        <v>12</v>
      </c>
      <c r="AR36" s="261">
        <v>16</v>
      </c>
      <c r="AS36" s="258">
        <v>171</v>
      </c>
      <c r="AT36" s="263">
        <v>183</v>
      </c>
      <c r="AU36" s="257">
        <v>0</v>
      </c>
      <c r="AV36" s="261">
        <v>0</v>
      </c>
      <c r="AW36" s="258">
        <v>0</v>
      </c>
      <c r="AX36" s="260">
        <v>0</v>
      </c>
      <c r="AY36" s="261">
        <v>279</v>
      </c>
      <c r="AZ36" s="261">
        <v>167</v>
      </c>
      <c r="BA36" s="261">
        <v>177</v>
      </c>
      <c r="BB36" s="261">
        <v>138</v>
      </c>
      <c r="BC36" s="261">
        <v>37</v>
      </c>
      <c r="BD36" s="262">
        <v>798</v>
      </c>
      <c r="BE36" s="263">
        <v>798</v>
      </c>
      <c r="BF36" s="257">
        <v>0</v>
      </c>
      <c r="BG36" s="261">
        <v>0</v>
      </c>
      <c r="BH36" s="258">
        <v>0</v>
      </c>
      <c r="BI36" s="260">
        <v>0</v>
      </c>
      <c r="BJ36" s="261">
        <v>42</v>
      </c>
      <c r="BK36" s="261">
        <v>18</v>
      </c>
      <c r="BL36" s="261">
        <v>11</v>
      </c>
      <c r="BM36" s="261">
        <v>46</v>
      </c>
      <c r="BN36" s="261">
        <v>0</v>
      </c>
      <c r="BO36" s="258">
        <v>117</v>
      </c>
      <c r="BP36" s="263">
        <v>117</v>
      </c>
      <c r="BQ36" s="257">
        <v>0</v>
      </c>
      <c r="BR36" s="261">
        <v>0</v>
      </c>
      <c r="BS36" s="258">
        <v>0</v>
      </c>
      <c r="BT36" s="260">
        <v>0</v>
      </c>
      <c r="BU36" s="261">
        <v>24</v>
      </c>
      <c r="BV36" s="261">
        <v>5</v>
      </c>
      <c r="BW36" s="261">
        <v>7</v>
      </c>
      <c r="BX36" s="261">
        <v>31</v>
      </c>
      <c r="BY36" s="261">
        <v>48</v>
      </c>
      <c r="BZ36" s="258">
        <v>115</v>
      </c>
      <c r="CA36" s="263">
        <v>115</v>
      </c>
      <c r="CB36" s="257">
        <v>0</v>
      </c>
      <c r="CC36" s="261">
        <v>0</v>
      </c>
      <c r="CD36" s="258">
        <v>0</v>
      </c>
      <c r="CE36" s="260">
        <v>0</v>
      </c>
      <c r="CF36" s="261">
        <v>0</v>
      </c>
      <c r="CG36" s="261">
        <v>17</v>
      </c>
      <c r="CH36" s="261">
        <v>0</v>
      </c>
      <c r="CI36" s="261">
        <v>8</v>
      </c>
      <c r="CJ36" s="261">
        <v>0</v>
      </c>
      <c r="CK36" s="258">
        <v>25</v>
      </c>
      <c r="CL36" s="263">
        <v>25</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1264</v>
      </c>
      <c r="H37" s="261">
        <v>919</v>
      </c>
      <c r="I37" s="261">
        <v>1728</v>
      </c>
      <c r="J37" s="261">
        <v>1862</v>
      </c>
      <c r="K37" s="261">
        <v>842</v>
      </c>
      <c r="L37" s="262">
        <v>6615</v>
      </c>
      <c r="M37" s="263">
        <v>6615</v>
      </c>
      <c r="N37" s="257">
        <v>0</v>
      </c>
      <c r="O37" s="261">
        <v>0</v>
      </c>
      <c r="P37" s="258">
        <v>0</v>
      </c>
      <c r="Q37" s="260">
        <v>0</v>
      </c>
      <c r="R37" s="261">
        <v>0</v>
      </c>
      <c r="S37" s="261">
        <v>15</v>
      </c>
      <c r="T37" s="261">
        <v>17</v>
      </c>
      <c r="U37" s="261">
        <v>69</v>
      </c>
      <c r="V37" s="261">
        <v>56</v>
      </c>
      <c r="W37" s="258">
        <v>157</v>
      </c>
      <c r="X37" s="263">
        <v>157</v>
      </c>
      <c r="Y37" s="257">
        <v>19</v>
      </c>
      <c r="Z37" s="261">
        <v>58</v>
      </c>
      <c r="AA37" s="258">
        <v>77</v>
      </c>
      <c r="AB37" s="260">
        <v>0</v>
      </c>
      <c r="AC37" s="261">
        <v>409</v>
      </c>
      <c r="AD37" s="261">
        <v>292</v>
      </c>
      <c r="AE37" s="261">
        <v>246</v>
      </c>
      <c r="AF37" s="261">
        <v>266</v>
      </c>
      <c r="AG37" s="261">
        <v>129</v>
      </c>
      <c r="AH37" s="258">
        <v>1342</v>
      </c>
      <c r="AI37" s="263">
        <v>1419</v>
      </c>
      <c r="AJ37" s="257">
        <v>47</v>
      </c>
      <c r="AK37" s="261">
        <v>113</v>
      </c>
      <c r="AL37" s="258">
        <v>160</v>
      </c>
      <c r="AM37" s="260">
        <v>0</v>
      </c>
      <c r="AN37" s="261">
        <v>264</v>
      </c>
      <c r="AO37" s="261">
        <v>137</v>
      </c>
      <c r="AP37" s="261">
        <v>67</v>
      </c>
      <c r="AQ37" s="261">
        <v>190</v>
      </c>
      <c r="AR37" s="261">
        <v>38</v>
      </c>
      <c r="AS37" s="258">
        <v>696</v>
      </c>
      <c r="AT37" s="263">
        <v>856</v>
      </c>
      <c r="AU37" s="257">
        <v>0</v>
      </c>
      <c r="AV37" s="261">
        <v>0</v>
      </c>
      <c r="AW37" s="258">
        <v>0</v>
      </c>
      <c r="AX37" s="260">
        <v>0</v>
      </c>
      <c r="AY37" s="261">
        <v>1210</v>
      </c>
      <c r="AZ37" s="261">
        <v>825</v>
      </c>
      <c r="BA37" s="261">
        <v>591</v>
      </c>
      <c r="BB37" s="261">
        <v>317</v>
      </c>
      <c r="BC37" s="261">
        <v>222</v>
      </c>
      <c r="BD37" s="262">
        <v>3165</v>
      </c>
      <c r="BE37" s="263">
        <v>3165</v>
      </c>
      <c r="BF37" s="257">
        <v>0</v>
      </c>
      <c r="BG37" s="261">
        <v>0</v>
      </c>
      <c r="BH37" s="258">
        <v>0</v>
      </c>
      <c r="BI37" s="260">
        <v>0</v>
      </c>
      <c r="BJ37" s="261">
        <v>376</v>
      </c>
      <c r="BK37" s="261">
        <v>183</v>
      </c>
      <c r="BL37" s="261">
        <v>56</v>
      </c>
      <c r="BM37" s="261">
        <v>133</v>
      </c>
      <c r="BN37" s="261">
        <v>12</v>
      </c>
      <c r="BO37" s="258">
        <v>760</v>
      </c>
      <c r="BP37" s="263">
        <v>760</v>
      </c>
      <c r="BQ37" s="257">
        <v>6</v>
      </c>
      <c r="BR37" s="261">
        <v>0</v>
      </c>
      <c r="BS37" s="258">
        <v>6</v>
      </c>
      <c r="BT37" s="260">
        <v>0</v>
      </c>
      <c r="BU37" s="261">
        <v>108</v>
      </c>
      <c r="BV37" s="261">
        <v>18</v>
      </c>
      <c r="BW37" s="261">
        <v>94</v>
      </c>
      <c r="BX37" s="261">
        <v>85</v>
      </c>
      <c r="BY37" s="261">
        <v>58</v>
      </c>
      <c r="BZ37" s="258">
        <v>363</v>
      </c>
      <c r="CA37" s="263">
        <v>369</v>
      </c>
      <c r="CB37" s="257">
        <v>0</v>
      </c>
      <c r="CC37" s="261">
        <v>0</v>
      </c>
      <c r="CD37" s="258">
        <v>0</v>
      </c>
      <c r="CE37" s="260">
        <v>0</v>
      </c>
      <c r="CF37" s="261">
        <v>2</v>
      </c>
      <c r="CG37" s="261">
        <v>4</v>
      </c>
      <c r="CH37" s="261">
        <v>4</v>
      </c>
      <c r="CI37" s="261">
        <v>27</v>
      </c>
      <c r="CJ37" s="261">
        <v>4</v>
      </c>
      <c r="CK37" s="258">
        <v>41</v>
      </c>
      <c r="CL37" s="263">
        <v>41</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573</v>
      </c>
      <c r="H38" s="261">
        <v>1289</v>
      </c>
      <c r="I38" s="261">
        <v>1835</v>
      </c>
      <c r="J38" s="261">
        <v>1592</v>
      </c>
      <c r="K38" s="261">
        <v>2212</v>
      </c>
      <c r="L38" s="262">
        <v>7501</v>
      </c>
      <c r="M38" s="263">
        <v>7501</v>
      </c>
      <c r="N38" s="257">
        <v>0</v>
      </c>
      <c r="O38" s="261">
        <v>0</v>
      </c>
      <c r="P38" s="258">
        <v>0</v>
      </c>
      <c r="Q38" s="260">
        <v>0</v>
      </c>
      <c r="R38" s="261">
        <v>11</v>
      </c>
      <c r="S38" s="261">
        <v>29</v>
      </c>
      <c r="T38" s="261">
        <v>30</v>
      </c>
      <c r="U38" s="261">
        <v>52</v>
      </c>
      <c r="V38" s="261">
        <v>56</v>
      </c>
      <c r="W38" s="258">
        <v>178</v>
      </c>
      <c r="X38" s="263">
        <v>178</v>
      </c>
      <c r="Y38" s="257">
        <v>76</v>
      </c>
      <c r="Z38" s="261">
        <v>184</v>
      </c>
      <c r="AA38" s="258">
        <v>260</v>
      </c>
      <c r="AB38" s="260">
        <v>0</v>
      </c>
      <c r="AC38" s="261">
        <v>571</v>
      </c>
      <c r="AD38" s="261">
        <v>511</v>
      </c>
      <c r="AE38" s="261">
        <v>363</v>
      </c>
      <c r="AF38" s="261">
        <v>290</v>
      </c>
      <c r="AG38" s="261">
        <v>396</v>
      </c>
      <c r="AH38" s="258">
        <v>2131</v>
      </c>
      <c r="AI38" s="263">
        <v>2391</v>
      </c>
      <c r="AJ38" s="257">
        <v>24</v>
      </c>
      <c r="AK38" s="261">
        <v>136</v>
      </c>
      <c r="AL38" s="258">
        <v>160</v>
      </c>
      <c r="AM38" s="260">
        <v>0</v>
      </c>
      <c r="AN38" s="261">
        <v>177</v>
      </c>
      <c r="AO38" s="261">
        <v>159</v>
      </c>
      <c r="AP38" s="261">
        <v>34</v>
      </c>
      <c r="AQ38" s="261">
        <v>82</v>
      </c>
      <c r="AR38" s="261">
        <v>58</v>
      </c>
      <c r="AS38" s="258">
        <v>510</v>
      </c>
      <c r="AT38" s="263">
        <v>670</v>
      </c>
      <c r="AU38" s="257">
        <v>0</v>
      </c>
      <c r="AV38" s="261">
        <v>0</v>
      </c>
      <c r="AW38" s="258">
        <v>0</v>
      </c>
      <c r="AX38" s="260">
        <v>0</v>
      </c>
      <c r="AY38" s="261">
        <v>719</v>
      </c>
      <c r="AZ38" s="261">
        <v>1079</v>
      </c>
      <c r="BA38" s="261">
        <v>415</v>
      </c>
      <c r="BB38" s="261">
        <v>334</v>
      </c>
      <c r="BC38" s="261">
        <v>176</v>
      </c>
      <c r="BD38" s="262">
        <v>2723</v>
      </c>
      <c r="BE38" s="263">
        <v>2723</v>
      </c>
      <c r="BF38" s="257">
        <v>0</v>
      </c>
      <c r="BG38" s="261">
        <v>0</v>
      </c>
      <c r="BH38" s="258">
        <v>0</v>
      </c>
      <c r="BI38" s="260">
        <v>0</v>
      </c>
      <c r="BJ38" s="261">
        <v>202</v>
      </c>
      <c r="BK38" s="261">
        <v>225</v>
      </c>
      <c r="BL38" s="261">
        <v>148</v>
      </c>
      <c r="BM38" s="261">
        <v>37</v>
      </c>
      <c r="BN38" s="261">
        <v>17</v>
      </c>
      <c r="BO38" s="258">
        <v>629</v>
      </c>
      <c r="BP38" s="263">
        <v>629</v>
      </c>
      <c r="BQ38" s="257">
        <v>0</v>
      </c>
      <c r="BR38" s="261">
        <v>21</v>
      </c>
      <c r="BS38" s="258">
        <v>21</v>
      </c>
      <c r="BT38" s="260">
        <v>0</v>
      </c>
      <c r="BU38" s="261">
        <v>148</v>
      </c>
      <c r="BV38" s="261">
        <v>150</v>
      </c>
      <c r="BW38" s="261">
        <v>433</v>
      </c>
      <c r="BX38" s="261">
        <v>244</v>
      </c>
      <c r="BY38" s="261">
        <v>127</v>
      </c>
      <c r="BZ38" s="258">
        <v>1102</v>
      </c>
      <c r="CA38" s="263">
        <v>1123</v>
      </c>
      <c r="CB38" s="257">
        <v>0</v>
      </c>
      <c r="CC38" s="261">
        <v>0</v>
      </c>
      <c r="CD38" s="258">
        <v>0</v>
      </c>
      <c r="CE38" s="260">
        <v>0</v>
      </c>
      <c r="CF38" s="261">
        <v>5</v>
      </c>
      <c r="CG38" s="261">
        <v>2</v>
      </c>
      <c r="CH38" s="261">
        <v>0</v>
      </c>
      <c r="CI38" s="261">
        <v>8</v>
      </c>
      <c r="CJ38" s="261">
        <v>3</v>
      </c>
      <c r="CK38" s="258">
        <v>18</v>
      </c>
      <c r="CL38" s="263">
        <v>18</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32</v>
      </c>
      <c r="H39" s="268">
        <v>37</v>
      </c>
      <c r="I39" s="268">
        <v>76</v>
      </c>
      <c r="J39" s="268">
        <v>80</v>
      </c>
      <c r="K39" s="268">
        <v>119</v>
      </c>
      <c r="L39" s="269">
        <v>344</v>
      </c>
      <c r="M39" s="270">
        <v>344</v>
      </c>
      <c r="N39" s="264">
        <v>0</v>
      </c>
      <c r="O39" s="268">
        <v>0</v>
      </c>
      <c r="P39" s="265">
        <v>0</v>
      </c>
      <c r="Q39" s="267">
        <v>0</v>
      </c>
      <c r="R39" s="268">
        <v>0</v>
      </c>
      <c r="S39" s="268">
        <v>0</v>
      </c>
      <c r="T39" s="268">
        <v>4</v>
      </c>
      <c r="U39" s="268">
        <v>0</v>
      </c>
      <c r="V39" s="268">
        <v>0</v>
      </c>
      <c r="W39" s="265">
        <v>4</v>
      </c>
      <c r="X39" s="270">
        <v>4</v>
      </c>
      <c r="Y39" s="264">
        <v>8</v>
      </c>
      <c r="Z39" s="268">
        <v>2</v>
      </c>
      <c r="AA39" s="265">
        <v>10</v>
      </c>
      <c r="AB39" s="267">
        <v>0</v>
      </c>
      <c r="AC39" s="268">
        <v>17</v>
      </c>
      <c r="AD39" s="268">
        <v>29</v>
      </c>
      <c r="AE39" s="268">
        <v>3</v>
      </c>
      <c r="AF39" s="268">
        <v>32</v>
      </c>
      <c r="AG39" s="268">
        <v>33</v>
      </c>
      <c r="AH39" s="265">
        <v>114</v>
      </c>
      <c r="AI39" s="270">
        <v>124</v>
      </c>
      <c r="AJ39" s="264">
        <v>0</v>
      </c>
      <c r="AK39" s="268">
        <v>0</v>
      </c>
      <c r="AL39" s="265">
        <v>0</v>
      </c>
      <c r="AM39" s="267">
        <v>0</v>
      </c>
      <c r="AN39" s="268">
        <v>0</v>
      </c>
      <c r="AO39" s="268">
        <v>8</v>
      </c>
      <c r="AP39" s="268">
        <v>0</v>
      </c>
      <c r="AQ39" s="268">
        <v>21</v>
      </c>
      <c r="AR39" s="268">
        <v>0</v>
      </c>
      <c r="AS39" s="265">
        <v>29</v>
      </c>
      <c r="AT39" s="270">
        <v>29</v>
      </c>
      <c r="AU39" s="264">
        <v>0</v>
      </c>
      <c r="AV39" s="268">
        <v>0</v>
      </c>
      <c r="AW39" s="265">
        <v>0</v>
      </c>
      <c r="AX39" s="267">
        <v>0</v>
      </c>
      <c r="AY39" s="268">
        <v>70</v>
      </c>
      <c r="AZ39" s="268">
        <v>49</v>
      </c>
      <c r="BA39" s="268">
        <v>94</v>
      </c>
      <c r="BB39" s="268">
        <v>43</v>
      </c>
      <c r="BC39" s="268">
        <v>9</v>
      </c>
      <c r="BD39" s="269">
        <v>265</v>
      </c>
      <c r="BE39" s="270">
        <v>265</v>
      </c>
      <c r="BF39" s="264">
        <v>0</v>
      </c>
      <c r="BG39" s="268">
        <v>0</v>
      </c>
      <c r="BH39" s="265">
        <v>0</v>
      </c>
      <c r="BI39" s="267">
        <v>0</v>
      </c>
      <c r="BJ39" s="268">
        <v>41</v>
      </c>
      <c r="BK39" s="268">
        <v>34</v>
      </c>
      <c r="BL39" s="268">
        <v>0</v>
      </c>
      <c r="BM39" s="268">
        <v>29</v>
      </c>
      <c r="BN39" s="268">
        <v>4</v>
      </c>
      <c r="BO39" s="265">
        <v>108</v>
      </c>
      <c r="BP39" s="270">
        <v>108</v>
      </c>
      <c r="BQ39" s="264">
        <v>0</v>
      </c>
      <c r="BR39" s="268">
        <v>0</v>
      </c>
      <c r="BS39" s="265">
        <v>0</v>
      </c>
      <c r="BT39" s="267">
        <v>0</v>
      </c>
      <c r="BU39" s="268">
        <v>0</v>
      </c>
      <c r="BV39" s="268">
        <v>8</v>
      </c>
      <c r="BW39" s="268">
        <v>18</v>
      </c>
      <c r="BX39" s="268">
        <v>3</v>
      </c>
      <c r="BY39" s="268">
        <v>0</v>
      </c>
      <c r="BZ39" s="265">
        <v>29</v>
      </c>
      <c r="CA39" s="270">
        <v>29</v>
      </c>
      <c r="CB39" s="264">
        <v>0</v>
      </c>
      <c r="CC39" s="268">
        <v>0</v>
      </c>
      <c r="CD39" s="265">
        <v>0</v>
      </c>
      <c r="CE39" s="267">
        <v>0</v>
      </c>
      <c r="CF39" s="268">
        <v>0</v>
      </c>
      <c r="CG39" s="268">
        <v>0</v>
      </c>
      <c r="CH39" s="268">
        <v>0</v>
      </c>
      <c r="CI39" s="268">
        <v>6</v>
      </c>
      <c r="CJ39" s="268">
        <v>5</v>
      </c>
      <c r="CK39" s="265">
        <v>11</v>
      </c>
      <c r="CL39" s="270">
        <v>11</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4-02-08T02:43:27Z</dcterms:modified>
</cp:coreProperties>
</file>